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60" r:id="rId1"/>
  </p:sldMasterIdLst>
  <p:notesMasterIdLst>
    <p:notesMasterId r:id="rId24"/>
  </p:notesMasterIdLst>
  <p:handoutMasterIdLst>
    <p:handoutMasterId r:id="rId25"/>
  </p:handoutMasterIdLst>
  <p:sldIdLst>
    <p:sldId id="407" r:id="rId2"/>
    <p:sldId id="578" r:id="rId3"/>
    <p:sldId id="580" r:id="rId4"/>
    <p:sldId id="582" r:id="rId5"/>
    <p:sldId id="568" r:id="rId6"/>
    <p:sldId id="569" r:id="rId7"/>
    <p:sldId id="583" r:id="rId8"/>
    <p:sldId id="584" r:id="rId9"/>
    <p:sldId id="585" r:id="rId10"/>
    <p:sldId id="589" r:id="rId11"/>
    <p:sldId id="586" r:id="rId12"/>
    <p:sldId id="587" r:id="rId13"/>
    <p:sldId id="588" r:id="rId14"/>
    <p:sldId id="572" r:id="rId15"/>
    <p:sldId id="590" r:id="rId16"/>
    <p:sldId id="591" r:id="rId17"/>
    <p:sldId id="553" r:id="rId18"/>
    <p:sldId id="554" r:id="rId19"/>
    <p:sldId id="581" r:id="rId20"/>
    <p:sldId id="552" r:id="rId21"/>
    <p:sldId id="577" r:id="rId22"/>
    <p:sldId id="539" r:id="rId23"/>
  </p:sldIdLst>
  <p:sldSz cx="9144000" cy="6858000" type="screen4x3"/>
  <p:notesSz cx="6797675" cy="9874250"/>
  <p:defaultTextStyle>
    <a:defPPr>
      <a:defRPr lang="tr-TR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pitchFamily="34" charset="0"/>
        <a:ea typeface="MS PGothic" pitchFamily="34" charset="-128"/>
        <a:cs typeface="+mn-cs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pitchFamily="34" charset="0"/>
        <a:ea typeface="MS PGothic" pitchFamily="34" charset="-128"/>
        <a:cs typeface="+mn-cs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pitchFamily="34" charset="0"/>
        <a:ea typeface="MS PGothic" pitchFamily="34" charset="-128"/>
        <a:cs typeface="+mn-cs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pitchFamily="34" charset="0"/>
        <a:ea typeface="MS PGothic" pitchFamily="34" charset="-128"/>
        <a:cs typeface="+mn-cs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pitchFamily="34" charset="0"/>
        <a:ea typeface="MS PGothic" pitchFamily="34" charset="-128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pitchFamily="34" charset="0"/>
        <a:ea typeface="MS PGothic" pitchFamily="34" charset="-128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pitchFamily="34" charset="0"/>
        <a:ea typeface="MS PGothic" pitchFamily="34" charset="-128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pitchFamily="34" charset="0"/>
        <a:ea typeface="MS PGothic" pitchFamily="34" charset="-128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pitchFamily="34" charset="0"/>
        <a:ea typeface="MS PGothic" pitchFamily="34" charset="-128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0"/>
      </p:ext>
    </p:extLst>
  </p:showPr>
  <p:clrMru>
    <a:srgbClr val="E0AA12"/>
    <a:srgbClr val="CE7674"/>
    <a:srgbClr val="CCE571"/>
    <a:srgbClr val="FFDDDD"/>
    <a:srgbClr val="FFC5C5"/>
    <a:srgbClr val="FFEBE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Orta Stil 2 - Vurgu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119" autoAdjust="0"/>
    <p:restoredTop sz="95204" autoAdjust="0"/>
  </p:normalViewPr>
  <p:slideViewPr>
    <p:cSldViewPr>
      <p:cViewPr>
        <p:scale>
          <a:sx n="98" d="100"/>
          <a:sy n="98" d="100"/>
        </p:scale>
        <p:origin x="-1188" y="-96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246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64" d="100"/>
        <a:sy n="164" d="100"/>
      </p:scale>
      <p:origin x="0" y="66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viewProps" Target="viewProps.xml"/></Relationships>
</file>

<file path=ppt/diagrams/_rels/data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jpg"/><Relationship Id="rId1" Type="http://schemas.openxmlformats.org/officeDocument/2006/relationships/image" Target="../media/image16.jp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2">
  <dgm:title val=""/>
  <dgm:desc val=""/>
  <dgm:catLst>
    <dgm:cat type="colorful" pri="10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/>
      <a:schemeClr val="accent3"/>
    </dgm:fillClrLst>
    <dgm:linClrLst>
      <a:schemeClr val="accent2"/>
      <a:schemeClr val="accent3"/>
    </dgm:linClrLst>
    <dgm:effectClrLst/>
    <dgm:txLinClrLst/>
    <dgm:txFillClrLst/>
    <dgm:txEffectClrLst/>
  </dgm:styleLbl>
  <dgm:styleLbl name="ln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alpha val="50000"/>
      </a:schemeClr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2"/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E515DA5E-01E6-4C2B-B50E-BBCFDF8770E3}" type="doc">
      <dgm:prSet loTypeId="urn:microsoft.com/office/officeart/2005/8/layout/process4" loCatId="process" qsTypeId="urn:microsoft.com/office/officeart/2005/8/quickstyle/3d2" qsCatId="3D" csTypeId="urn:microsoft.com/office/officeart/2005/8/colors/colorful2" csCatId="colorful" phldr="1"/>
      <dgm:spPr/>
    </dgm:pt>
    <dgm:pt modelId="{90D5E6A4-7A60-4C25-9045-75AE16D37907}">
      <dgm:prSet phldrT="[Metin]"/>
      <dgm:spPr>
        <a:solidFill>
          <a:schemeClr val="bg2">
            <a:lumMod val="50000"/>
          </a:schemeClr>
        </a:solidFill>
      </dgm:spPr>
      <dgm:t>
        <a:bodyPr/>
        <a:lstStyle/>
        <a:p>
          <a:pPr algn="ctr"/>
          <a:r>
            <a:rPr lang="tr-TR" dirty="0" smtClean="0"/>
            <a:t>ÇAĞRI</a:t>
          </a:r>
          <a:endParaRPr lang="tr-TR" dirty="0"/>
        </a:p>
      </dgm:t>
    </dgm:pt>
    <dgm:pt modelId="{46DE1008-2E20-4157-A943-FE13EC583B0D}" type="parTrans" cxnId="{B317A30D-9A4A-4A87-A3E6-0BAEA70871E0}">
      <dgm:prSet/>
      <dgm:spPr/>
      <dgm:t>
        <a:bodyPr/>
        <a:lstStyle/>
        <a:p>
          <a:pPr algn="ctr"/>
          <a:endParaRPr lang="tr-TR"/>
        </a:p>
      </dgm:t>
    </dgm:pt>
    <dgm:pt modelId="{1F0046C2-D355-4030-BFD4-657A6A6A6592}" type="sibTrans" cxnId="{B317A30D-9A4A-4A87-A3E6-0BAEA70871E0}">
      <dgm:prSet/>
      <dgm:spPr/>
      <dgm:t>
        <a:bodyPr/>
        <a:lstStyle/>
        <a:p>
          <a:pPr algn="ctr"/>
          <a:endParaRPr lang="tr-TR"/>
        </a:p>
      </dgm:t>
    </dgm:pt>
    <dgm:pt modelId="{606826BC-13FE-42F4-A9AB-471939C308B3}">
      <dgm:prSet phldrT="[Metin]"/>
      <dgm:spPr>
        <a:solidFill>
          <a:schemeClr val="bg2">
            <a:lumMod val="75000"/>
          </a:schemeClr>
        </a:solidFill>
      </dgm:spPr>
      <dgm:t>
        <a:bodyPr/>
        <a:lstStyle/>
        <a:p>
          <a:pPr algn="ctr"/>
          <a:r>
            <a:rPr lang="tr-TR" dirty="0" smtClean="0"/>
            <a:t>UZMAN SEÇİMİ	</a:t>
          </a:r>
          <a:endParaRPr lang="tr-TR" dirty="0"/>
        </a:p>
      </dgm:t>
    </dgm:pt>
    <dgm:pt modelId="{8F359EE3-9BCF-4E3B-A911-18B08FBF8FAB}" type="parTrans" cxnId="{2F79D4B2-B103-436A-B202-74A29E2B711F}">
      <dgm:prSet/>
      <dgm:spPr/>
      <dgm:t>
        <a:bodyPr/>
        <a:lstStyle/>
        <a:p>
          <a:pPr algn="ctr"/>
          <a:endParaRPr lang="tr-TR"/>
        </a:p>
      </dgm:t>
    </dgm:pt>
    <dgm:pt modelId="{6B604E81-4F8F-4E58-87B2-5F6B2233AE18}" type="sibTrans" cxnId="{2F79D4B2-B103-436A-B202-74A29E2B711F}">
      <dgm:prSet/>
      <dgm:spPr/>
      <dgm:t>
        <a:bodyPr/>
        <a:lstStyle/>
        <a:p>
          <a:pPr algn="ctr"/>
          <a:endParaRPr lang="tr-TR"/>
        </a:p>
      </dgm:t>
    </dgm:pt>
    <dgm:pt modelId="{13C9389E-FC78-42E1-83F7-20564C5842DF}">
      <dgm:prSet phldrT="[Metin]"/>
      <dgm:spPr/>
      <dgm:t>
        <a:bodyPr/>
        <a:lstStyle/>
        <a:p>
          <a:pPr algn="ctr"/>
          <a:r>
            <a:rPr lang="tr-TR" dirty="0" smtClean="0"/>
            <a:t>HİZMET ALIMI</a:t>
          </a:r>
          <a:endParaRPr lang="tr-TR" dirty="0"/>
        </a:p>
      </dgm:t>
    </dgm:pt>
    <dgm:pt modelId="{A4CDFDDC-B1F9-4D70-90B5-A5FB0B58ECA2}" type="parTrans" cxnId="{A4314805-FC28-417D-A47D-FB1C4488A06F}">
      <dgm:prSet/>
      <dgm:spPr/>
      <dgm:t>
        <a:bodyPr/>
        <a:lstStyle/>
        <a:p>
          <a:pPr algn="ctr"/>
          <a:endParaRPr lang="tr-TR"/>
        </a:p>
      </dgm:t>
    </dgm:pt>
    <dgm:pt modelId="{DCFD4CAD-21CC-4052-96F9-948C46B86219}" type="sibTrans" cxnId="{A4314805-FC28-417D-A47D-FB1C4488A06F}">
      <dgm:prSet/>
      <dgm:spPr/>
      <dgm:t>
        <a:bodyPr/>
        <a:lstStyle/>
        <a:p>
          <a:pPr algn="ctr"/>
          <a:endParaRPr lang="tr-TR"/>
        </a:p>
      </dgm:t>
    </dgm:pt>
    <dgm:pt modelId="{8967B6A8-5559-44BF-BEA0-1A0CD51EF939}">
      <dgm:prSet phldrT="[Metin]"/>
      <dgm:spPr/>
      <dgm:t>
        <a:bodyPr/>
        <a:lstStyle/>
        <a:p>
          <a:pPr algn="ctr"/>
          <a:r>
            <a:rPr lang="tr-TR" dirty="0" smtClean="0"/>
            <a:t>ÖDEME	 </a:t>
          </a:r>
          <a:endParaRPr lang="tr-TR" dirty="0"/>
        </a:p>
      </dgm:t>
    </dgm:pt>
    <dgm:pt modelId="{F4589C73-6654-43BC-B4BE-419D28E0046D}" type="parTrans" cxnId="{FD170EBF-284D-4D31-8C42-041D5E9F77C0}">
      <dgm:prSet/>
      <dgm:spPr/>
      <dgm:t>
        <a:bodyPr/>
        <a:lstStyle/>
        <a:p>
          <a:pPr algn="ctr"/>
          <a:endParaRPr lang="tr-TR"/>
        </a:p>
      </dgm:t>
    </dgm:pt>
    <dgm:pt modelId="{B3E2F61F-7317-409F-A951-F610A3C526D0}" type="sibTrans" cxnId="{FD170EBF-284D-4D31-8C42-041D5E9F77C0}">
      <dgm:prSet/>
      <dgm:spPr/>
      <dgm:t>
        <a:bodyPr/>
        <a:lstStyle/>
        <a:p>
          <a:pPr algn="ctr"/>
          <a:endParaRPr lang="tr-TR"/>
        </a:p>
      </dgm:t>
    </dgm:pt>
    <dgm:pt modelId="{7F3DEF39-FC56-4146-A363-5056115B2BCB}">
      <dgm:prSet phldrT="[Metin]"/>
      <dgm:spPr>
        <a:solidFill>
          <a:schemeClr val="bg1">
            <a:lumMod val="50000"/>
          </a:schemeClr>
        </a:solidFill>
      </dgm:spPr>
      <dgm:t>
        <a:bodyPr/>
        <a:lstStyle/>
        <a:p>
          <a:pPr algn="ctr"/>
          <a:r>
            <a:rPr lang="tr-TR" dirty="0" smtClean="0"/>
            <a:t>BELGE TESLİMİ</a:t>
          </a:r>
          <a:endParaRPr lang="tr-TR" dirty="0"/>
        </a:p>
      </dgm:t>
    </dgm:pt>
    <dgm:pt modelId="{0C88355D-A30E-4F7B-9810-F583F54AEFC5}" type="parTrans" cxnId="{7252F6E1-B333-499C-8829-69D094D64081}">
      <dgm:prSet/>
      <dgm:spPr/>
      <dgm:t>
        <a:bodyPr/>
        <a:lstStyle/>
        <a:p>
          <a:pPr algn="ctr"/>
          <a:endParaRPr lang="tr-TR"/>
        </a:p>
      </dgm:t>
    </dgm:pt>
    <dgm:pt modelId="{21E07E35-6565-4B82-A3B7-6EC1751F1965}" type="sibTrans" cxnId="{7252F6E1-B333-499C-8829-69D094D64081}">
      <dgm:prSet/>
      <dgm:spPr/>
      <dgm:t>
        <a:bodyPr/>
        <a:lstStyle/>
        <a:p>
          <a:pPr algn="ctr"/>
          <a:endParaRPr lang="tr-TR"/>
        </a:p>
      </dgm:t>
    </dgm:pt>
    <dgm:pt modelId="{01BADE30-D14C-4A28-AED4-6A52E4B6D71B}" type="pres">
      <dgm:prSet presAssocID="{E515DA5E-01E6-4C2B-B50E-BBCFDF8770E3}" presName="Name0" presStyleCnt="0">
        <dgm:presLayoutVars>
          <dgm:dir/>
          <dgm:animLvl val="lvl"/>
          <dgm:resizeHandles val="exact"/>
        </dgm:presLayoutVars>
      </dgm:prSet>
      <dgm:spPr/>
    </dgm:pt>
    <dgm:pt modelId="{CF562A54-1A27-49A5-9538-D5C8F35E5ABC}" type="pres">
      <dgm:prSet presAssocID="{7F3DEF39-FC56-4146-A363-5056115B2BCB}" presName="boxAndChildren" presStyleCnt="0"/>
      <dgm:spPr/>
    </dgm:pt>
    <dgm:pt modelId="{C463C96C-3999-4CA7-ACE4-381A70AA8CF2}" type="pres">
      <dgm:prSet presAssocID="{7F3DEF39-FC56-4146-A363-5056115B2BCB}" presName="parentTextBox" presStyleLbl="node1" presStyleIdx="0" presStyleCnt="5"/>
      <dgm:spPr/>
      <dgm:t>
        <a:bodyPr/>
        <a:lstStyle/>
        <a:p>
          <a:endParaRPr lang="tr-TR"/>
        </a:p>
      </dgm:t>
    </dgm:pt>
    <dgm:pt modelId="{E4D8FDCE-A50B-4EAE-A35E-D29CE4FE62CD}" type="pres">
      <dgm:prSet presAssocID="{B3E2F61F-7317-409F-A951-F610A3C526D0}" presName="sp" presStyleCnt="0"/>
      <dgm:spPr/>
    </dgm:pt>
    <dgm:pt modelId="{AC861231-8EDA-4CB2-9AD3-7746BB5D8329}" type="pres">
      <dgm:prSet presAssocID="{8967B6A8-5559-44BF-BEA0-1A0CD51EF939}" presName="arrowAndChildren" presStyleCnt="0"/>
      <dgm:spPr/>
    </dgm:pt>
    <dgm:pt modelId="{04E354A5-295E-4CB4-B24E-F822F6946685}" type="pres">
      <dgm:prSet presAssocID="{8967B6A8-5559-44BF-BEA0-1A0CD51EF939}" presName="parentTextArrow" presStyleLbl="node1" presStyleIdx="1" presStyleCnt="5"/>
      <dgm:spPr/>
      <dgm:t>
        <a:bodyPr/>
        <a:lstStyle/>
        <a:p>
          <a:endParaRPr lang="tr-TR"/>
        </a:p>
      </dgm:t>
    </dgm:pt>
    <dgm:pt modelId="{ADDB6E1A-74E6-4CF9-B45C-901D5C566C8A}" type="pres">
      <dgm:prSet presAssocID="{DCFD4CAD-21CC-4052-96F9-948C46B86219}" presName="sp" presStyleCnt="0"/>
      <dgm:spPr/>
    </dgm:pt>
    <dgm:pt modelId="{C02BB250-0526-41DB-83E4-1F6E0B34B725}" type="pres">
      <dgm:prSet presAssocID="{13C9389E-FC78-42E1-83F7-20564C5842DF}" presName="arrowAndChildren" presStyleCnt="0"/>
      <dgm:spPr/>
    </dgm:pt>
    <dgm:pt modelId="{E98D8973-3644-481D-A83C-65EBFC387425}" type="pres">
      <dgm:prSet presAssocID="{13C9389E-FC78-42E1-83F7-20564C5842DF}" presName="parentTextArrow" presStyleLbl="node1" presStyleIdx="2" presStyleCnt="5"/>
      <dgm:spPr/>
      <dgm:t>
        <a:bodyPr/>
        <a:lstStyle/>
        <a:p>
          <a:endParaRPr lang="tr-TR"/>
        </a:p>
      </dgm:t>
    </dgm:pt>
    <dgm:pt modelId="{D7CDAE22-35DF-4E85-A5CF-DAFD920ED337}" type="pres">
      <dgm:prSet presAssocID="{6B604E81-4F8F-4E58-87B2-5F6B2233AE18}" presName="sp" presStyleCnt="0"/>
      <dgm:spPr/>
    </dgm:pt>
    <dgm:pt modelId="{56DABC7A-6316-48F0-B759-7BE69BD75C17}" type="pres">
      <dgm:prSet presAssocID="{606826BC-13FE-42F4-A9AB-471939C308B3}" presName="arrowAndChildren" presStyleCnt="0"/>
      <dgm:spPr/>
    </dgm:pt>
    <dgm:pt modelId="{1DB55B8B-770D-4BD0-8530-27BF0AB9B895}" type="pres">
      <dgm:prSet presAssocID="{606826BC-13FE-42F4-A9AB-471939C308B3}" presName="parentTextArrow" presStyleLbl="node1" presStyleIdx="3" presStyleCnt="5"/>
      <dgm:spPr/>
      <dgm:t>
        <a:bodyPr/>
        <a:lstStyle/>
        <a:p>
          <a:endParaRPr lang="tr-TR"/>
        </a:p>
      </dgm:t>
    </dgm:pt>
    <dgm:pt modelId="{2F8FE0EA-19AE-4B37-A2C9-9C0FE945C405}" type="pres">
      <dgm:prSet presAssocID="{1F0046C2-D355-4030-BFD4-657A6A6A6592}" presName="sp" presStyleCnt="0"/>
      <dgm:spPr/>
    </dgm:pt>
    <dgm:pt modelId="{4EC0223A-343F-4FE3-94E6-BF8BEF58D43E}" type="pres">
      <dgm:prSet presAssocID="{90D5E6A4-7A60-4C25-9045-75AE16D37907}" presName="arrowAndChildren" presStyleCnt="0"/>
      <dgm:spPr/>
    </dgm:pt>
    <dgm:pt modelId="{323EA9D5-67D8-47A9-931D-D45EED326160}" type="pres">
      <dgm:prSet presAssocID="{90D5E6A4-7A60-4C25-9045-75AE16D37907}" presName="parentTextArrow" presStyleLbl="node1" presStyleIdx="4" presStyleCnt="5"/>
      <dgm:spPr/>
      <dgm:t>
        <a:bodyPr/>
        <a:lstStyle/>
        <a:p>
          <a:endParaRPr lang="tr-TR"/>
        </a:p>
      </dgm:t>
    </dgm:pt>
  </dgm:ptLst>
  <dgm:cxnLst>
    <dgm:cxn modelId="{B7904729-2DAD-4E10-950A-11166FDBBD8C}" type="presOf" srcId="{E515DA5E-01E6-4C2B-B50E-BBCFDF8770E3}" destId="{01BADE30-D14C-4A28-AED4-6A52E4B6D71B}" srcOrd="0" destOrd="0" presId="urn:microsoft.com/office/officeart/2005/8/layout/process4"/>
    <dgm:cxn modelId="{118E1F97-09E3-4F36-B616-56C56D53894D}" type="presOf" srcId="{7F3DEF39-FC56-4146-A363-5056115B2BCB}" destId="{C463C96C-3999-4CA7-ACE4-381A70AA8CF2}" srcOrd="0" destOrd="0" presId="urn:microsoft.com/office/officeart/2005/8/layout/process4"/>
    <dgm:cxn modelId="{CE7EAE26-2950-4649-A90A-D43B9CC178A1}" type="presOf" srcId="{8967B6A8-5559-44BF-BEA0-1A0CD51EF939}" destId="{04E354A5-295E-4CB4-B24E-F822F6946685}" srcOrd="0" destOrd="0" presId="urn:microsoft.com/office/officeart/2005/8/layout/process4"/>
    <dgm:cxn modelId="{F779E415-CEE6-4524-A3B5-9C67088181F0}" type="presOf" srcId="{90D5E6A4-7A60-4C25-9045-75AE16D37907}" destId="{323EA9D5-67D8-47A9-931D-D45EED326160}" srcOrd="0" destOrd="0" presId="urn:microsoft.com/office/officeart/2005/8/layout/process4"/>
    <dgm:cxn modelId="{7252F6E1-B333-499C-8829-69D094D64081}" srcId="{E515DA5E-01E6-4C2B-B50E-BBCFDF8770E3}" destId="{7F3DEF39-FC56-4146-A363-5056115B2BCB}" srcOrd="4" destOrd="0" parTransId="{0C88355D-A30E-4F7B-9810-F583F54AEFC5}" sibTransId="{21E07E35-6565-4B82-A3B7-6EC1751F1965}"/>
    <dgm:cxn modelId="{B317A30D-9A4A-4A87-A3E6-0BAEA70871E0}" srcId="{E515DA5E-01E6-4C2B-B50E-BBCFDF8770E3}" destId="{90D5E6A4-7A60-4C25-9045-75AE16D37907}" srcOrd="0" destOrd="0" parTransId="{46DE1008-2E20-4157-A943-FE13EC583B0D}" sibTransId="{1F0046C2-D355-4030-BFD4-657A6A6A6592}"/>
    <dgm:cxn modelId="{D6071F66-A880-41F3-862C-DBE1F5C9C47A}" type="presOf" srcId="{13C9389E-FC78-42E1-83F7-20564C5842DF}" destId="{E98D8973-3644-481D-A83C-65EBFC387425}" srcOrd="0" destOrd="0" presId="urn:microsoft.com/office/officeart/2005/8/layout/process4"/>
    <dgm:cxn modelId="{2F79D4B2-B103-436A-B202-74A29E2B711F}" srcId="{E515DA5E-01E6-4C2B-B50E-BBCFDF8770E3}" destId="{606826BC-13FE-42F4-A9AB-471939C308B3}" srcOrd="1" destOrd="0" parTransId="{8F359EE3-9BCF-4E3B-A911-18B08FBF8FAB}" sibTransId="{6B604E81-4F8F-4E58-87B2-5F6B2233AE18}"/>
    <dgm:cxn modelId="{A4314805-FC28-417D-A47D-FB1C4488A06F}" srcId="{E515DA5E-01E6-4C2B-B50E-BBCFDF8770E3}" destId="{13C9389E-FC78-42E1-83F7-20564C5842DF}" srcOrd="2" destOrd="0" parTransId="{A4CDFDDC-B1F9-4D70-90B5-A5FB0B58ECA2}" sibTransId="{DCFD4CAD-21CC-4052-96F9-948C46B86219}"/>
    <dgm:cxn modelId="{FD170EBF-284D-4D31-8C42-041D5E9F77C0}" srcId="{E515DA5E-01E6-4C2B-B50E-BBCFDF8770E3}" destId="{8967B6A8-5559-44BF-BEA0-1A0CD51EF939}" srcOrd="3" destOrd="0" parTransId="{F4589C73-6654-43BC-B4BE-419D28E0046D}" sibTransId="{B3E2F61F-7317-409F-A951-F610A3C526D0}"/>
    <dgm:cxn modelId="{93843CCB-F2B9-4269-A778-35FF6C41A17D}" type="presOf" srcId="{606826BC-13FE-42F4-A9AB-471939C308B3}" destId="{1DB55B8B-770D-4BD0-8530-27BF0AB9B895}" srcOrd="0" destOrd="0" presId="urn:microsoft.com/office/officeart/2005/8/layout/process4"/>
    <dgm:cxn modelId="{2482799E-8FF6-45D5-964E-4624F1F1C6FD}" type="presParOf" srcId="{01BADE30-D14C-4A28-AED4-6A52E4B6D71B}" destId="{CF562A54-1A27-49A5-9538-D5C8F35E5ABC}" srcOrd="0" destOrd="0" presId="urn:microsoft.com/office/officeart/2005/8/layout/process4"/>
    <dgm:cxn modelId="{9BA39700-0133-44A6-92D9-C56F32A3FB07}" type="presParOf" srcId="{CF562A54-1A27-49A5-9538-D5C8F35E5ABC}" destId="{C463C96C-3999-4CA7-ACE4-381A70AA8CF2}" srcOrd="0" destOrd="0" presId="urn:microsoft.com/office/officeart/2005/8/layout/process4"/>
    <dgm:cxn modelId="{63EE5FDB-D812-4BF6-ACC5-EA62EB28DC9C}" type="presParOf" srcId="{01BADE30-D14C-4A28-AED4-6A52E4B6D71B}" destId="{E4D8FDCE-A50B-4EAE-A35E-D29CE4FE62CD}" srcOrd="1" destOrd="0" presId="urn:microsoft.com/office/officeart/2005/8/layout/process4"/>
    <dgm:cxn modelId="{78FBED3D-AE3A-41DD-A256-6D38CBE6114D}" type="presParOf" srcId="{01BADE30-D14C-4A28-AED4-6A52E4B6D71B}" destId="{AC861231-8EDA-4CB2-9AD3-7746BB5D8329}" srcOrd="2" destOrd="0" presId="urn:microsoft.com/office/officeart/2005/8/layout/process4"/>
    <dgm:cxn modelId="{EC517191-442F-47B3-AA7B-EA491C32AE6D}" type="presParOf" srcId="{AC861231-8EDA-4CB2-9AD3-7746BB5D8329}" destId="{04E354A5-295E-4CB4-B24E-F822F6946685}" srcOrd="0" destOrd="0" presId="urn:microsoft.com/office/officeart/2005/8/layout/process4"/>
    <dgm:cxn modelId="{96F901C1-F78D-4117-A0A5-BEEC67275374}" type="presParOf" srcId="{01BADE30-D14C-4A28-AED4-6A52E4B6D71B}" destId="{ADDB6E1A-74E6-4CF9-B45C-901D5C566C8A}" srcOrd="3" destOrd="0" presId="urn:microsoft.com/office/officeart/2005/8/layout/process4"/>
    <dgm:cxn modelId="{1A5967D7-C7AD-4120-90EE-6B37038B1FEC}" type="presParOf" srcId="{01BADE30-D14C-4A28-AED4-6A52E4B6D71B}" destId="{C02BB250-0526-41DB-83E4-1F6E0B34B725}" srcOrd="4" destOrd="0" presId="urn:microsoft.com/office/officeart/2005/8/layout/process4"/>
    <dgm:cxn modelId="{E664732E-B857-47D3-AA8A-9DE3D0DA09D8}" type="presParOf" srcId="{C02BB250-0526-41DB-83E4-1F6E0B34B725}" destId="{E98D8973-3644-481D-A83C-65EBFC387425}" srcOrd="0" destOrd="0" presId="urn:microsoft.com/office/officeart/2005/8/layout/process4"/>
    <dgm:cxn modelId="{B57002CA-23EB-4561-B5DF-1183D89F0379}" type="presParOf" srcId="{01BADE30-D14C-4A28-AED4-6A52E4B6D71B}" destId="{D7CDAE22-35DF-4E85-A5CF-DAFD920ED337}" srcOrd="5" destOrd="0" presId="urn:microsoft.com/office/officeart/2005/8/layout/process4"/>
    <dgm:cxn modelId="{7A8D2FAE-A8E6-4BD9-A380-B4DB9DE901FF}" type="presParOf" srcId="{01BADE30-D14C-4A28-AED4-6A52E4B6D71B}" destId="{56DABC7A-6316-48F0-B759-7BE69BD75C17}" srcOrd="6" destOrd="0" presId="urn:microsoft.com/office/officeart/2005/8/layout/process4"/>
    <dgm:cxn modelId="{051BE2D1-84FE-4CF7-B726-C82A88DE7A2E}" type="presParOf" srcId="{56DABC7A-6316-48F0-B759-7BE69BD75C17}" destId="{1DB55B8B-770D-4BD0-8530-27BF0AB9B895}" srcOrd="0" destOrd="0" presId="urn:microsoft.com/office/officeart/2005/8/layout/process4"/>
    <dgm:cxn modelId="{4B6CCF59-4597-4EA1-9575-A75205564F24}" type="presParOf" srcId="{01BADE30-D14C-4A28-AED4-6A52E4B6D71B}" destId="{2F8FE0EA-19AE-4B37-A2C9-9C0FE945C405}" srcOrd="7" destOrd="0" presId="urn:microsoft.com/office/officeart/2005/8/layout/process4"/>
    <dgm:cxn modelId="{F4278D46-5CEF-4444-AEB8-077449EE049A}" type="presParOf" srcId="{01BADE30-D14C-4A28-AED4-6A52E4B6D71B}" destId="{4EC0223A-343F-4FE3-94E6-BF8BEF58D43E}" srcOrd="8" destOrd="0" presId="urn:microsoft.com/office/officeart/2005/8/layout/process4"/>
    <dgm:cxn modelId="{306F87B4-E599-459B-9C1B-96F56B356CEF}" type="presParOf" srcId="{4EC0223A-343F-4FE3-94E6-BF8BEF58D43E}" destId="{323EA9D5-67D8-47A9-931D-D45EED326160}" srcOrd="0" destOrd="0" presId="urn:microsoft.com/office/officeart/2005/8/layout/process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8C521B98-0194-4F33-9815-B63C86EEABF1}" type="doc">
      <dgm:prSet loTypeId="urn:microsoft.com/office/officeart/2008/layout/VerticalCurvedList" loCatId="list" qsTypeId="urn:microsoft.com/office/officeart/2005/8/quickstyle/simple1" qsCatId="simple" csTypeId="urn:microsoft.com/office/officeart/2005/8/colors/colorful1" csCatId="colorful" phldr="1"/>
      <dgm:spPr/>
      <dgm:t>
        <a:bodyPr/>
        <a:lstStyle/>
        <a:p>
          <a:endParaRPr lang="tr-TR"/>
        </a:p>
      </dgm:t>
    </dgm:pt>
    <dgm:pt modelId="{26059C2B-A15D-4F6B-AD4D-A82BF46CB5B8}">
      <dgm:prSet phldrT="[Metin]" custT="1"/>
      <dgm:spPr/>
      <dgm:t>
        <a:bodyPr/>
        <a:lstStyle/>
        <a:p>
          <a:r>
            <a:rPr lang="tr-TR" sz="2000" b="1" dirty="0" smtClean="0">
              <a:latin typeface="Futura Bk BT" panose="020B0502020204020303" pitchFamily="34" charset="0"/>
            </a:rPr>
            <a:t>İstenen belgelerin 2 ay içinde teslimi</a:t>
          </a:r>
          <a:endParaRPr lang="tr-TR" sz="2000" dirty="0"/>
        </a:p>
      </dgm:t>
    </dgm:pt>
    <dgm:pt modelId="{BEC4E130-E2BB-4A1B-89F6-EB81E29BF347}" type="parTrans" cxnId="{D637BE35-7E5C-4D7D-8EFF-1F3801A69914}">
      <dgm:prSet/>
      <dgm:spPr/>
      <dgm:t>
        <a:bodyPr/>
        <a:lstStyle/>
        <a:p>
          <a:endParaRPr lang="tr-TR"/>
        </a:p>
      </dgm:t>
    </dgm:pt>
    <dgm:pt modelId="{4FB082E3-0530-474B-8FB9-CD064A6C5232}" type="sibTrans" cxnId="{D637BE35-7E5C-4D7D-8EFF-1F3801A69914}">
      <dgm:prSet/>
      <dgm:spPr/>
      <dgm:t>
        <a:bodyPr/>
        <a:lstStyle/>
        <a:p>
          <a:endParaRPr lang="tr-TR"/>
        </a:p>
      </dgm:t>
    </dgm:pt>
    <dgm:pt modelId="{D319B348-84A3-444F-9A72-A893148FE5F7}">
      <dgm:prSet phldrT="[Metin]"/>
      <dgm:spPr/>
      <dgm:t>
        <a:bodyPr/>
        <a:lstStyle/>
        <a:p>
          <a:r>
            <a:rPr lang="tr-TR" b="1" dirty="0" smtClean="0">
              <a:latin typeface="Futura Bk BT" panose="020B0502020204020303" pitchFamily="34" charset="0"/>
            </a:rPr>
            <a:t>Projeyi sunma yükümlülüğü </a:t>
          </a:r>
          <a:endParaRPr lang="tr-TR" dirty="0"/>
        </a:p>
      </dgm:t>
    </dgm:pt>
    <dgm:pt modelId="{EBD98A25-754D-4B74-9A40-B370CD1A4C42}" type="parTrans" cxnId="{911E1ABC-AAAB-4E2C-B7CD-5716FA99F828}">
      <dgm:prSet/>
      <dgm:spPr/>
      <dgm:t>
        <a:bodyPr/>
        <a:lstStyle/>
        <a:p>
          <a:endParaRPr lang="tr-TR"/>
        </a:p>
      </dgm:t>
    </dgm:pt>
    <dgm:pt modelId="{157054B5-AA8E-4D6D-A32E-EDE420B01774}" type="sibTrans" cxnId="{911E1ABC-AAAB-4E2C-B7CD-5716FA99F828}">
      <dgm:prSet/>
      <dgm:spPr/>
      <dgm:t>
        <a:bodyPr/>
        <a:lstStyle/>
        <a:p>
          <a:endParaRPr lang="tr-TR"/>
        </a:p>
      </dgm:t>
    </dgm:pt>
    <dgm:pt modelId="{7859E535-27EE-4562-9F31-03B8CAC1C7A2}">
      <dgm:prSet phldrT="[Metin]"/>
      <dgm:spPr/>
      <dgm:t>
        <a:bodyPr/>
        <a:lstStyle/>
        <a:p>
          <a:r>
            <a:rPr lang="tr-TR" b="1" dirty="0" smtClean="0">
              <a:latin typeface="Futura Bk BT" panose="020B0502020204020303" pitchFamily="34" charset="0"/>
            </a:rPr>
            <a:t>Seyahat içeren destekler için TÜBİTAK’ın bilgilendirilmesi ve onayının alınması</a:t>
          </a:r>
          <a:endParaRPr lang="tr-TR" dirty="0"/>
        </a:p>
      </dgm:t>
    </dgm:pt>
    <dgm:pt modelId="{48E75331-6F87-47EB-9EAE-56F81727D612}" type="parTrans" cxnId="{86823E02-5950-4D1E-B246-FA5B3598F7CD}">
      <dgm:prSet/>
      <dgm:spPr/>
      <dgm:t>
        <a:bodyPr/>
        <a:lstStyle/>
        <a:p>
          <a:endParaRPr lang="tr-TR"/>
        </a:p>
      </dgm:t>
    </dgm:pt>
    <dgm:pt modelId="{CF1932C2-F4C8-4B53-B2C4-29BD7133BDD5}" type="sibTrans" cxnId="{86823E02-5950-4D1E-B246-FA5B3598F7CD}">
      <dgm:prSet/>
      <dgm:spPr/>
      <dgm:t>
        <a:bodyPr/>
        <a:lstStyle/>
        <a:p>
          <a:endParaRPr lang="tr-TR"/>
        </a:p>
      </dgm:t>
    </dgm:pt>
    <dgm:pt modelId="{797887D9-0A1F-4174-905F-A56DAC684C22}" type="pres">
      <dgm:prSet presAssocID="{8C521B98-0194-4F33-9815-B63C86EEABF1}" presName="Name0" presStyleCnt="0">
        <dgm:presLayoutVars>
          <dgm:chMax val="7"/>
          <dgm:chPref val="7"/>
          <dgm:dir/>
        </dgm:presLayoutVars>
      </dgm:prSet>
      <dgm:spPr/>
      <dgm:t>
        <a:bodyPr/>
        <a:lstStyle/>
        <a:p>
          <a:endParaRPr lang="tr-TR"/>
        </a:p>
      </dgm:t>
    </dgm:pt>
    <dgm:pt modelId="{7F3CEAF4-A291-4BD9-8329-89C8CDFBE0BD}" type="pres">
      <dgm:prSet presAssocID="{8C521B98-0194-4F33-9815-B63C86EEABF1}" presName="Name1" presStyleCnt="0"/>
      <dgm:spPr/>
    </dgm:pt>
    <dgm:pt modelId="{F83A85DD-3648-42AE-9117-8B340AFB3076}" type="pres">
      <dgm:prSet presAssocID="{8C521B98-0194-4F33-9815-B63C86EEABF1}" presName="cycle" presStyleCnt="0"/>
      <dgm:spPr/>
    </dgm:pt>
    <dgm:pt modelId="{CE2A4714-8B78-445C-938F-E42F952EAE28}" type="pres">
      <dgm:prSet presAssocID="{8C521B98-0194-4F33-9815-B63C86EEABF1}" presName="srcNode" presStyleLbl="node1" presStyleIdx="0" presStyleCnt="3"/>
      <dgm:spPr/>
    </dgm:pt>
    <dgm:pt modelId="{09D551D2-FCB5-4887-80F5-2C8A48AB2F3C}" type="pres">
      <dgm:prSet presAssocID="{8C521B98-0194-4F33-9815-B63C86EEABF1}" presName="conn" presStyleLbl="parChTrans1D2" presStyleIdx="0" presStyleCnt="1"/>
      <dgm:spPr/>
      <dgm:t>
        <a:bodyPr/>
        <a:lstStyle/>
        <a:p>
          <a:endParaRPr lang="tr-TR"/>
        </a:p>
      </dgm:t>
    </dgm:pt>
    <dgm:pt modelId="{084D450A-6B8F-48D7-985B-C4B1E392DB4D}" type="pres">
      <dgm:prSet presAssocID="{8C521B98-0194-4F33-9815-B63C86EEABF1}" presName="extraNode" presStyleLbl="node1" presStyleIdx="0" presStyleCnt="3"/>
      <dgm:spPr/>
    </dgm:pt>
    <dgm:pt modelId="{462C388E-3E1D-4525-81DD-36EFB590468D}" type="pres">
      <dgm:prSet presAssocID="{8C521B98-0194-4F33-9815-B63C86EEABF1}" presName="dstNode" presStyleLbl="node1" presStyleIdx="0" presStyleCnt="3"/>
      <dgm:spPr/>
    </dgm:pt>
    <dgm:pt modelId="{42141708-35AC-4942-AC28-7C35F809EBCA}" type="pres">
      <dgm:prSet presAssocID="{26059C2B-A15D-4F6B-AD4D-A82BF46CB5B8}" presName="text_1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tr-TR"/>
        </a:p>
      </dgm:t>
    </dgm:pt>
    <dgm:pt modelId="{B5868CC4-A86D-4D75-812C-D8E4258CE668}" type="pres">
      <dgm:prSet presAssocID="{26059C2B-A15D-4F6B-AD4D-A82BF46CB5B8}" presName="accent_1" presStyleCnt="0"/>
      <dgm:spPr/>
    </dgm:pt>
    <dgm:pt modelId="{45BCBC1D-862D-4846-A493-8BDA6E5FDAEC}" type="pres">
      <dgm:prSet presAssocID="{26059C2B-A15D-4F6B-AD4D-A82BF46CB5B8}" presName="accentRepeatNode" presStyleLbl="solidFgAcc1" presStyleIdx="0" presStyleCnt="3"/>
      <dgm:spPr>
        <a:blipFill rotWithShape="0">
          <a:blip xmlns:r="http://schemas.openxmlformats.org/officeDocument/2006/relationships" r:embed="rId1"/>
          <a:stretch>
            <a:fillRect/>
          </a:stretch>
        </a:blipFill>
      </dgm:spPr>
    </dgm:pt>
    <dgm:pt modelId="{483ACFC6-CFA3-48E2-8745-B42CDA9513C0}" type="pres">
      <dgm:prSet presAssocID="{D319B348-84A3-444F-9A72-A893148FE5F7}" presName="text_2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tr-TR"/>
        </a:p>
      </dgm:t>
    </dgm:pt>
    <dgm:pt modelId="{A4772B43-197E-4CC8-B187-8837B70971ED}" type="pres">
      <dgm:prSet presAssocID="{D319B348-84A3-444F-9A72-A893148FE5F7}" presName="accent_2" presStyleCnt="0"/>
      <dgm:spPr/>
    </dgm:pt>
    <dgm:pt modelId="{F715C4A3-C676-4519-8C4F-CE9A183C9F60}" type="pres">
      <dgm:prSet presAssocID="{D319B348-84A3-444F-9A72-A893148FE5F7}" presName="accentRepeatNode" presStyleLbl="solidFgAcc1" presStyleIdx="1" presStyleCnt="3"/>
      <dgm:spPr>
        <a:blipFill rotWithShape="0">
          <a:blip xmlns:r="http://schemas.openxmlformats.org/officeDocument/2006/relationships" r:embed="rId2"/>
          <a:stretch>
            <a:fillRect/>
          </a:stretch>
        </a:blipFill>
      </dgm:spPr>
    </dgm:pt>
    <dgm:pt modelId="{BB5560AA-FCAC-4933-9CC3-62074747C0F1}" type="pres">
      <dgm:prSet presAssocID="{7859E535-27EE-4562-9F31-03B8CAC1C7A2}" presName="text_3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tr-TR"/>
        </a:p>
      </dgm:t>
    </dgm:pt>
    <dgm:pt modelId="{D5D810C2-7B00-4CE9-A806-5B2840515C88}" type="pres">
      <dgm:prSet presAssocID="{7859E535-27EE-4562-9F31-03B8CAC1C7A2}" presName="accent_3" presStyleCnt="0"/>
      <dgm:spPr/>
    </dgm:pt>
    <dgm:pt modelId="{4B77D497-591C-4EF1-93A7-5DF29424A0C4}" type="pres">
      <dgm:prSet presAssocID="{7859E535-27EE-4562-9F31-03B8CAC1C7A2}" presName="accentRepeatNode" presStyleLbl="solidFgAcc1" presStyleIdx="2" presStyleCnt="3" custLinFactNeighborX="1479" custLinFactNeighborY="-679"/>
      <dgm:spPr>
        <a:blipFill rotWithShape="0">
          <a:blip xmlns:r="http://schemas.openxmlformats.org/officeDocument/2006/relationships" r:embed="rId3"/>
          <a:stretch>
            <a:fillRect/>
          </a:stretch>
        </a:blipFill>
      </dgm:spPr>
    </dgm:pt>
  </dgm:ptLst>
  <dgm:cxnLst>
    <dgm:cxn modelId="{86823E02-5950-4D1E-B246-FA5B3598F7CD}" srcId="{8C521B98-0194-4F33-9815-B63C86EEABF1}" destId="{7859E535-27EE-4562-9F31-03B8CAC1C7A2}" srcOrd="2" destOrd="0" parTransId="{48E75331-6F87-47EB-9EAE-56F81727D612}" sibTransId="{CF1932C2-F4C8-4B53-B2C4-29BD7133BDD5}"/>
    <dgm:cxn modelId="{CA5C1975-081E-4394-879F-EF5AD221C80B}" type="presOf" srcId="{26059C2B-A15D-4F6B-AD4D-A82BF46CB5B8}" destId="{42141708-35AC-4942-AC28-7C35F809EBCA}" srcOrd="0" destOrd="0" presId="urn:microsoft.com/office/officeart/2008/layout/VerticalCurvedList"/>
    <dgm:cxn modelId="{38B07470-5A12-4EF2-B577-5D1E3475520E}" type="presOf" srcId="{8C521B98-0194-4F33-9815-B63C86EEABF1}" destId="{797887D9-0A1F-4174-905F-A56DAC684C22}" srcOrd="0" destOrd="0" presId="urn:microsoft.com/office/officeart/2008/layout/VerticalCurvedList"/>
    <dgm:cxn modelId="{562DAD59-83F4-43C7-8810-72A9E1D94909}" type="presOf" srcId="{4FB082E3-0530-474B-8FB9-CD064A6C5232}" destId="{09D551D2-FCB5-4887-80F5-2C8A48AB2F3C}" srcOrd="0" destOrd="0" presId="urn:microsoft.com/office/officeart/2008/layout/VerticalCurvedList"/>
    <dgm:cxn modelId="{D637BE35-7E5C-4D7D-8EFF-1F3801A69914}" srcId="{8C521B98-0194-4F33-9815-B63C86EEABF1}" destId="{26059C2B-A15D-4F6B-AD4D-A82BF46CB5B8}" srcOrd="0" destOrd="0" parTransId="{BEC4E130-E2BB-4A1B-89F6-EB81E29BF347}" sibTransId="{4FB082E3-0530-474B-8FB9-CD064A6C5232}"/>
    <dgm:cxn modelId="{BACD2489-582A-4944-B21B-FB9A77C5FB2E}" type="presOf" srcId="{D319B348-84A3-444F-9A72-A893148FE5F7}" destId="{483ACFC6-CFA3-48E2-8745-B42CDA9513C0}" srcOrd="0" destOrd="0" presId="urn:microsoft.com/office/officeart/2008/layout/VerticalCurvedList"/>
    <dgm:cxn modelId="{911E1ABC-AAAB-4E2C-B7CD-5716FA99F828}" srcId="{8C521B98-0194-4F33-9815-B63C86EEABF1}" destId="{D319B348-84A3-444F-9A72-A893148FE5F7}" srcOrd="1" destOrd="0" parTransId="{EBD98A25-754D-4B74-9A40-B370CD1A4C42}" sibTransId="{157054B5-AA8E-4D6D-A32E-EDE420B01774}"/>
    <dgm:cxn modelId="{F32C016B-16BD-4EEE-A2EF-4D5C1C27CC44}" type="presOf" srcId="{7859E535-27EE-4562-9F31-03B8CAC1C7A2}" destId="{BB5560AA-FCAC-4933-9CC3-62074747C0F1}" srcOrd="0" destOrd="0" presId="urn:microsoft.com/office/officeart/2008/layout/VerticalCurvedList"/>
    <dgm:cxn modelId="{5BBD81A2-D7AE-4B1D-B8DA-2BBA27846075}" type="presParOf" srcId="{797887D9-0A1F-4174-905F-A56DAC684C22}" destId="{7F3CEAF4-A291-4BD9-8329-89C8CDFBE0BD}" srcOrd="0" destOrd="0" presId="urn:microsoft.com/office/officeart/2008/layout/VerticalCurvedList"/>
    <dgm:cxn modelId="{D539944F-7C6D-45F4-8A1B-D32F6A2B38E9}" type="presParOf" srcId="{7F3CEAF4-A291-4BD9-8329-89C8CDFBE0BD}" destId="{F83A85DD-3648-42AE-9117-8B340AFB3076}" srcOrd="0" destOrd="0" presId="urn:microsoft.com/office/officeart/2008/layout/VerticalCurvedList"/>
    <dgm:cxn modelId="{67451A62-8A20-46F1-BEA4-4C792FA1989C}" type="presParOf" srcId="{F83A85DD-3648-42AE-9117-8B340AFB3076}" destId="{CE2A4714-8B78-445C-938F-E42F952EAE28}" srcOrd="0" destOrd="0" presId="urn:microsoft.com/office/officeart/2008/layout/VerticalCurvedList"/>
    <dgm:cxn modelId="{E49BBEE3-9879-49B0-8D74-C6801E115E13}" type="presParOf" srcId="{F83A85DD-3648-42AE-9117-8B340AFB3076}" destId="{09D551D2-FCB5-4887-80F5-2C8A48AB2F3C}" srcOrd="1" destOrd="0" presId="urn:microsoft.com/office/officeart/2008/layout/VerticalCurvedList"/>
    <dgm:cxn modelId="{34885CB6-24E7-4CCE-8DFB-63EB1AA640B1}" type="presParOf" srcId="{F83A85DD-3648-42AE-9117-8B340AFB3076}" destId="{084D450A-6B8F-48D7-985B-C4B1E392DB4D}" srcOrd="2" destOrd="0" presId="urn:microsoft.com/office/officeart/2008/layout/VerticalCurvedList"/>
    <dgm:cxn modelId="{C56E7623-106E-4A9D-AAAA-17FAF9F66BE9}" type="presParOf" srcId="{F83A85DD-3648-42AE-9117-8B340AFB3076}" destId="{462C388E-3E1D-4525-81DD-36EFB590468D}" srcOrd="3" destOrd="0" presId="urn:microsoft.com/office/officeart/2008/layout/VerticalCurvedList"/>
    <dgm:cxn modelId="{190D6668-AFF0-42E5-A6A5-059FF4EDEAC2}" type="presParOf" srcId="{7F3CEAF4-A291-4BD9-8329-89C8CDFBE0BD}" destId="{42141708-35AC-4942-AC28-7C35F809EBCA}" srcOrd="1" destOrd="0" presId="urn:microsoft.com/office/officeart/2008/layout/VerticalCurvedList"/>
    <dgm:cxn modelId="{5B0AFBAD-0127-4AE9-9CA8-AFB923FA0E32}" type="presParOf" srcId="{7F3CEAF4-A291-4BD9-8329-89C8CDFBE0BD}" destId="{B5868CC4-A86D-4D75-812C-D8E4258CE668}" srcOrd="2" destOrd="0" presId="urn:microsoft.com/office/officeart/2008/layout/VerticalCurvedList"/>
    <dgm:cxn modelId="{44013C69-A8D4-456F-8881-997D6D5051A8}" type="presParOf" srcId="{B5868CC4-A86D-4D75-812C-D8E4258CE668}" destId="{45BCBC1D-862D-4846-A493-8BDA6E5FDAEC}" srcOrd="0" destOrd="0" presId="urn:microsoft.com/office/officeart/2008/layout/VerticalCurvedList"/>
    <dgm:cxn modelId="{DFA06395-0380-49D0-9A14-9D1E0E2435DF}" type="presParOf" srcId="{7F3CEAF4-A291-4BD9-8329-89C8CDFBE0BD}" destId="{483ACFC6-CFA3-48E2-8745-B42CDA9513C0}" srcOrd="3" destOrd="0" presId="urn:microsoft.com/office/officeart/2008/layout/VerticalCurvedList"/>
    <dgm:cxn modelId="{2401949F-7AE0-4899-86A7-D8E34DEE02E1}" type="presParOf" srcId="{7F3CEAF4-A291-4BD9-8329-89C8CDFBE0BD}" destId="{A4772B43-197E-4CC8-B187-8837B70971ED}" srcOrd="4" destOrd="0" presId="urn:microsoft.com/office/officeart/2008/layout/VerticalCurvedList"/>
    <dgm:cxn modelId="{10FAEFC9-7D73-48D1-A68D-86B07448AB63}" type="presParOf" srcId="{A4772B43-197E-4CC8-B187-8837B70971ED}" destId="{F715C4A3-C676-4519-8C4F-CE9A183C9F60}" srcOrd="0" destOrd="0" presId="urn:microsoft.com/office/officeart/2008/layout/VerticalCurvedList"/>
    <dgm:cxn modelId="{60F67059-C0F2-4854-93E9-96D996477896}" type="presParOf" srcId="{7F3CEAF4-A291-4BD9-8329-89C8CDFBE0BD}" destId="{BB5560AA-FCAC-4933-9CC3-62074747C0F1}" srcOrd="5" destOrd="0" presId="urn:microsoft.com/office/officeart/2008/layout/VerticalCurvedList"/>
    <dgm:cxn modelId="{01DF6239-E168-449F-A33F-08B88262F79D}" type="presParOf" srcId="{7F3CEAF4-A291-4BD9-8329-89C8CDFBE0BD}" destId="{D5D810C2-7B00-4CE9-A806-5B2840515C88}" srcOrd="6" destOrd="0" presId="urn:microsoft.com/office/officeart/2008/layout/VerticalCurvedList"/>
    <dgm:cxn modelId="{C6CC2997-2DBB-4E6F-9F32-9D5952D28D4B}" type="presParOf" srcId="{D5D810C2-7B00-4CE9-A806-5B2840515C88}" destId="{4B77D497-591C-4EF1-93A7-5DF29424A0C4}" srcOrd="0" destOrd="0" presId="urn:microsoft.com/office/officeart/2008/layout/VerticalCurve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process4">
  <dgm:title val=""/>
  <dgm:desc val=""/>
  <dgm:catLst>
    <dgm:cat type="process" pri="16000"/>
    <dgm:cat type="list" pri="20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alg type="lin">
      <dgm:param type="linDir" val="fromB"/>
    </dgm:alg>
    <dgm:shape xmlns:r="http://schemas.openxmlformats.org/officeDocument/2006/relationships" r:blip="">
      <dgm:adjLst/>
    </dgm:shape>
    <dgm:presOf/>
    <dgm:constrLst>
      <dgm:constr type="h" for="ch" forName="boxAndChildren" refType="h"/>
      <dgm:constr type="h" for="ch" forName="arrowAndChildren" refType="h" refFor="ch" refForName="boxAndChildren" op="equ" fact="1.538"/>
      <dgm:constr type="w" for="ch" forName="arrowAndChildren" refType="w"/>
      <dgm:constr type="w" for="ch" forName="boxAndChildren" refType="w"/>
      <dgm:constr type="h" for="ch" forName="sp" refType="h" fact="-0.015"/>
      <dgm:constr type="primFontSz" for="des" forName="parentTextBox" val="65"/>
      <dgm:constr type="primFontSz" for="des" forName="parentTextArrow" refType="primFontSz" refFor="des" refForName="parentTextBox" op="equ"/>
      <dgm:constr type="primFontSz" for="des" forName="childTextArrow" val="65"/>
      <dgm:constr type="primFontSz" for="des" forName="childTextBox" refType="primFontSz" refFor="des" refForName="childTextArrow" op="equ"/>
    </dgm:constrLst>
    <dgm:ruleLst/>
    <dgm:forEach name="Name1" axis="ch" ptType="node" st="-1" step="-1">
      <dgm:choose name="Name2">
        <dgm:if name="Name3" axis="self" ptType="node" func="revPos" op="equ" val="1">
          <dgm:layoutNode name="boxAndChildren">
            <dgm:alg type="composite"/>
            <dgm:shape xmlns:r="http://schemas.openxmlformats.org/officeDocument/2006/relationships" r:blip="">
              <dgm:adjLst/>
            </dgm:shape>
            <dgm:presOf/>
            <dgm:choose name="Name4">
              <dgm:if name="Name5" axis="ch" ptType="node" func="cnt" op="gte" val="1">
                <dgm:constrLst>
                  <dgm:constr type="w" for="ch" forName="parentTextBox" refType="w"/>
                  <dgm:constr type="h" for="ch" forName="parentTextBox" refType="h" fact="0.54"/>
                  <dgm:constr type="t" for="ch" forName="parentTextBox"/>
                  <dgm:constr type="w" for="ch" forName="entireBox" refType="w"/>
                  <dgm:constr type="h" for="ch" forName="entireBox" refType="h"/>
                  <dgm:constr type="w" for="ch" forName="descendantBox" refType="w"/>
                  <dgm:constr type="b" for="ch" forName="descendantBox" refType="h" fact="0.98"/>
                  <dgm:constr type="h" for="ch" forName="descendantBox" refType="h" fact="0.46"/>
                </dgm:constrLst>
              </dgm:if>
              <dgm:else name="Name6">
                <dgm:constrLst>
                  <dgm:constr type="w" for="ch" forName="parentTextBox" refType="w"/>
                  <dgm:constr type="h" for="ch" forName="parentTextBox" refType="h"/>
                </dgm:constrLst>
              </dgm:else>
            </dgm:choose>
            <dgm:ruleLst/>
            <dgm:layoutNode name="parentTextBox">
              <dgm:alg type="tx"/>
              <dgm:choose name="Name7">
                <dgm:if name="Name8" axis="ch" ptType="node" func="cnt" op="gte" val="1">
                  <dgm:shape xmlns:r="http://schemas.openxmlformats.org/officeDocument/2006/relationships" type="rect" r:blip="" zOrderOff="1" hideGeom="1">
                    <dgm:adjLst/>
                  </dgm:shape>
                </dgm:if>
                <dgm:else name="Name9">
                  <dgm:shape xmlns:r="http://schemas.openxmlformats.org/officeDocument/2006/relationships" type="rect" r:blip="">
                    <dgm:adjLst/>
                  </dgm:shape>
                </dgm:else>
              </dgm:choose>
              <dgm:presOf axis="self"/>
              <dgm:constrLst/>
              <dgm:ruleLst>
                <dgm:rule type="primFontSz" val="5" fact="NaN" max="NaN"/>
              </dgm:ruleLst>
            </dgm:layoutNode>
            <dgm:choose name="Name10">
              <dgm:if name="Name11" axis="ch" ptType="node" func="cnt" op="gte" val="1">
                <dgm:layoutNode name="entireBox">
                  <dgm:alg type="sp"/>
                  <dgm:shape xmlns:r="http://schemas.openxmlformats.org/officeDocument/2006/relationships" type="rect" r:blip="">
                    <dgm:adjLst/>
                  </dgm:shape>
                  <dgm:presOf axis="self"/>
                  <dgm:constrLst/>
                  <dgm:ruleLst/>
                </dgm:layoutNode>
                <dgm:layoutNode name="descendantBox" styleLbl="fgAccFollowNode1">
                  <dgm:choose name="Name12">
                    <dgm:if name="Name13" func="var" arg="dir" op="equ" val="norm">
                      <dgm:alg type="lin"/>
                    </dgm:if>
                    <dgm:else name="Name14">
                      <dgm:alg type="lin">
                        <dgm:param type="linDir" val="fromR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w" for="ch" forName="childTextBox" refType="w"/>
                    <dgm:constr type="h" for="ch" forName="childTextBox" refType="h"/>
                  </dgm:constrLst>
                  <dgm:ruleLst/>
                  <dgm:forEach name="Name15" axis="ch" ptType="node">
                    <dgm:layoutNode name="childTextBox" styleLbl="fgAccFollowNode1">
                      <dgm:varLst>
                        <dgm:bulletEnabled val="1"/>
                      </dgm:varLst>
                      <dgm:alg type="tx"/>
                      <dgm:shape xmlns:r="http://schemas.openxmlformats.org/officeDocument/2006/relationships" type="rect" r:blip="">
                        <dgm:adjLst/>
                      </dgm:shape>
                      <dgm:presOf axis="desOrSelf" ptType="node"/>
                      <dgm:constrLst>
                        <dgm:constr type="tMarg" refType="primFontSz" fact="0.1"/>
                        <dgm:constr type="bMarg" refType="primFontSz" fact="0.1"/>
                      </dgm:constrLst>
                      <dgm:ruleLst>
                        <dgm:rule type="primFontSz" val="5" fact="NaN" max="NaN"/>
                      </dgm:ruleLst>
                    </dgm:layoutNode>
                  </dgm:forEach>
                </dgm:layoutNode>
              </dgm:if>
              <dgm:else name="Name16"/>
            </dgm:choose>
          </dgm:layoutNode>
        </dgm:if>
        <dgm:else name="Name17">
          <dgm:layoutNode name="arrowAndChildren">
            <dgm:alg type="composite"/>
            <dgm:shape xmlns:r="http://schemas.openxmlformats.org/officeDocument/2006/relationships" r:blip="">
              <dgm:adjLst/>
            </dgm:shape>
            <dgm:presOf/>
            <dgm:choose name="Name18">
              <dgm:if name="Name19" axis="ch" ptType="node" func="cnt" op="gte" val="1">
                <dgm:constrLst>
                  <dgm:constr type="w" for="ch" forName="parentTextArrow" refType="w"/>
                  <dgm:constr type="t" for="ch" forName="parentTextArrow"/>
                  <dgm:constr type="h" for="ch" forName="parentTextArrow" refType="h" fact="0.351"/>
                  <dgm:constr type="w" for="ch" forName="arrow" refType="w"/>
                  <dgm:constr type="h" for="ch" forName="arrow" refType="h"/>
                  <dgm:constr type="w" for="ch" forName="descendantArrow" refType="w"/>
                  <dgm:constr type="b" for="ch" forName="descendantArrow" refType="h" fact="0.65"/>
                  <dgm:constr type="h" for="ch" forName="descendantArrow" refType="h" fact="0.299"/>
                </dgm:constrLst>
              </dgm:if>
              <dgm:else name="Name20">
                <dgm:constrLst>
                  <dgm:constr type="w" for="ch" forName="parentTextArrow" refType="w"/>
                  <dgm:constr type="h" for="ch" forName="parentTextArrow" refType="h"/>
                </dgm:constrLst>
              </dgm:else>
            </dgm:choose>
            <dgm:ruleLst/>
            <dgm:layoutNode name="parentTextArrow">
              <dgm:alg type="tx"/>
              <dgm:choose name="Name21">
                <dgm:if name="Name22" axis="ch" ptType="node" func="cnt" op="gte" val="1">
                  <dgm:shape xmlns:r="http://schemas.openxmlformats.org/officeDocument/2006/relationships" type="rect" r:blip="" zOrderOff="1" hideGeom="1">
                    <dgm:adjLst/>
                  </dgm:shape>
                </dgm:if>
                <dgm:else name="Name23">
                  <dgm:shape xmlns:r="http://schemas.openxmlformats.org/officeDocument/2006/relationships" rot="180" type="upArrowCallout" r:blip="">
                    <dgm:adjLst/>
                  </dgm:shape>
                </dgm:else>
              </dgm:choose>
              <dgm:presOf axis="self"/>
              <dgm:constrLst/>
              <dgm:ruleLst>
                <dgm:rule type="primFontSz" val="5" fact="NaN" max="NaN"/>
              </dgm:ruleLst>
            </dgm:layoutNode>
            <dgm:choose name="Name24">
              <dgm:if name="Name25" axis="ch" ptType="node" func="cnt" op="gte" val="1">
                <dgm:layoutNode name="arrow">
                  <dgm:alg type="sp"/>
                  <dgm:shape xmlns:r="http://schemas.openxmlformats.org/officeDocument/2006/relationships" rot="180" type="upArrowCallout" r:blip="">
                    <dgm:adjLst/>
                  </dgm:shape>
                  <dgm:presOf axis="self"/>
                  <dgm:constrLst/>
                  <dgm:ruleLst/>
                </dgm:layoutNode>
                <dgm:layoutNode name="descendantArrow">
                  <dgm:choose name="Name26">
                    <dgm:if name="Name27" func="var" arg="dir" op="equ" val="norm">
                      <dgm:alg type="lin"/>
                    </dgm:if>
                    <dgm:else name="Name28">
                      <dgm:alg type="lin">
                        <dgm:param type="linDir" val="fromR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w" for="ch" forName="childTextArrow" refType="w"/>
                    <dgm:constr type="h" for="ch" forName="childTextArrow" refType="h"/>
                  </dgm:constrLst>
                  <dgm:ruleLst/>
                  <dgm:forEach name="Name29" axis="ch" ptType="node">
                    <dgm:layoutNode name="childTextArrow" styleLbl="fgAccFollowNode1">
                      <dgm:varLst>
                        <dgm:bulletEnabled val="1"/>
                      </dgm:varLst>
                      <dgm:alg type="tx"/>
                      <dgm:shape xmlns:r="http://schemas.openxmlformats.org/officeDocument/2006/relationships" type="rect" r:blip="">
                        <dgm:adjLst/>
                      </dgm:shape>
                      <dgm:presOf axis="desOrSelf" ptType="node"/>
                      <dgm:constrLst>
                        <dgm:constr type="tMarg" refType="primFontSz" fact="0.1"/>
                        <dgm:constr type="bMarg" refType="primFontSz" fact="0.1"/>
                      </dgm:constrLst>
                      <dgm:ruleLst>
                        <dgm:rule type="primFontSz" val="5" fact="NaN" max="NaN"/>
                      </dgm:ruleLst>
                    </dgm:layoutNode>
                  </dgm:forEach>
                </dgm:layoutNode>
              </dgm:if>
              <dgm:else name="Name30"/>
            </dgm:choose>
          </dgm:layoutNode>
        </dgm:else>
      </dgm:choose>
      <dgm:forEach name="Name31" axis="precedSib" ptType="sibTrans" st="-1" cnt="1">
        <dgm:layoutNode name="sp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8/layout/VerticalCurvedList">
  <dgm:title val=""/>
  <dgm:desc val=""/>
  <dgm:catLst>
    <dgm:cat type="list" pri="2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chMax val="7"/>
      <dgm:chPref val="7"/>
      <dgm:dir/>
    </dgm:varLst>
    <dgm:alg type="composite"/>
    <dgm:shape xmlns:r="http://schemas.openxmlformats.org/officeDocument/2006/relationships" r:blip="">
      <dgm:adjLst/>
    </dgm:shape>
    <dgm:constrLst>
      <dgm:constr type="w" for="ch" refType="h" refFor="ch" op="gte" fact="0.8"/>
    </dgm:constrLst>
    <dgm:layoutNode name="Name1">
      <dgm:alg type="composite"/>
      <dgm:shape xmlns:r="http://schemas.openxmlformats.org/officeDocument/2006/relationships" r:blip="">
        <dgm:adjLst/>
      </dgm:shape>
      <dgm:choose name="Name2">
        <dgm:if name="Name3" func="var" arg="dir" op="equ" val="norm">
          <dgm:choose name="Name4">
            <dgm:if name="Name5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h" fact="0.225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primFontSz" for="ch" ptType="node" op="equ" val="65"/>
              </dgm:constrLst>
            </dgm:if>
            <dgm:if name="Name6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h" fact="0.1891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h" fact="0.1891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primFontSz" for="ch" ptType="node" op="equ" val="65"/>
              </dgm:constrLst>
            </dgm:if>
            <dgm:if name="Name7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h" fact="0.1526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h" fact="0.2253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h" fact="0.1526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primFontSz" for="ch" ptType="node" op="equ" val="65"/>
              </dgm:constrLst>
            </dgm:if>
            <dgm:if name="Name8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h" fact="0.1268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h" fact="0.215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h" fact="0.21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h" fact="0.126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primFontSz" for="ch" ptType="node" op="equ" val="65"/>
              </dgm:constrLst>
            </dgm:if>
            <dgm:if name="Name9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h" fact="0.1082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h" fact="0.197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h" fact="0.2253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h" fact="0.197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h" fact="0.1082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primFontSz" for="ch" ptType="node" op="equ" val="65"/>
              </dgm:constrLst>
            </dgm:if>
            <dgm:if name="Name10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h" fact="0.094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h" fact="0.1809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h" fact="0.220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h" fact="0.2205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h" fact="0.18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h" fact="0.0943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primFontSz" for="ch" ptType="node" op="equ" val="65"/>
              </dgm:constrLst>
            </dgm:if>
            <dgm:else name="Name1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h" fact="0.0835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h" fact="0.165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h" fact="0.2109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h" fact="0.2253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h" fact="0.21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h" fact="0.1658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h" fact="0.0835"/>
                <dgm:constr type="l" for="ch" forName="text_7" refType="ctrX" refFor="ch" refForName="accent_7"/>
                <dgm:constr type="r" for="ch" forName="text_7" refType="w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lMarg" for="ch" forName="text_7" refType="w" refFor="ch" refForName="accent_7" fact="1.8"/>
                <dgm:constr type="primFontSz" for="ch" ptType="node" op="equ" val="65"/>
              </dgm:constrLst>
            </dgm:else>
          </dgm:choose>
        </dgm:if>
        <dgm:else name="Name12">
          <dgm:choose name="Name13">
            <dgm:if name="Name14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w"/>
                <dgm:constr type="ctrXOff" for="ch" forName="accent_1" refType="h" fact="-0.225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primFontSz" for="ch" ptType="node" op="equ" val="65"/>
              </dgm:constrLst>
            </dgm:if>
            <dgm:if name="Name15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w"/>
                <dgm:constr type="ctrXOff" for="ch" forName="accent_1" refType="h" fact="-0.1891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w"/>
                <dgm:constr type="ctrXOff" for="ch" forName="accent_2" refType="h" fact="-0.1891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primFontSz" for="ch" ptType="node" op="equ" val="65"/>
              </dgm:constrLst>
            </dgm:if>
            <dgm:if name="Name16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w"/>
                <dgm:constr type="ctrXOff" for="ch" forName="accent_1" refType="h" fact="-0.1526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w"/>
                <dgm:constr type="ctrXOff" for="ch" forName="accent_2" refType="h" fact="-0.2253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w"/>
                <dgm:constr type="ctrXOff" for="ch" forName="accent_3" refType="h" fact="-0.1526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primFontSz" for="ch" ptType="node" op="equ" val="65"/>
              </dgm:constrLst>
            </dgm:if>
            <dgm:if name="Name17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w"/>
                <dgm:constr type="ctrXOff" for="ch" forName="accent_1" refType="h" fact="-0.1268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w"/>
                <dgm:constr type="ctrXOff" for="ch" forName="accent_2" refType="h" fact="-0.215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w"/>
                <dgm:constr type="ctrXOff" for="ch" forName="accent_3" refType="h" fact="-0.21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w"/>
                <dgm:constr type="ctrXOff" for="ch" forName="accent_4" refType="h" fact="-0.126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primFontSz" for="ch" ptType="node" op="equ" val="65"/>
              </dgm:constrLst>
            </dgm:if>
            <dgm:if name="Name18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w"/>
                <dgm:constr type="ctrXOff" for="ch" forName="accent_1" refType="h" fact="-0.1082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w"/>
                <dgm:constr type="ctrXOff" for="ch" forName="accent_2" refType="h" fact="-0.197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w"/>
                <dgm:constr type="ctrXOff" for="ch" forName="accent_3" refType="h" fact="-0.2253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w"/>
                <dgm:constr type="ctrXOff" for="ch" forName="accent_4" refType="h" fact="-0.197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w"/>
                <dgm:constr type="ctrXOff" for="ch" forName="accent_5" refType="h" fact="-0.1082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primFontSz" for="ch" ptType="node" op="equ" val="65"/>
              </dgm:constrLst>
            </dgm:if>
            <dgm:if name="Name19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w"/>
                <dgm:constr type="ctrXOff" for="ch" forName="accent_1" refType="h" fact="-0.094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w"/>
                <dgm:constr type="ctrXOff" for="ch" forName="accent_2" refType="h" fact="-0.1809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w"/>
                <dgm:constr type="ctrXOff" for="ch" forName="accent_3" refType="h" fact="-0.220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w"/>
                <dgm:constr type="ctrXOff" for="ch" forName="accent_4" refType="h" fact="-0.2205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w"/>
                <dgm:constr type="ctrXOff" for="ch" forName="accent_5" refType="h" fact="-0.18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w"/>
                <dgm:constr type="ctrXOff" for="ch" forName="accent_6" refType="h" fact="-0.0943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primFontSz" for="ch" ptType="node" op="equ" val="65"/>
              </dgm:constrLst>
            </dgm:if>
            <dgm:else name="Name20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w"/>
                <dgm:constr type="ctrXOff" for="ch" forName="accent_1" refType="h" fact="-0.0835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w"/>
                <dgm:constr type="ctrXOff" for="ch" forName="accent_2" refType="h" fact="-0.165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w"/>
                <dgm:constr type="ctrXOff" for="ch" forName="accent_3" refType="h" fact="-0.2109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w"/>
                <dgm:constr type="ctrXOff" for="ch" forName="accent_4" refType="h" fact="-0.2253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w"/>
                <dgm:constr type="ctrXOff" for="ch" forName="accent_5" refType="h" fact="-0.21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w"/>
                <dgm:constr type="ctrXOff" for="ch" forName="accent_6" refType="h" fact="-0.1658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w"/>
                <dgm:constr type="ctrXOff" for="ch" forName="accent_7" refType="h" fact="-0.0835"/>
                <dgm:constr type="r" for="ch" forName="text_7" refType="ctrX" refFor="ch" refForName="accent_7"/>
                <dgm:constr type="rOff" for="ch" forName="text_7" refType="ctrXOff" refFor="ch" refForName="accent_7"/>
                <dgm:constr type="l" for="ch" forName="text_7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rMarg" for="ch" forName="text_7" refType="w" refFor="ch" refForName="accent_7" fact="1.8"/>
                <dgm:constr type="primFontSz" for="ch" ptType="node" op="equ" val="65"/>
              </dgm:constrLst>
            </dgm:else>
          </dgm:choose>
        </dgm:else>
      </dgm:choose>
      <dgm:layoutNode name="cycle">
        <dgm:choose name="Name21">
          <dgm:if name="Name22" func="var" arg="dir" op="equ" val="norm">
            <dgm:alg type="cycle">
              <dgm:param type="stAng" val="45"/>
              <dgm:param type="spanAng" val="90"/>
            </dgm:alg>
          </dgm:if>
          <dgm:else name="Name23">
            <dgm:alg type="cycle">
              <dgm:param type="stAng" val="225"/>
              <dgm:param type="spanAng" val="90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val="1"/>
          <dgm:constr type="h" for="ch" val="1"/>
          <dgm:constr type="diam" for="ch" forName="conn" refType="diam"/>
        </dgm:constrLst>
        <dgm:layoutNode name="src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conn" styleLbl="parChTrans1D2">
          <dgm:alg type="conn">
            <dgm:param type="connRout" val="curve"/>
            <dgm:param type="srcNode" val="srcNode"/>
            <dgm:param type="dstNode" val="dstNode"/>
            <dgm:param type="begPts" val="ctr"/>
            <dgm:param type="endPts" val="ctr"/>
            <dgm:param type="endSty" val="noArr"/>
          </dgm:alg>
          <dgm:shape xmlns:r="http://schemas.openxmlformats.org/officeDocument/2006/relationships" type="conn" r:blip="">
            <dgm:adjLst/>
          </dgm:shape>
          <dgm:presOf axis="desOrSelf" ptType="sibTrans" hideLastTrans="0" st="0" cnt="1"/>
          <dgm:constrLst>
            <dgm:constr type="begPad"/>
            <dgm:constr type="endPad"/>
          </dgm:constrLst>
        </dgm:layoutNode>
        <dgm:layoutNode name="extra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dstNode">
          <dgm:alg type="sp"/>
          <dgm:shape xmlns:r="http://schemas.openxmlformats.org/officeDocument/2006/relationships" type="rect" r:blip="" hideGeom="1">
            <dgm:adjLst/>
          </dgm:shape>
          <dgm:presOf/>
        </dgm:layoutNode>
      </dgm:layoutNode>
      <dgm:forEach name="wrapper" axis="self" ptType="parTrans">
        <dgm:forEach name="wrapper2" axis="self" ptType="sibTrans" st="2">
          <dgm:forEach name="accentRepeat" axis="self">
            <dgm:layoutNode name="accentRepeatNode" styleLbl="solidFgAcc1">
              <dgm:alg type="sp"/>
              <dgm:shape xmlns:r="http://schemas.openxmlformats.org/officeDocument/2006/relationships" type="ellipse" r:blip="">
                <dgm:adjLst/>
              </dgm:shape>
              <dgm:presOf/>
            </dgm:layoutNode>
          </dgm:forEach>
        </dgm:forEach>
      </dgm:forEach>
      <dgm:forEach name="Name24" axis="ch" ptType="node" cnt="1">
        <dgm:layoutNode name="text_1" styleLbl="node1">
          <dgm:varLst>
            <dgm:bulletEnabled val="1"/>
          </dgm:varLst>
          <dgm:choose name="Name25">
            <dgm:if name="Name2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2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1">
          <dgm:alg type="sp"/>
          <dgm:shape xmlns:r="http://schemas.openxmlformats.org/officeDocument/2006/relationships" r:blip="">
            <dgm:adjLst/>
          </dgm:shape>
          <dgm:presOf/>
          <dgm:constrLst/>
          <dgm:forEach name="Name28" ref="accentRepeat"/>
        </dgm:layoutNode>
      </dgm:forEach>
      <dgm:forEach name="Name29" axis="ch" ptType="node" st="2" cnt="1">
        <dgm:layoutNode name="text_2" styleLbl="node1">
          <dgm:varLst>
            <dgm:bulletEnabled val="1"/>
          </dgm:varLst>
          <dgm:choose name="Name30">
            <dgm:if name="Name3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3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2">
          <dgm:alg type="sp"/>
          <dgm:shape xmlns:r="http://schemas.openxmlformats.org/officeDocument/2006/relationships" r:blip="">
            <dgm:adjLst/>
          </dgm:shape>
          <dgm:presOf/>
          <dgm:constrLst/>
          <dgm:forEach name="Name33" ref="accentRepeat"/>
        </dgm:layoutNode>
      </dgm:forEach>
      <dgm:forEach name="Name34" axis="ch" ptType="node" st="3" cnt="1">
        <dgm:layoutNode name="text_3" styleLbl="node1">
          <dgm:varLst>
            <dgm:bulletEnabled val="1"/>
          </dgm:varLst>
          <dgm:choose name="Name35">
            <dgm:if name="Name3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3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3">
          <dgm:alg type="sp"/>
          <dgm:shape xmlns:r="http://schemas.openxmlformats.org/officeDocument/2006/relationships" r:blip="">
            <dgm:adjLst/>
          </dgm:shape>
          <dgm:presOf/>
          <dgm:constrLst/>
          <dgm:forEach name="Name38" ref="accentRepeat"/>
        </dgm:layoutNode>
      </dgm:forEach>
      <dgm:forEach name="Name39" axis="ch" ptType="node" st="4" cnt="1">
        <dgm:layoutNode name="text_4" styleLbl="node1">
          <dgm:varLst>
            <dgm:bulletEnabled val="1"/>
          </dgm:varLst>
          <dgm:choose name="Name40">
            <dgm:if name="Name4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4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4">
          <dgm:alg type="sp"/>
          <dgm:shape xmlns:r="http://schemas.openxmlformats.org/officeDocument/2006/relationships" r:blip="">
            <dgm:adjLst/>
          </dgm:shape>
          <dgm:presOf/>
          <dgm:constrLst/>
          <dgm:forEach name="Name43" ref="accentRepeat"/>
        </dgm:layoutNode>
      </dgm:forEach>
      <dgm:forEach name="Name44" axis="ch" ptType="node" st="5" cnt="1">
        <dgm:layoutNode name="text_5" styleLbl="node1">
          <dgm:varLst>
            <dgm:bulletEnabled val="1"/>
          </dgm:varLst>
          <dgm:choose name="Name45">
            <dgm:if name="Name4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4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5">
          <dgm:alg type="sp"/>
          <dgm:shape xmlns:r="http://schemas.openxmlformats.org/officeDocument/2006/relationships" r:blip="">
            <dgm:adjLst/>
          </dgm:shape>
          <dgm:presOf/>
          <dgm:constrLst/>
          <dgm:forEach name="Name48" ref="accentRepeat"/>
        </dgm:layoutNode>
      </dgm:forEach>
      <dgm:forEach name="Name49" axis="ch" ptType="node" st="6" cnt="1">
        <dgm:layoutNode name="text_6" styleLbl="node1">
          <dgm:varLst>
            <dgm:bulletEnabled val="1"/>
          </dgm:varLst>
          <dgm:choose name="Name50">
            <dgm:if name="Name5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5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6">
          <dgm:alg type="sp"/>
          <dgm:shape xmlns:r="http://schemas.openxmlformats.org/officeDocument/2006/relationships" r:blip="">
            <dgm:adjLst/>
          </dgm:shape>
          <dgm:presOf/>
          <dgm:constrLst/>
          <dgm:forEach name="Name53" ref="accentRepeat"/>
        </dgm:layoutNode>
      </dgm:forEach>
      <dgm:forEach name="Name54" axis="ch" ptType="node" st="7" cnt="1">
        <dgm:layoutNode name="text_7" styleLbl="node1">
          <dgm:varLst>
            <dgm:bulletEnabled val="1"/>
          </dgm:varLst>
          <dgm:choose name="Name55">
            <dgm:if name="Name5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5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7">
          <dgm:alg type="sp"/>
          <dgm:shape xmlns:r="http://schemas.openxmlformats.org/officeDocument/2006/relationships" r:blip="">
            <dgm:adjLst/>
          </dgm:shape>
          <dgm:presOf/>
          <dgm:constrLst/>
          <dgm:forEach name="Name58" ref="accentRepeat"/>
        </dgm:layoutNode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2">
  <dgm:title val=""/>
  <dgm:desc val=""/>
  <dgm:catLst>
    <dgm:cat type="3D" pri="11200"/>
  </dgm:catLst>
  <dgm:scene3d>
    <a:camera prst="orthographicFront"/>
    <a:lightRig rig="threePt" dir="t"/>
  </dgm:scene3d>
  <dgm:styleLbl name="node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tx1"/>
      </a:fontRef>
    </dgm:style>
  </dgm:styleLbl>
  <dgm:styleLbl name="aling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>
        <a:rot lat="0" lon="0" rev="7500000"/>
      </a:lightRig>
    </dgm:scene3d>
    <dgm:sp3d z="2540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>
        <a:rot lat="0" lon="0" rev="7500000"/>
      </a:lightRig>
    </dgm:scene3d>
    <dgm:sp3d z="-1524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>
        <a:rot lat="0" lon="0" rev="7500000"/>
      </a:lightRig>
    </dgm:scene3d>
    <dgm:sp3d z="-700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>
        <a:rot lat="0" lon="0" rev="7500000"/>
      </a:lightRig>
    </dgm:scene3d>
    <dgm:sp3d z="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>
        <a:rot lat="0" lon="0" rev="7500000"/>
      </a:lightRig>
    </dgm:scene3d>
    <dgm:sp3d z="-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>
        <a:rot lat="0" lon="0" rev="7500000"/>
      </a:lightRig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>
        <a:rot lat="0" lon="0" rev="7500000"/>
      </a:lightRig>
    </dgm:scene3d>
    <dgm:sp3d extrusionH="190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>
        <a:rot lat="0" lon="0" rev="7500000"/>
      </a:lightRig>
    </dgm:scene3d>
    <dgm:sp3d prstMaterial="plastic">
      <a:bevelT w="127000" h="354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2445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0800" h="190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bevelB w="120650" h="571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>
        <a:rot lat="0" lon="0" rev="7500000"/>
      </a:lightRig>
    </dgm:scene3d>
    <dgm:sp3d z="-152400" extrusionH="63500" prstMaterial="matte">
      <a:bevelT w="144450" h="6350" prst="relaxedInset"/>
      <a:contourClr>
        <a:schemeClr val="bg1"/>
      </a:contourClr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  <a:bevelB w="88900" h="121750" prst="angle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trBgShp">
    <dgm:scene3d>
      <a:camera prst="orthographicFront"/>
      <a:lightRig rig="threePt" dir="t"/>
    </dgm:scene3d>
    <dgm:sp3d z="-1524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3" y="5"/>
            <a:ext cx="2946400" cy="493711"/>
          </a:xfrm>
          <a:prstGeom prst="rect">
            <a:avLst/>
          </a:prstGeom>
        </p:spPr>
        <p:txBody>
          <a:bodyPr vert="horz" lIns="91067" tIns="45534" rIns="91067" bIns="45534" rtlCol="0"/>
          <a:lstStyle>
            <a:lvl1pPr algn="l" fontAlgn="auto">
              <a:spcBef>
                <a:spcPts val="0"/>
              </a:spcBef>
              <a:spcAft>
                <a:spcPts val="0"/>
              </a:spcAft>
              <a:defRPr sz="11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tr-TR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49691" y="5"/>
            <a:ext cx="2946400" cy="493711"/>
          </a:xfrm>
          <a:prstGeom prst="rect">
            <a:avLst/>
          </a:prstGeom>
        </p:spPr>
        <p:txBody>
          <a:bodyPr vert="horz" wrap="square" lIns="91067" tIns="45534" rIns="91067" bIns="45534" numCol="1" anchor="t" anchorCtr="0" compatLnSpc="1">
            <a:prstTxWarp prst="textNoShape">
              <a:avLst/>
            </a:prstTxWarp>
          </a:bodyPr>
          <a:lstStyle>
            <a:lvl1pPr algn="r">
              <a:defRPr sz="1100">
                <a:latin typeface="Calibri" pitchFamily="34" charset="0"/>
              </a:defRPr>
            </a:lvl1pPr>
          </a:lstStyle>
          <a:p>
            <a:pPr>
              <a:defRPr/>
            </a:pPr>
            <a:fld id="{43FF8235-083C-43B5-A3C6-F1DB877046FE}" type="datetimeFigureOut">
              <a:rPr lang="tr-TR" altLang="tr-TR"/>
              <a:pPr>
                <a:defRPr/>
              </a:pPr>
              <a:t>08.04.2015</a:t>
            </a:fld>
            <a:endParaRPr lang="tr-TR" altLang="tr-T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3" y="9378955"/>
            <a:ext cx="2946400" cy="493711"/>
          </a:xfrm>
          <a:prstGeom prst="rect">
            <a:avLst/>
          </a:prstGeom>
        </p:spPr>
        <p:txBody>
          <a:bodyPr vert="horz" lIns="91067" tIns="45534" rIns="91067" bIns="45534" rtlCol="0" anchor="b"/>
          <a:lstStyle>
            <a:lvl1pPr algn="l" fontAlgn="auto">
              <a:spcBef>
                <a:spcPts val="0"/>
              </a:spcBef>
              <a:spcAft>
                <a:spcPts val="0"/>
              </a:spcAft>
              <a:defRPr sz="11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tr-T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49691" y="9378955"/>
            <a:ext cx="2946400" cy="493711"/>
          </a:xfrm>
          <a:prstGeom prst="rect">
            <a:avLst/>
          </a:prstGeom>
        </p:spPr>
        <p:txBody>
          <a:bodyPr vert="horz" wrap="square" lIns="91067" tIns="45534" rIns="91067" bIns="45534" numCol="1" anchor="b" anchorCtr="0" compatLnSpc="1">
            <a:prstTxWarp prst="textNoShape">
              <a:avLst/>
            </a:prstTxWarp>
          </a:bodyPr>
          <a:lstStyle>
            <a:lvl1pPr algn="r">
              <a:defRPr sz="1100">
                <a:latin typeface="Calibri" pitchFamily="34" charset="0"/>
              </a:defRPr>
            </a:lvl1pPr>
          </a:lstStyle>
          <a:p>
            <a:pPr>
              <a:defRPr/>
            </a:pPr>
            <a:fld id="{1B4C6FA0-9FA6-4E55-8371-C9806EF035E4}" type="slidenum">
              <a:rPr lang="tr-TR" altLang="tr-TR"/>
              <a:pPr>
                <a:defRPr/>
              </a:pPr>
              <a:t>‹#›</a:t>
            </a:fld>
            <a:endParaRPr lang="tr-TR" altLang="tr-TR"/>
          </a:p>
        </p:txBody>
      </p:sp>
    </p:spTree>
    <p:extLst>
      <p:ext uri="{BB962C8B-B14F-4D97-AF65-F5344CB8AC3E}">
        <p14:creationId xmlns:p14="http://schemas.microsoft.com/office/powerpoint/2010/main" val="2187968209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Üstbilgi Yer Tutucusu"/>
          <p:cNvSpPr>
            <a:spLocks noGrp="1"/>
          </p:cNvSpPr>
          <p:nvPr>
            <p:ph type="hdr" sz="quarter"/>
          </p:nvPr>
        </p:nvSpPr>
        <p:spPr>
          <a:xfrm>
            <a:off x="3" y="5"/>
            <a:ext cx="2946400" cy="493711"/>
          </a:xfrm>
          <a:prstGeom prst="rect">
            <a:avLst/>
          </a:prstGeom>
        </p:spPr>
        <p:txBody>
          <a:bodyPr vert="horz" lIns="91067" tIns="45534" rIns="91067" bIns="45534" rtlCol="0"/>
          <a:lstStyle>
            <a:lvl1pPr algn="l" fontAlgn="auto">
              <a:spcBef>
                <a:spcPts val="0"/>
              </a:spcBef>
              <a:spcAft>
                <a:spcPts val="0"/>
              </a:spcAft>
              <a:defRPr sz="11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3" name="2 Veri Yer Tutucusu"/>
          <p:cNvSpPr>
            <a:spLocks noGrp="1"/>
          </p:cNvSpPr>
          <p:nvPr>
            <p:ph type="dt" idx="1"/>
          </p:nvPr>
        </p:nvSpPr>
        <p:spPr>
          <a:xfrm>
            <a:off x="3849691" y="5"/>
            <a:ext cx="2946400" cy="493711"/>
          </a:xfrm>
          <a:prstGeom prst="rect">
            <a:avLst/>
          </a:prstGeom>
        </p:spPr>
        <p:txBody>
          <a:bodyPr vert="horz" wrap="square" lIns="91067" tIns="45534" rIns="91067" bIns="45534" numCol="1" anchor="t" anchorCtr="0" compatLnSpc="1">
            <a:prstTxWarp prst="textNoShape">
              <a:avLst/>
            </a:prstTxWarp>
          </a:bodyPr>
          <a:lstStyle>
            <a:lvl1pPr algn="r">
              <a:defRPr sz="1100">
                <a:latin typeface="Calibri" pitchFamily="34" charset="0"/>
              </a:defRPr>
            </a:lvl1pPr>
          </a:lstStyle>
          <a:p>
            <a:pPr>
              <a:defRPr/>
            </a:pPr>
            <a:fld id="{88986F7B-B647-4F73-AA9D-AF5C15397F43}" type="datetimeFigureOut">
              <a:rPr lang="en-US" altLang="tr-TR"/>
              <a:pPr>
                <a:defRPr/>
              </a:pPr>
              <a:t>4/8/2015</a:t>
            </a:fld>
            <a:endParaRPr lang="en-US" altLang="tr-TR"/>
          </a:p>
        </p:txBody>
      </p:sp>
      <p:sp>
        <p:nvSpPr>
          <p:cNvPr id="4" name="3 Slayt Görüntüsü Yer Tutucusu"/>
          <p:cNvSpPr>
            <a:spLocks noGrp="1" noRot="1" noChangeAspect="1"/>
          </p:cNvSpPr>
          <p:nvPr>
            <p:ph type="sldImg" idx="2"/>
          </p:nvPr>
        </p:nvSpPr>
        <p:spPr>
          <a:xfrm>
            <a:off x="930275" y="739775"/>
            <a:ext cx="4937125" cy="370363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067" tIns="45534" rIns="91067" bIns="45534" rtlCol="0" anchor="ctr"/>
          <a:lstStyle/>
          <a:p>
            <a:pPr lvl="0"/>
            <a:endParaRPr lang="en-US" noProof="0"/>
          </a:p>
        </p:txBody>
      </p:sp>
      <p:sp>
        <p:nvSpPr>
          <p:cNvPr id="5" name="4 Not Yer Tutucusu"/>
          <p:cNvSpPr>
            <a:spLocks noGrp="1"/>
          </p:cNvSpPr>
          <p:nvPr>
            <p:ph type="body" sz="quarter" idx="3"/>
          </p:nvPr>
        </p:nvSpPr>
        <p:spPr>
          <a:xfrm>
            <a:off x="679456" y="4691066"/>
            <a:ext cx="5438775" cy="4443413"/>
          </a:xfrm>
          <a:prstGeom prst="rect">
            <a:avLst/>
          </a:prstGeom>
        </p:spPr>
        <p:txBody>
          <a:bodyPr vert="horz" wrap="square" lIns="91067" tIns="45534" rIns="91067" bIns="45534" numCol="1" anchor="t" anchorCtr="0" compatLnSpc="1">
            <a:prstTxWarp prst="textNoShape">
              <a:avLst/>
            </a:prstTxWarp>
            <a:normAutofit/>
          </a:bodyPr>
          <a:lstStyle/>
          <a:p>
            <a:pPr lvl="0"/>
            <a:r>
              <a:rPr lang="tr-TR" altLang="tr-TR" noProof="0" smtClean="0"/>
              <a:t>Asıl metin stillerini düzenlemek için tıklatın</a:t>
            </a:r>
          </a:p>
          <a:p>
            <a:pPr lvl="1"/>
            <a:r>
              <a:rPr lang="tr-TR" altLang="tr-TR" noProof="0" smtClean="0"/>
              <a:t>İkinci düzey</a:t>
            </a:r>
          </a:p>
          <a:p>
            <a:pPr lvl="2"/>
            <a:r>
              <a:rPr lang="tr-TR" altLang="tr-TR" noProof="0" smtClean="0"/>
              <a:t>Üçüncü düzey</a:t>
            </a:r>
          </a:p>
          <a:p>
            <a:pPr lvl="3"/>
            <a:r>
              <a:rPr lang="tr-TR" altLang="tr-TR" noProof="0" smtClean="0"/>
              <a:t>Dördüncü düzey</a:t>
            </a:r>
          </a:p>
          <a:p>
            <a:pPr lvl="4"/>
            <a:r>
              <a:rPr lang="tr-TR" altLang="tr-TR" noProof="0" smtClean="0"/>
              <a:t>Beşinci düzey</a:t>
            </a:r>
            <a:endParaRPr lang="en-US" altLang="tr-TR" noProof="0" smtClean="0"/>
          </a:p>
        </p:txBody>
      </p:sp>
      <p:sp>
        <p:nvSpPr>
          <p:cNvPr id="6" name="5 Altbilgi Yer Tutucusu"/>
          <p:cNvSpPr>
            <a:spLocks noGrp="1"/>
          </p:cNvSpPr>
          <p:nvPr>
            <p:ph type="ftr" sz="quarter" idx="4"/>
          </p:nvPr>
        </p:nvSpPr>
        <p:spPr>
          <a:xfrm>
            <a:off x="3" y="9378955"/>
            <a:ext cx="2946400" cy="493711"/>
          </a:xfrm>
          <a:prstGeom prst="rect">
            <a:avLst/>
          </a:prstGeom>
        </p:spPr>
        <p:txBody>
          <a:bodyPr vert="horz" lIns="91067" tIns="45534" rIns="91067" bIns="45534" rtlCol="0" anchor="b"/>
          <a:lstStyle>
            <a:lvl1pPr algn="l" fontAlgn="auto">
              <a:spcBef>
                <a:spcPts val="0"/>
              </a:spcBef>
              <a:spcAft>
                <a:spcPts val="0"/>
              </a:spcAft>
              <a:defRPr sz="11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6 Slayt Numarası Yer Tutucusu"/>
          <p:cNvSpPr>
            <a:spLocks noGrp="1"/>
          </p:cNvSpPr>
          <p:nvPr>
            <p:ph type="sldNum" sz="quarter" idx="5"/>
          </p:nvPr>
        </p:nvSpPr>
        <p:spPr>
          <a:xfrm>
            <a:off x="3849691" y="9378955"/>
            <a:ext cx="2946400" cy="493711"/>
          </a:xfrm>
          <a:prstGeom prst="rect">
            <a:avLst/>
          </a:prstGeom>
        </p:spPr>
        <p:txBody>
          <a:bodyPr vert="horz" wrap="square" lIns="91067" tIns="45534" rIns="91067" bIns="45534" numCol="1" anchor="b" anchorCtr="0" compatLnSpc="1">
            <a:prstTxWarp prst="textNoShape">
              <a:avLst/>
            </a:prstTxWarp>
          </a:bodyPr>
          <a:lstStyle>
            <a:lvl1pPr algn="r">
              <a:defRPr sz="1100">
                <a:latin typeface="Calibri" pitchFamily="34" charset="0"/>
              </a:defRPr>
            </a:lvl1pPr>
          </a:lstStyle>
          <a:p>
            <a:pPr>
              <a:defRPr/>
            </a:pPr>
            <a:fld id="{E1B64124-F7E9-441A-8861-B8131E292739}" type="slidenum">
              <a:rPr lang="en-US" altLang="tr-TR"/>
              <a:pPr>
                <a:defRPr/>
              </a:pPr>
              <a:t>‹#›</a:t>
            </a:fld>
            <a:endParaRPr lang="en-US" altLang="tr-TR"/>
          </a:p>
        </p:txBody>
      </p:sp>
    </p:spTree>
    <p:extLst>
      <p:ext uri="{BB962C8B-B14F-4D97-AF65-F5344CB8AC3E}">
        <p14:creationId xmlns:p14="http://schemas.microsoft.com/office/powerpoint/2010/main" val="2880643997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MS PGothic" pitchFamily="34" charset="-128"/>
        <a:cs typeface="MS PGothic" charset="0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MS PGothic" pitchFamily="34" charset="-128"/>
        <a:cs typeface="MS PGothic" charset="0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MS PGothic" pitchFamily="34" charset="-128"/>
        <a:cs typeface="MS PGothic" charset="0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MS PGothic" pitchFamily="34" charset="-128"/>
        <a:cs typeface="MS PGothic" charset="0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MS PGothic" pitchFamily="34" charset="-128"/>
        <a:cs typeface="MS PGothic" charset="0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ayt Görüntüsü Yer Tutucusu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 Yer Tutucusu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r-TR" dirty="0"/>
          </a:p>
        </p:txBody>
      </p:sp>
      <p:sp>
        <p:nvSpPr>
          <p:cNvPr id="4" name="Slayt Numarası Yer Tutucus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1B64124-F7E9-441A-8861-B8131E292739}" type="slidenum">
              <a:rPr lang="en-US" altLang="tr-TR" smtClean="0"/>
              <a:pPr>
                <a:defRPr/>
              </a:pPr>
              <a:t>4</a:t>
            </a:fld>
            <a:endParaRPr lang="en-US" altLang="tr-TR"/>
          </a:p>
        </p:txBody>
      </p:sp>
    </p:spTree>
    <p:extLst>
      <p:ext uri="{BB962C8B-B14F-4D97-AF65-F5344CB8AC3E}">
        <p14:creationId xmlns:p14="http://schemas.microsoft.com/office/powerpoint/2010/main" val="257390298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r-T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82BAE1E-16A3-41EA-A8EE-161306984D24}" type="slidenum">
              <a:rPr lang="tr-TR" smtClean="0"/>
              <a:t>13</a:t>
            </a:fld>
            <a:endParaRPr lang="tr-TR"/>
          </a:p>
        </p:txBody>
      </p:sp>
    </p:spTree>
    <p:extLst>
      <p:ext uri="{BB962C8B-B14F-4D97-AF65-F5344CB8AC3E}">
        <p14:creationId xmlns:p14="http://schemas.microsoft.com/office/powerpoint/2010/main" val="205659038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Başlık Slaydı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12 Resim" descr="Arka Fon.jp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55563" y="-53975"/>
            <a:ext cx="9199563" cy="6911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3" descr="C:\Documents and Settings\ozden.hanoglu\Desktop\logo.png"/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95763" y="515938"/>
            <a:ext cx="752475" cy="10064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1 Başlık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>
            <a:normAutofit/>
          </a:bodyPr>
          <a:lstStyle>
            <a:lvl1pPr algn="ctr">
              <a:defRPr sz="4800" b="1">
                <a:solidFill>
                  <a:schemeClr val="accent2">
                    <a:lumMod val="50000"/>
                  </a:schemeClr>
                </a:solidFill>
                <a:latin typeface="Futura Bk BT" pitchFamily="34" charset="0"/>
              </a:defRPr>
            </a:lvl1pPr>
          </a:lstStyle>
          <a:p>
            <a:r>
              <a:rPr lang="tr-TR" noProof="0" dirty="0" smtClean="0"/>
              <a:t>Asıl başlık stili için tıklatın</a:t>
            </a:r>
            <a:endParaRPr lang="tr-TR" noProof="0" dirty="0"/>
          </a:p>
        </p:txBody>
      </p:sp>
      <p:sp>
        <p:nvSpPr>
          <p:cNvPr id="3" name="2 Alt Başlık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>
            <a:normAutofit/>
          </a:bodyPr>
          <a:lstStyle>
            <a:lvl1pPr marL="0" indent="0" algn="ctr">
              <a:buNone/>
              <a:defRPr sz="2800">
                <a:solidFill>
                  <a:schemeClr val="tx1">
                    <a:tint val="75000"/>
                  </a:schemeClr>
                </a:solidFill>
                <a:latin typeface="Futura Bk BT" pitchFamily="34" charset="0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6" name="3 Veri Yer Tutucusu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Corbel" pitchFamily="34" charset="0"/>
              </a:defRPr>
            </a:lvl1pPr>
          </a:lstStyle>
          <a:p>
            <a:pPr>
              <a:defRPr/>
            </a:pPr>
            <a:fld id="{4F3527ED-3B2D-49D2-8A02-9F4220B24B97}" type="datetime1">
              <a:rPr lang="en-US" altLang="tr-TR" smtClean="0"/>
              <a:t>4/8/2015</a:t>
            </a:fld>
            <a:endParaRPr lang="en-US" altLang="tr-TR"/>
          </a:p>
        </p:txBody>
      </p:sp>
      <p:sp>
        <p:nvSpPr>
          <p:cNvPr id="7" name="4 Altbilgi Yer Tutucusu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latin typeface="Corbel" pitchFamily="34" charset="0"/>
              </a:defRPr>
            </a:lvl1pPr>
          </a:lstStyle>
          <a:p>
            <a:pPr>
              <a:defRPr/>
            </a:pPr>
            <a:r>
              <a:rPr lang="tr-TR" altLang="tr-TR"/>
              <a:t>Toplantı Adı, vb.</a:t>
            </a:r>
          </a:p>
        </p:txBody>
      </p:sp>
      <p:sp>
        <p:nvSpPr>
          <p:cNvPr id="8" name="5 Slayt Numarası Yer Tutucusu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Corbel" pitchFamily="34" charset="0"/>
              </a:defRPr>
            </a:lvl1pPr>
          </a:lstStyle>
          <a:p>
            <a:pPr>
              <a:defRPr/>
            </a:pPr>
            <a:fld id="{DBF302EF-A72E-43F8-BCD6-3441FBF2EE75}" type="slidenum">
              <a:rPr lang="en-US" altLang="tr-TR"/>
              <a:pPr>
                <a:defRPr/>
              </a:pPr>
              <a:t>‹#›</a:t>
            </a:fld>
            <a:endParaRPr lang="en-US" altLang="tr-TR"/>
          </a:p>
        </p:txBody>
      </p:sp>
    </p:spTree>
    <p:extLst>
      <p:ext uri="{BB962C8B-B14F-4D97-AF65-F5344CB8AC3E}">
        <p14:creationId xmlns:p14="http://schemas.microsoft.com/office/powerpoint/2010/main" val="424791758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Başlık ve İçe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Başlık"/>
          <p:cNvSpPr>
            <a:spLocks noGrp="1"/>
          </p:cNvSpPr>
          <p:nvPr>
            <p:ph type="title"/>
          </p:nvPr>
        </p:nvSpPr>
        <p:spPr>
          <a:xfrm>
            <a:off x="395536" y="0"/>
            <a:ext cx="7776864" cy="706090"/>
          </a:xfrm>
        </p:spPr>
        <p:txBody>
          <a:bodyPr>
            <a:normAutofit/>
          </a:bodyPr>
          <a:lstStyle>
            <a:lvl1pPr>
              <a:defRPr sz="3200" b="1">
                <a:latin typeface="Futura Bk BT" pitchFamily="34" charset="0"/>
              </a:defRPr>
            </a:lvl1pPr>
          </a:lstStyle>
          <a:p>
            <a:r>
              <a:rPr lang="tr-TR" dirty="0" smtClean="0"/>
              <a:t>Asıl başlık stili için tıklatın</a:t>
            </a:r>
            <a:endParaRPr lang="tr-TR" noProof="0" dirty="0"/>
          </a:p>
        </p:txBody>
      </p:sp>
      <p:sp>
        <p:nvSpPr>
          <p:cNvPr id="3" name="2 İçerik Yer Tutucusu"/>
          <p:cNvSpPr>
            <a:spLocks noGrp="1"/>
          </p:cNvSpPr>
          <p:nvPr>
            <p:ph idx="1"/>
          </p:nvPr>
        </p:nvSpPr>
        <p:spPr>
          <a:xfrm>
            <a:off x="714400" y="1052736"/>
            <a:ext cx="7715200" cy="5073427"/>
          </a:xfrm>
        </p:spPr>
        <p:txBody>
          <a:bodyPr>
            <a:normAutofit/>
          </a:bodyPr>
          <a:lstStyle>
            <a:lvl1pPr>
              <a:defRPr sz="2800">
                <a:latin typeface="Futura Bk BT" pitchFamily="34" charset="0"/>
              </a:defRPr>
            </a:lvl1pPr>
            <a:lvl2pPr>
              <a:defRPr sz="2400">
                <a:latin typeface="Futura Bk BT" pitchFamily="34" charset="0"/>
              </a:defRPr>
            </a:lvl2pPr>
            <a:lvl3pPr>
              <a:defRPr sz="2000">
                <a:latin typeface="Futura Bk BT" pitchFamily="34" charset="0"/>
              </a:defRPr>
            </a:lvl3pPr>
            <a:lvl4pPr>
              <a:defRPr sz="1800">
                <a:latin typeface="Futura Bk BT" pitchFamily="34" charset="0"/>
              </a:defRPr>
            </a:lvl4pPr>
            <a:lvl5pPr>
              <a:defRPr sz="1800">
                <a:latin typeface="Futura Bk BT" pitchFamily="34" charset="0"/>
              </a:defRPr>
            </a:lvl5pPr>
          </a:lstStyle>
          <a:p>
            <a:pPr lvl="0"/>
            <a:r>
              <a:rPr lang="tr-TR" dirty="0" smtClean="0"/>
              <a:t>Asıl metin stillerini düzenlemek için tıklatın</a:t>
            </a:r>
          </a:p>
          <a:p>
            <a:pPr lvl="1"/>
            <a:r>
              <a:rPr lang="tr-TR" dirty="0" smtClean="0"/>
              <a:t>İkinci düzey</a:t>
            </a:r>
          </a:p>
          <a:p>
            <a:pPr lvl="2"/>
            <a:r>
              <a:rPr lang="tr-TR" dirty="0" smtClean="0"/>
              <a:t>Üçüncü düzey</a:t>
            </a:r>
          </a:p>
          <a:p>
            <a:pPr lvl="3"/>
            <a:r>
              <a:rPr lang="tr-TR" dirty="0" smtClean="0"/>
              <a:t>Dördüncü düzey</a:t>
            </a:r>
          </a:p>
          <a:p>
            <a:pPr lvl="4"/>
            <a:r>
              <a:rPr lang="tr-TR" dirty="0" smtClean="0"/>
              <a:t>Beşinci düzey</a:t>
            </a:r>
            <a:endParaRPr lang="en-US" dirty="0" smtClean="0"/>
          </a:p>
          <a:p>
            <a:pPr lvl="4"/>
            <a:endParaRPr lang="tr-TR" noProof="0" dirty="0"/>
          </a:p>
        </p:txBody>
      </p:sp>
      <p:sp>
        <p:nvSpPr>
          <p:cNvPr id="4" name="3 Veri Yer Tutucusu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Corbel" pitchFamily="34" charset="0"/>
              </a:defRPr>
            </a:lvl1pPr>
          </a:lstStyle>
          <a:p>
            <a:pPr>
              <a:defRPr/>
            </a:pPr>
            <a:fld id="{9A5908E0-22C4-4B5E-A255-83DDBBEE2080}" type="datetime1">
              <a:rPr lang="en-US" altLang="tr-TR" smtClean="0"/>
              <a:t>4/8/2015</a:t>
            </a:fld>
            <a:endParaRPr lang="en-US" altLang="tr-TR"/>
          </a:p>
        </p:txBody>
      </p:sp>
      <p:sp>
        <p:nvSpPr>
          <p:cNvPr id="5" name="4 Altbilgi Yer Tutucusu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latin typeface="Corbel" pitchFamily="34" charset="0"/>
              </a:defRPr>
            </a:lvl1pPr>
          </a:lstStyle>
          <a:p>
            <a:pPr>
              <a:defRPr/>
            </a:pPr>
            <a:r>
              <a:rPr lang="tr-TR" altLang="tr-TR"/>
              <a:t>Toplantı Adı, vb.</a:t>
            </a:r>
          </a:p>
        </p:txBody>
      </p:sp>
      <p:sp>
        <p:nvSpPr>
          <p:cNvPr id="6" name="5 Slayt Numarası Yer Tutucusu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Corbel" pitchFamily="34" charset="0"/>
              </a:defRPr>
            </a:lvl1pPr>
          </a:lstStyle>
          <a:p>
            <a:pPr>
              <a:defRPr/>
            </a:pPr>
            <a:fld id="{41D7ED6A-D549-40C0-9D8C-C55F5275B6CF}" type="slidenum">
              <a:rPr lang="en-US" altLang="tr-TR"/>
              <a:pPr>
                <a:defRPr/>
              </a:pPr>
              <a:t>‹#›</a:t>
            </a:fld>
            <a:endParaRPr lang="en-US" altLang="tr-TR"/>
          </a:p>
        </p:txBody>
      </p:sp>
    </p:spTree>
    <p:extLst>
      <p:ext uri="{BB962C8B-B14F-4D97-AF65-F5344CB8AC3E}">
        <p14:creationId xmlns:p14="http://schemas.microsoft.com/office/powerpoint/2010/main" val="274681334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İki İçe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Başlık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3200" b="1">
                <a:latin typeface="Futura Bk BT" pitchFamily="34" charset="0"/>
              </a:defRPr>
            </a:lvl1pPr>
          </a:lstStyle>
          <a:p>
            <a:r>
              <a:rPr lang="tr-TR" dirty="0" smtClean="0"/>
              <a:t>Asıl başlık stili için tıklatın</a:t>
            </a:r>
            <a:endParaRPr lang="en-US" dirty="0"/>
          </a:p>
        </p:txBody>
      </p:sp>
      <p:sp>
        <p:nvSpPr>
          <p:cNvPr id="3" name="2 İçerik Yer Tutucusu"/>
          <p:cNvSpPr>
            <a:spLocks noGrp="1"/>
          </p:cNvSpPr>
          <p:nvPr>
            <p:ph sz="half" idx="1"/>
          </p:nvPr>
        </p:nvSpPr>
        <p:spPr>
          <a:xfrm>
            <a:off x="467544" y="1052736"/>
            <a:ext cx="4028256" cy="5073427"/>
          </a:xfrm>
        </p:spPr>
        <p:txBody>
          <a:bodyPr/>
          <a:lstStyle>
            <a:lvl1pPr>
              <a:defRPr sz="2800">
                <a:latin typeface="Futura Bk BT" pitchFamily="34" charset="0"/>
              </a:defRPr>
            </a:lvl1pPr>
            <a:lvl2pPr>
              <a:defRPr sz="2400">
                <a:latin typeface="Futura Bk BT" pitchFamily="34" charset="0"/>
              </a:defRPr>
            </a:lvl2pPr>
            <a:lvl3pPr>
              <a:defRPr sz="2000">
                <a:latin typeface="Futura Bk BT" pitchFamily="34" charset="0"/>
              </a:defRPr>
            </a:lvl3pPr>
            <a:lvl4pPr>
              <a:defRPr sz="1800">
                <a:latin typeface="Futura Bk BT" pitchFamily="34" charset="0"/>
              </a:defRPr>
            </a:lvl4pPr>
            <a:lvl5pPr>
              <a:defRPr sz="1800">
                <a:latin typeface="Futura Bk BT" pitchFamily="34" charset="0"/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tr-TR" dirty="0" smtClean="0"/>
              <a:t>Asıl metin stillerini düzenlemek için tıklatın</a:t>
            </a:r>
          </a:p>
          <a:p>
            <a:pPr lvl="1"/>
            <a:r>
              <a:rPr lang="tr-TR" dirty="0" smtClean="0"/>
              <a:t>İkinci düzey</a:t>
            </a:r>
          </a:p>
          <a:p>
            <a:pPr lvl="2"/>
            <a:r>
              <a:rPr lang="tr-TR" dirty="0" smtClean="0"/>
              <a:t>Üçüncü düzey</a:t>
            </a:r>
          </a:p>
          <a:p>
            <a:pPr lvl="3"/>
            <a:r>
              <a:rPr lang="tr-TR" dirty="0" smtClean="0"/>
              <a:t>Dördüncü düzey</a:t>
            </a:r>
          </a:p>
          <a:p>
            <a:pPr lvl="4"/>
            <a:r>
              <a:rPr lang="tr-TR" dirty="0" smtClean="0"/>
              <a:t>Beşinci düzey</a:t>
            </a:r>
            <a:endParaRPr lang="en-US" dirty="0"/>
          </a:p>
        </p:txBody>
      </p:sp>
      <p:sp>
        <p:nvSpPr>
          <p:cNvPr id="4" name="3 İçerik Yer Tutucusu"/>
          <p:cNvSpPr>
            <a:spLocks noGrp="1"/>
          </p:cNvSpPr>
          <p:nvPr>
            <p:ph sz="half" idx="2"/>
          </p:nvPr>
        </p:nvSpPr>
        <p:spPr>
          <a:xfrm>
            <a:off x="4648200" y="1052736"/>
            <a:ext cx="4038600" cy="5073427"/>
          </a:xfrm>
        </p:spPr>
        <p:txBody>
          <a:bodyPr/>
          <a:lstStyle>
            <a:lvl1pPr>
              <a:defRPr sz="2800">
                <a:latin typeface="Futura Bk BT" pitchFamily="34" charset="0"/>
              </a:defRPr>
            </a:lvl1pPr>
            <a:lvl2pPr>
              <a:defRPr sz="2400">
                <a:latin typeface="Futura Bk BT" pitchFamily="34" charset="0"/>
              </a:defRPr>
            </a:lvl2pPr>
            <a:lvl3pPr>
              <a:defRPr sz="2000">
                <a:latin typeface="Futura Bk BT" pitchFamily="34" charset="0"/>
              </a:defRPr>
            </a:lvl3pPr>
            <a:lvl4pPr>
              <a:defRPr sz="1800">
                <a:latin typeface="Futura Bk BT" pitchFamily="34" charset="0"/>
              </a:defRPr>
            </a:lvl4pPr>
            <a:lvl5pPr>
              <a:defRPr sz="1800">
                <a:latin typeface="Futura Bk BT" pitchFamily="34" charset="0"/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tr-TR" dirty="0" smtClean="0"/>
              <a:t>Asıl metin stillerini düzenlemek için tıklatın</a:t>
            </a:r>
          </a:p>
          <a:p>
            <a:pPr lvl="1"/>
            <a:r>
              <a:rPr lang="tr-TR" dirty="0" smtClean="0"/>
              <a:t>İkinci düzey</a:t>
            </a:r>
          </a:p>
          <a:p>
            <a:pPr lvl="2"/>
            <a:r>
              <a:rPr lang="tr-TR" dirty="0" smtClean="0"/>
              <a:t>Üçüncü düzey</a:t>
            </a:r>
          </a:p>
          <a:p>
            <a:pPr lvl="3"/>
            <a:r>
              <a:rPr lang="tr-TR" dirty="0" smtClean="0"/>
              <a:t>Dördüncü düzey</a:t>
            </a:r>
          </a:p>
          <a:p>
            <a:pPr lvl="4"/>
            <a:r>
              <a:rPr lang="tr-TR" dirty="0" smtClean="0"/>
              <a:t>Beşinci düzey</a:t>
            </a:r>
            <a:endParaRPr lang="en-US" dirty="0"/>
          </a:p>
        </p:txBody>
      </p:sp>
      <p:sp>
        <p:nvSpPr>
          <p:cNvPr id="5" name="4 Veri Yer Tutucusu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Corbel" pitchFamily="34" charset="0"/>
              </a:defRPr>
            </a:lvl1pPr>
          </a:lstStyle>
          <a:p>
            <a:pPr>
              <a:defRPr/>
            </a:pPr>
            <a:fld id="{E54C70CC-E204-4363-8A9E-AB3841660D92}" type="datetime1">
              <a:rPr lang="en-US" altLang="tr-TR" smtClean="0"/>
              <a:t>4/8/2015</a:t>
            </a:fld>
            <a:endParaRPr lang="en-US" altLang="tr-TR"/>
          </a:p>
        </p:txBody>
      </p:sp>
      <p:sp>
        <p:nvSpPr>
          <p:cNvPr id="6" name="5 Altbilgi Yer Tutucusu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latin typeface="Corbel" pitchFamily="34" charset="0"/>
              </a:defRPr>
            </a:lvl1pPr>
          </a:lstStyle>
          <a:p>
            <a:pPr>
              <a:defRPr/>
            </a:pPr>
            <a:r>
              <a:rPr lang="tr-TR" altLang="tr-TR"/>
              <a:t>Toplantı Adı, vb.</a:t>
            </a:r>
          </a:p>
        </p:txBody>
      </p:sp>
      <p:sp>
        <p:nvSpPr>
          <p:cNvPr id="7" name="6 Slayt Numarası Yer Tutucusu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Corbel" pitchFamily="34" charset="0"/>
              </a:defRPr>
            </a:lvl1pPr>
          </a:lstStyle>
          <a:p>
            <a:pPr>
              <a:defRPr/>
            </a:pPr>
            <a:fld id="{6B7D8A04-9DB8-4D3C-8D23-AF54D64D8286}" type="slidenum">
              <a:rPr lang="en-US" altLang="tr-TR"/>
              <a:pPr>
                <a:defRPr/>
              </a:pPr>
              <a:t>‹#›</a:t>
            </a:fld>
            <a:endParaRPr lang="en-US" altLang="tr-TR"/>
          </a:p>
        </p:txBody>
      </p:sp>
    </p:spTree>
    <p:extLst>
      <p:ext uri="{BB962C8B-B14F-4D97-AF65-F5344CB8AC3E}">
        <p14:creationId xmlns:p14="http://schemas.microsoft.com/office/powerpoint/2010/main" val="55157513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Karşılaştırm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Başlık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3200" b="1">
                <a:latin typeface="Futura Bk BT" pitchFamily="34" charset="0"/>
              </a:defRPr>
            </a:lvl1pPr>
          </a:lstStyle>
          <a:p>
            <a:r>
              <a:rPr lang="tr-TR" dirty="0" smtClean="0"/>
              <a:t>Asıl başlık stili için tıklatın</a:t>
            </a:r>
            <a:endParaRPr lang="en-US" dirty="0"/>
          </a:p>
        </p:txBody>
      </p:sp>
      <p:sp>
        <p:nvSpPr>
          <p:cNvPr id="3" name="2 Metin Yer Tutucusu"/>
          <p:cNvSpPr>
            <a:spLocks noGrp="1"/>
          </p:cNvSpPr>
          <p:nvPr>
            <p:ph type="body" idx="1"/>
          </p:nvPr>
        </p:nvSpPr>
        <p:spPr>
          <a:xfrm>
            <a:off x="467544" y="1124745"/>
            <a:ext cx="4029844" cy="792088"/>
          </a:xfrm>
        </p:spPr>
        <p:txBody>
          <a:bodyPr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tr-TR" dirty="0" smtClean="0"/>
              <a:t>Asıl metin stillerini düzenlemek için tıklatın</a:t>
            </a:r>
          </a:p>
        </p:txBody>
      </p:sp>
      <p:sp>
        <p:nvSpPr>
          <p:cNvPr id="4" name="3 İçerik Yer Tutucusu"/>
          <p:cNvSpPr>
            <a:spLocks noGrp="1"/>
          </p:cNvSpPr>
          <p:nvPr>
            <p:ph sz="half" idx="2"/>
          </p:nvPr>
        </p:nvSpPr>
        <p:spPr>
          <a:xfrm>
            <a:off x="467544" y="1988840"/>
            <a:ext cx="4029844" cy="4137323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tr-TR" dirty="0" smtClean="0"/>
              <a:t>Asıl metin stillerini düzenlemek için tıklatın</a:t>
            </a:r>
          </a:p>
          <a:p>
            <a:pPr lvl="1"/>
            <a:r>
              <a:rPr lang="tr-TR" dirty="0" smtClean="0"/>
              <a:t>İkinci düzey</a:t>
            </a:r>
          </a:p>
          <a:p>
            <a:pPr lvl="2"/>
            <a:r>
              <a:rPr lang="tr-TR" dirty="0" smtClean="0"/>
              <a:t>Üçüncü düzey</a:t>
            </a:r>
          </a:p>
          <a:p>
            <a:pPr lvl="3"/>
            <a:r>
              <a:rPr lang="tr-TR" dirty="0" smtClean="0"/>
              <a:t>Dördüncü düzey</a:t>
            </a:r>
          </a:p>
          <a:p>
            <a:pPr lvl="4"/>
            <a:r>
              <a:rPr lang="tr-TR" dirty="0" smtClean="0"/>
              <a:t>Beşinci düzey</a:t>
            </a:r>
            <a:endParaRPr lang="en-US" dirty="0"/>
          </a:p>
        </p:txBody>
      </p:sp>
      <p:sp>
        <p:nvSpPr>
          <p:cNvPr id="5" name="4 Metin Yer Tutucusu"/>
          <p:cNvSpPr>
            <a:spLocks noGrp="1"/>
          </p:cNvSpPr>
          <p:nvPr>
            <p:ph type="body" sz="quarter" idx="3"/>
          </p:nvPr>
        </p:nvSpPr>
        <p:spPr>
          <a:xfrm>
            <a:off x="4645025" y="1124745"/>
            <a:ext cx="4041775" cy="792088"/>
          </a:xfrm>
        </p:spPr>
        <p:txBody>
          <a:bodyPr>
            <a:noAutofit/>
          </a:bodyPr>
          <a:lstStyle>
            <a:lvl1pPr marL="0" indent="0">
              <a:buNone/>
              <a:defRPr sz="22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tr-TR" dirty="0" smtClean="0"/>
              <a:t>Asıl metin stillerini düzenlemek için tıklatın</a:t>
            </a:r>
          </a:p>
        </p:txBody>
      </p:sp>
      <p:sp>
        <p:nvSpPr>
          <p:cNvPr id="6" name="5 İçerik Yer Tutucusu"/>
          <p:cNvSpPr>
            <a:spLocks noGrp="1"/>
          </p:cNvSpPr>
          <p:nvPr>
            <p:ph sz="quarter" idx="4"/>
          </p:nvPr>
        </p:nvSpPr>
        <p:spPr>
          <a:xfrm>
            <a:off x="4645025" y="1988840"/>
            <a:ext cx="4041775" cy="4137323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tr-TR" dirty="0" smtClean="0"/>
              <a:t>Asıl metin stillerini düzenlemek için tıklatın</a:t>
            </a:r>
          </a:p>
          <a:p>
            <a:pPr lvl="1"/>
            <a:r>
              <a:rPr lang="tr-TR" dirty="0" smtClean="0"/>
              <a:t>İkinci düzey</a:t>
            </a:r>
          </a:p>
          <a:p>
            <a:pPr lvl="2"/>
            <a:r>
              <a:rPr lang="tr-TR" dirty="0" smtClean="0"/>
              <a:t>Üçüncü düzey</a:t>
            </a:r>
          </a:p>
          <a:p>
            <a:pPr lvl="3"/>
            <a:r>
              <a:rPr lang="tr-TR" dirty="0" smtClean="0"/>
              <a:t>Dördüncü düzey</a:t>
            </a:r>
          </a:p>
          <a:p>
            <a:pPr lvl="4"/>
            <a:r>
              <a:rPr lang="tr-TR" dirty="0" smtClean="0"/>
              <a:t>Beşinci düzey</a:t>
            </a:r>
            <a:endParaRPr lang="en-US" dirty="0"/>
          </a:p>
        </p:txBody>
      </p:sp>
      <p:sp>
        <p:nvSpPr>
          <p:cNvPr id="7" name="3 Veri Yer Tutucusu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5366C92-73AC-4B3E-B2A4-81ED12F572F6}" type="datetime1">
              <a:rPr lang="en-US" altLang="tr-TR" smtClean="0"/>
              <a:t>4/8/2015</a:t>
            </a:fld>
            <a:endParaRPr lang="en-US" altLang="tr-TR"/>
          </a:p>
        </p:txBody>
      </p:sp>
      <p:sp>
        <p:nvSpPr>
          <p:cNvPr id="8" name="4 Altbilgi Yer Tutucusu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tr-TR" altLang="tr-TR"/>
              <a:t>Toplantı Adı, vb.</a:t>
            </a:r>
          </a:p>
        </p:txBody>
      </p:sp>
      <p:sp>
        <p:nvSpPr>
          <p:cNvPr id="9" name="5 Slayt Numarası Yer Tutucusu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E5391E1-EC5B-4393-B256-38D5C8FDFC5F}" type="slidenum">
              <a:rPr lang="en-US" altLang="tr-TR"/>
              <a:pPr>
                <a:defRPr/>
              </a:pPr>
              <a:t>‹#›</a:t>
            </a:fld>
            <a:endParaRPr lang="en-US" altLang="tr-TR"/>
          </a:p>
        </p:txBody>
      </p:sp>
    </p:spTree>
    <p:extLst>
      <p:ext uri="{BB962C8B-B14F-4D97-AF65-F5344CB8AC3E}">
        <p14:creationId xmlns:p14="http://schemas.microsoft.com/office/powerpoint/2010/main" val="338016491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Yalnızca Başlı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Başlık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3200" b="1">
                <a:latin typeface="Futura Bk BT" pitchFamily="34" charset="0"/>
              </a:defRPr>
            </a:lvl1pPr>
          </a:lstStyle>
          <a:p>
            <a:r>
              <a:rPr lang="tr-TR" dirty="0" smtClean="0"/>
              <a:t>Asıl başlık stili için tıklatın</a:t>
            </a:r>
            <a:endParaRPr lang="en-US" dirty="0"/>
          </a:p>
        </p:txBody>
      </p:sp>
      <p:sp>
        <p:nvSpPr>
          <p:cNvPr id="3" name="2 Veri Yer Tutucusu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Corbel" pitchFamily="34" charset="0"/>
              </a:defRPr>
            </a:lvl1pPr>
          </a:lstStyle>
          <a:p>
            <a:pPr>
              <a:defRPr/>
            </a:pPr>
            <a:fld id="{AABCC024-856E-4135-A6AF-F80D5729C0E6}" type="datetime1">
              <a:rPr lang="en-US" altLang="tr-TR" smtClean="0"/>
              <a:t>4/8/2015</a:t>
            </a:fld>
            <a:endParaRPr lang="en-US" altLang="tr-TR"/>
          </a:p>
        </p:txBody>
      </p:sp>
      <p:sp>
        <p:nvSpPr>
          <p:cNvPr id="4" name="3 Altbilgi Yer Tutucusu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latin typeface="Corbel" pitchFamily="34" charset="0"/>
              </a:defRPr>
            </a:lvl1pPr>
          </a:lstStyle>
          <a:p>
            <a:pPr>
              <a:defRPr/>
            </a:pPr>
            <a:r>
              <a:rPr lang="tr-TR" altLang="tr-TR"/>
              <a:t>Toplantı Adı, vb.</a:t>
            </a:r>
          </a:p>
        </p:txBody>
      </p:sp>
      <p:sp>
        <p:nvSpPr>
          <p:cNvPr id="5" name="4 Slayt Numarası Yer Tutucusu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Corbel" pitchFamily="34" charset="0"/>
              </a:defRPr>
            </a:lvl1pPr>
          </a:lstStyle>
          <a:p>
            <a:pPr>
              <a:defRPr/>
            </a:pPr>
            <a:fld id="{95FBE692-EB5C-40A2-8ABA-25C99EA934CC}" type="slidenum">
              <a:rPr lang="en-US" altLang="tr-TR"/>
              <a:pPr>
                <a:defRPr/>
              </a:pPr>
              <a:t>‹#›</a:t>
            </a:fld>
            <a:endParaRPr lang="en-US" altLang="tr-TR"/>
          </a:p>
        </p:txBody>
      </p:sp>
    </p:spTree>
    <p:extLst>
      <p:ext uri="{BB962C8B-B14F-4D97-AF65-F5344CB8AC3E}">
        <p14:creationId xmlns:p14="http://schemas.microsoft.com/office/powerpoint/2010/main" val="378205670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image" Target="../media/image1.jpe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3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18 Resim" descr="Arka Fon.jpg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8" y="0"/>
            <a:ext cx="9128125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27" name="2 Metin Yer Tutucusu"/>
          <p:cNvSpPr>
            <a:spLocks noGrp="1"/>
          </p:cNvSpPr>
          <p:nvPr>
            <p:ph type="body" idx="1"/>
          </p:nvPr>
        </p:nvSpPr>
        <p:spPr bwMode="auto">
          <a:xfrm>
            <a:off x="714375" y="1052513"/>
            <a:ext cx="7715250" cy="5073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tr-TR" altLang="tr-TR" smtClean="0"/>
              <a:t>Asıl metin stillerini düzenlemek için tıklatın</a:t>
            </a:r>
          </a:p>
          <a:p>
            <a:pPr lvl="1"/>
            <a:r>
              <a:rPr lang="tr-TR" altLang="tr-TR" smtClean="0"/>
              <a:t>İkinci düzey</a:t>
            </a:r>
          </a:p>
          <a:p>
            <a:pPr lvl="2"/>
            <a:r>
              <a:rPr lang="tr-TR" altLang="tr-TR" smtClean="0"/>
              <a:t>Üçüncü düzey</a:t>
            </a:r>
          </a:p>
          <a:p>
            <a:pPr lvl="3"/>
            <a:r>
              <a:rPr lang="tr-TR" altLang="tr-TR" smtClean="0"/>
              <a:t>Dördüncü düzey</a:t>
            </a:r>
          </a:p>
          <a:p>
            <a:pPr lvl="4"/>
            <a:r>
              <a:rPr lang="tr-TR" altLang="tr-TR" smtClean="0"/>
              <a:t>Beşinci düzey</a:t>
            </a:r>
            <a:endParaRPr lang="en-US" altLang="tr-TR" smtClean="0"/>
          </a:p>
        </p:txBody>
      </p:sp>
      <p:sp>
        <p:nvSpPr>
          <p:cNvPr id="4" name="3 Veri Yer Tutucusu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>
              <a:defRPr sz="1200">
                <a:solidFill>
                  <a:srgbClr val="898989"/>
                </a:solidFill>
                <a:latin typeface="Futura Bk BT" pitchFamily="34" charset="0"/>
              </a:defRPr>
            </a:lvl1pPr>
          </a:lstStyle>
          <a:p>
            <a:pPr>
              <a:defRPr/>
            </a:pPr>
            <a:fld id="{DC17BFE3-A80F-413F-9C0D-DD7106F1B525}" type="datetime1">
              <a:rPr lang="en-US" altLang="tr-TR" smtClean="0"/>
              <a:t>4/8/2015</a:t>
            </a:fld>
            <a:endParaRPr lang="en-US" altLang="tr-TR"/>
          </a:p>
        </p:txBody>
      </p:sp>
      <p:sp>
        <p:nvSpPr>
          <p:cNvPr id="5" name="4 Altbilgi Yer Tutucusu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ctr">
              <a:defRPr sz="1200">
                <a:solidFill>
                  <a:srgbClr val="898989"/>
                </a:solidFill>
                <a:latin typeface="Futura Bk BT" pitchFamily="34" charset="0"/>
              </a:defRPr>
            </a:lvl1pPr>
          </a:lstStyle>
          <a:p>
            <a:pPr>
              <a:defRPr/>
            </a:pPr>
            <a:r>
              <a:rPr lang="tr-TR" altLang="tr-TR"/>
              <a:t>Toplantı Adı, vb.</a:t>
            </a:r>
          </a:p>
        </p:txBody>
      </p:sp>
      <p:sp>
        <p:nvSpPr>
          <p:cNvPr id="6" name="5 Slayt Numarası Yer Tutucusu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>
              <a:defRPr sz="1200">
                <a:solidFill>
                  <a:srgbClr val="898989"/>
                </a:solidFill>
                <a:latin typeface="Futura Bk BT" pitchFamily="34" charset="0"/>
              </a:defRPr>
            </a:lvl1pPr>
          </a:lstStyle>
          <a:p>
            <a:pPr>
              <a:defRPr/>
            </a:pPr>
            <a:fld id="{44026C08-5BA6-495F-B527-3EF67B7D534B}" type="slidenum">
              <a:rPr lang="en-US" altLang="tr-TR"/>
              <a:pPr>
                <a:defRPr/>
              </a:pPr>
              <a:t>‹#›</a:t>
            </a:fld>
            <a:endParaRPr lang="en-US" altLang="tr-TR"/>
          </a:p>
        </p:txBody>
      </p:sp>
      <p:pic>
        <p:nvPicPr>
          <p:cNvPr id="1031" name="24 Resim" descr="Template Resim_2 copy.png"/>
          <p:cNvPicPr>
            <a:picLocks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71438" y="-42863"/>
            <a:ext cx="8459788" cy="842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32" name="Picture 3" descr="C:\Documents and Settings\ozden.hanoglu\Desktop\logo.png"/>
          <p:cNvPicPr>
            <a:picLocks noChangeAspect="1" noChangeArrowheads="1"/>
          </p:cNvPicPr>
          <p:nvPr userDrawn="1"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53438" y="71438"/>
            <a:ext cx="515937" cy="6905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33" name="1 Başlık Yer Tutucusu"/>
          <p:cNvSpPr>
            <a:spLocks noGrp="1"/>
          </p:cNvSpPr>
          <p:nvPr>
            <p:ph type="title"/>
          </p:nvPr>
        </p:nvSpPr>
        <p:spPr bwMode="auto">
          <a:xfrm>
            <a:off x="395288" y="0"/>
            <a:ext cx="7777162" cy="7064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tr-TR" altLang="tr-TR" smtClean="0"/>
              <a:t>Asıl başlık stili için tıklatın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986" r:id="rId1"/>
    <p:sldLayoutId id="2147483987" r:id="rId2"/>
    <p:sldLayoutId id="2147483988" r:id="rId3"/>
    <p:sldLayoutId id="2147483985" r:id="rId4"/>
    <p:sldLayoutId id="2147483989" r:id="rId5"/>
  </p:sldLayoutIdLst>
  <p:timing>
    <p:tnLst>
      <p:par>
        <p:cTn id="1" dur="indefinite" restart="never" nodeType="tmRoot"/>
      </p:par>
    </p:tnLst>
  </p:timing>
  <p:hf hdr="0" ftr="0" dt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200" b="1" kern="1200">
          <a:solidFill>
            <a:schemeClr val="bg1"/>
          </a:solidFill>
          <a:latin typeface="Futura Bk BT" pitchFamily="34" charset="0"/>
          <a:ea typeface="MS PGothic" pitchFamily="34" charset="-128"/>
          <a:cs typeface="MS PGothic" charset="0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Futura Bk BT"/>
          <a:ea typeface="MS PGothic" pitchFamily="34" charset="-128"/>
          <a:cs typeface="MS PGothic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Futura Bk BT"/>
          <a:ea typeface="MS PGothic" pitchFamily="34" charset="-128"/>
          <a:cs typeface="MS PGothic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Futura Bk BT"/>
          <a:ea typeface="MS PGothic" pitchFamily="34" charset="-128"/>
          <a:cs typeface="MS PGothic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Futura Bk BT"/>
          <a:ea typeface="MS PGothic" pitchFamily="34" charset="-128"/>
          <a:cs typeface="MS PGothic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Futura Bk BT"/>
        </a:defRPr>
      </a:lvl6pPr>
      <a:lvl7pPr marL="914400" algn="l" rtl="0" fontAlgn="base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Futura Bk BT"/>
        </a:defRPr>
      </a:lvl7pPr>
      <a:lvl8pPr marL="1371600" algn="l" rtl="0" fontAlgn="base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Futura Bk BT"/>
        </a:defRPr>
      </a:lvl8pPr>
      <a:lvl9pPr marL="1828800" algn="l" rtl="0" fontAlgn="base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Futura Bk BT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Font typeface="Arial" pitchFamily="34" charset="0"/>
        <a:buChar char="•"/>
        <a:defRPr sz="2800" kern="1200">
          <a:solidFill>
            <a:schemeClr val="tx1"/>
          </a:solidFill>
          <a:latin typeface="Futura Bk BT" pitchFamily="34" charset="0"/>
          <a:ea typeface="MS PGothic" pitchFamily="34" charset="-128"/>
          <a:cs typeface="MS PGothic" charset="0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Font typeface="Arial" pitchFamily="34" charset="0"/>
        <a:buChar char="–"/>
        <a:defRPr sz="2400" kern="1200">
          <a:solidFill>
            <a:schemeClr val="tx1"/>
          </a:solidFill>
          <a:latin typeface="Futura Bk BT" pitchFamily="34" charset="0"/>
          <a:ea typeface="MS PGothic" pitchFamily="34" charset="-128"/>
          <a:cs typeface="MS PGothic" charset="0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Font typeface="Arial" pitchFamily="34" charset="0"/>
        <a:buChar char="•"/>
        <a:defRPr sz="2000" kern="1200">
          <a:solidFill>
            <a:schemeClr val="tx1"/>
          </a:solidFill>
          <a:latin typeface="Futura Bk BT" pitchFamily="34" charset="0"/>
          <a:ea typeface="MS PGothic" pitchFamily="34" charset="-128"/>
          <a:cs typeface="MS PGothic" charset="0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Font typeface="Arial" pitchFamily="34" charset="0"/>
        <a:buChar char="–"/>
        <a:defRPr sz="2000" kern="1200">
          <a:solidFill>
            <a:schemeClr val="tx1"/>
          </a:solidFill>
          <a:latin typeface="Futura Bk BT" pitchFamily="34" charset="0"/>
          <a:ea typeface="MS PGothic" pitchFamily="34" charset="-128"/>
          <a:cs typeface="MS PGothic" charset="0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Font typeface="Arial" pitchFamily="34" charset="0"/>
        <a:buChar char="»"/>
        <a:defRPr sz="2000" kern="1200">
          <a:solidFill>
            <a:schemeClr val="tx1"/>
          </a:solidFill>
          <a:latin typeface="Futura Bk BT" pitchFamily="34" charset="0"/>
          <a:ea typeface="MS PGothic" pitchFamily="34" charset="-128"/>
          <a:cs typeface="MS PGothic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tr-T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hyperlink" Target="mailto:ebru.imamoglu@tubitak.gov.tr" TargetMode="Externa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9.jpeg"/><Relationship Id="rId5" Type="http://schemas.openxmlformats.org/officeDocument/2006/relationships/image" Target="../media/image8.png"/><Relationship Id="rId4" Type="http://schemas.openxmlformats.org/officeDocument/2006/relationships/image" Target="../media/image7.pn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85500" y="1988840"/>
            <a:ext cx="7992888" cy="1296144"/>
          </a:xfrm>
        </p:spPr>
        <p:txBody>
          <a:bodyPr>
            <a:noAutofit/>
          </a:bodyPr>
          <a:lstStyle/>
          <a:p>
            <a:pPr>
              <a:defRPr/>
            </a:pPr>
            <a:r>
              <a:rPr lang="tr-TR" altLang="tr-TR" sz="1600" dirty="0">
                <a:solidFill>
                  <a:srgbClr val="632523"/>
                </a:solidFill>
              </a:rPr>
              <a:t>TÜBİTAK </a:t>
            </a:r>
            <a:br>
              <a:rPr lang="tr-TR" altLang="tr-TR" sz="1600" dirty="0">
                <a:solidFill>
                  <a:srgbClr val="632523"/>
                </a:solidFill>
              </a:rPr>
            </a:br>
            <a:r>
              <a:rPr lang="tr-TR" altLang="tr-TR" sz="1600" dirty="0">
                <a:solidFill>
                  <a:srgbClr val="632523"/>
                </a:solidFill>
              </a:rPr>
              <a:t>	</a:t>
            </a:r>
            <a:r>
              <a:rPr lang="tr-TR" altLang="tr-TR" sz="1600" dirty="0">
                <a:solidFill>
                  <a:srgbClr val="632523"/>
                </a:solidFill>
              </a:rPr>
              <a:t>ULUSLARARASI İŞBİRLİKLERİNE </a:t>
            </a:r>
            <a:r>
              <a:rPr lang="tr-TR" altLang="tr-TR" sz="1600" dirty="0">
                <a:solidFill>
                  <a:srgbClr val="632523"/>
                </a:solidFill>
              </a:rPr>
              <a:t>KATILIMI ÖZENDİRMEYE YÖNELİK </a:t>
            </a:r>
            <a:br>
              <a:rPr lang="tr-TR" altLang="tr-TR" sz="1600" dirty="0">
                <a:solidFill>
                  <a:srgbClr val="632523"/>
                </a:solidFill>
              </a:rPr>
            </a:br>
            <a:r>
              <a:rPr lang="tr-TR" altLang="tr-TR" sz="1600" dirty="0">
                <a:solidFill>
                  <a:srgbClr val="632523"/>
                </a:solidFill>
              </a:rPr>
              <a:t>DESTEK VE ÖDÜL </a:t>
            </a:r>
            <a:r>
              <a:rPr lang="tr-TR" altLang="tr-TR" sz="1600" dirty="0" smtClean="0">
                <a:solidFill>
                  <a:srgbClr val="632523"/>
                </a:solidFill>
              </a:rPr>
              <a:t>PROGRAMLARI</a:t>
            </a:r>
            <a:r>
              <a:rPr lang="tr-TR" altLang="tr-TR" sz="3200" dirty="0" smtClean="0">
                <a:solidFill>
                  <a:srgbClr val="632523"/>
                </a:solidFill>
              </a:rPr>
              <a:t/>
            </a:r>
            <a:br>
              <a:rPr lang="tr-TR" altLang="tr-TR" sz="3200" dirty="0" smtClean="0">
                <a:solidFill>
                  <a:srgbClr val="632523"/>
                </a:solidFill>
              </a:rPr>
            </a:br>
            <a:endParaRPr lang="en-US" altLang="tr-TR" sz="2800" dirty="0" smtClean="0">
              <a:solidFill>
                <a:srgbClr val="632523"/>
              </a:solidFill>
            </a:endParaRPr>
          </a:p>
        </p:txBody>
      </p:sp>
      <p:sp>
        <p:nvSpPr>
          <p:cNvPr id="7171" name="Subtitle 2"/>
          <p:cNvSpPr>
            <a:spLocks noGrp="1"/>
          </p:cNvSpPr>
          <p:nvPr>
            <p:ph type="subTitle" idx="1"/>
          </p:nvPr>
        </p:nvSpPr>
        <p:spPr>
          <a:xfrm>
            <a:off x="723528" y="4437112"/>
            <a:ext cx="7592888" cy="2232248"/>
          </a:xfrm>
        </p:spPr>
        <p:txBody>
          <a:bodyPr>
            <a:normAutofit/>
          </a:bodyPr>
          <a:lstStyle/>
          <a:p>
            <a:endParaRPr lang="tr-TR" altLang="tr-TR" sz="2400" dirty="0" smtClean="0">
              <a:solidFill>
                <a:srgbClr val="898989"/>
              </a:solidFill>
            </a:endParaRPr>
          </a:p>
          <a:p>
            <a:r>
              <a:rPr lang="tr-TR" altLang="tr-TR" sz="2600" dirty="0" smtClean="0">
                <a:solidFill>
                  <a:srgbClr val="898989"/>
                </a:solidFill>
              </a:rPr>
              <a:t>Ebru İMAMOĞLU</a:t>
            </a:r>
            <a:endParaRPr lang="tr-TR" altLang="tr-TR" sz="2400" dirty="0">
              <a:solidFill>
                <a:srgbClr val="898989"/>
              </a:solidFill>
            </a:endParaRPr>
          </a:p>
          <a:p>
            <a:r>
              <a:rPr lang="tr-TR" altLang="tr-TR" sz="2200" dirty="0" smtClean="0">
                <a:solidFill>
                  <a:schemeClr val="tx1"/>
                </a:solidFill>
              </a:rPr>
              <a:t>Ekim 2014</a:t>
            </a:r>
          </a:p>
        </p:txBody>
      </p:sp>
      <p:pic>
        <p:nvPicPr>
          <p:cNvPr id="1026" name="Picture 2" descr="http://www.tubitak.gov.tr/sites/default/files/styles/ana_gorsel/public/uidb-ab-destekleri-ana.jpg?itok=cknTiiNq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4182" y="3501009"/>
            <a:ext cx="8515524" cy="28083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şlık 1"/>
          <p:cNvSpPr>
            <a:spLocks noGrp="1"/>
          </p:cNvSpPr>
          <p:nvPr>
            <p:ph type="title"/>
          </p:nvPr>
        </p:nvSpPr>
        <p:spPr>
          <a:xfrm>
            <a:off x="35496" y="58614"/>
            <a:ext cx="7776864" cy="706090"/>
          </a:xfrm>
        </p:spPr>
        <p:txBody>
          <a:bodyPr>
            <a:noAutofit/>
          </a:bodyPr>
          <a:lstStyle/>
          <a:p>
            <a:r>
              <a:rPr lang="tr-TR" sz="2400" dirty="0"/>
              <a:t>U2020 Koordinatörlüğü Destekleme  Programı – 2</a:t>
            </a:r>
          </a:p>
        </p:txBody>
      </p:sp>
      <p:sp>
        <p:nvSpPr>
          <p:cNvPr id="4" name="Slayt Numarası Yer Tutucusu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41D7ED6A-D549-40C0-9D8C-C55F5275B6CF}" type="slidenum">
              <a:rPr lang="en-US" altLang="tr-TR" smtClean="0"/>
              <a:pPr>
                <a:defRPr/>
              </a:pPr>
              <a:t>10</a:t>
            </a:fld>
            <a:endParaRPr lang="en-US" altLang="tr-TR"/>
          </a:p>
        </p:txBody>
      </p:sp>
      <p:grpSp>
        <p:nvGrpSpPr>
          <p:cNvPr id="77" name="Group 56"/>
          <p:cNvGrpSpPr/>
          <p:nvPr/>
        </p:nvGrpSpPr>
        <p:grpSpPr>
          <a:xfrm>
            <a:off x="4932040" y="1124744"/>
            <a:ext cx="4119859" cy="3646327"/>
            <a:chOff x="5507738" y="1693338"/>
            <a:chExt cx="3552793" cy="3646327"/>
          </a:xfrm>
        </p:grpSpPr>
        <p:grpSp>
          <p:nvGrpSpPr>
            <p:cNvPr id="78" name="Group 57"/>
            <p:cNvGrpSpPr/>
            <p:nvPr/>
          </p:nvGrpSpPr>
          <p:grpSpPr>
            <a:xfrm>
              <a:off x="5507740" y="1693338"/>
              <a:ext cx="3552789" cy="2710223"/>
              <a:chOff x="5056236" y="968657"/>
              <a:chExt cx="3305854" cy="2710223"/>
            </a:xfrm>
          </p:grpSpPr>
          <p:grpSp>
            <p:nvGrpSpPr>
              <p:cNvPr id="97" name="Group 76"/>
              <p:cNvGrpSpPr/>
              <p:nvPr/>
            </p:nvGrpSpPr>
            <p:grpSpPr>
              <a:xfrm>
                <a:off x="5057046" y="968657"/>
                <a:ext cx="3245340" cy="745530"/>
                <a:chOff x="-369911" y="383502"/>
                <a:chExt cx="3561639" cy="745530"/>
              </a:xfrm>
            </p:grpSpPr>
            <p:sp>
              <p:nvSpPr>
                <p:cNvPr id="100" name="TextBox 79"/>
                <p:cNvSpPr txBox="1"/>
                <p:nvPr/>
              </p:nvSpPr>
              <p:spPr>
                <a:xfrm>
                  <a:off x="-369911" y="383502"/>
                  <a:ext cx="3561639" cy="338554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tr-TR" sz="1600" b="1" i="0" u="sng" strike="noStrike" kern="0" cap="none" spc="0" normalizeH="0" baseline="0" noProof="0" dirty="0" smtClean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Futura Bk BT" panose="020B0502020204020303" pitchFamily="34" charset="0"/>
                      <a:ea typeface="+mn-ea"/>
                    </a:rPr>
                    <a:t>Proje Fikri</a:t>
                  </a:r>
                  <a:endParaRPr kumimoji="0" lang="en-US" sz="1600" b="1" i="0" u="sng" strike="noStrike" kern="0" cap="none" spc="0" normalizeH="0" baseline="0" noProof="0" dirty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  <p:sp>
              <p:nvSpPr>
                <p:cNvPr id="101" name="TextBox 80"/>
                <p:cNvSpPr txBox="1"/>
                <p:nvPr/>
              </p:nvSpPr>
              <p:spPr>
                <a:xfrm>
                  <a:off x="-369911" y="698145"/>
                  <a:ext cx="3516174" cy="430887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tr-TR" sz="1100" b="0" i="0" u="none" strike="noStrike" kern="0" cap="none" spc="0" normalizeH="0" baseline="0" noProof="0" dirty="0" smtClean="0">
                      <a:ln>
                        <a:noFill/>
                      </a:ln>
                      <a:effectLst/>
                      <a:uLnTx/>
                      <a:uFillTx/>
                      <a:latin typeface="Futura Bk BT" panose="020B0502020204020303" pitchFamily="34" charset="0"/>
                      <a:ea typeface="+mn-ea"/>
                      <a:cs typeface="Andalus" panose="02020603050405020304" pitchFamily="18" charset="-78"/>
                    </a:rPr>
                    <a:t>Proje de geliştirilen</a:t>
                  </a:r>
                  <a:r>
                    <a:rPr kumimoji="0" lang="tr-TR" sz="1100" b="0" i="0" u="none" strike="noStrike" kern="0" cap="none" spc="0" normalizeH="0" noProof="0" dirty="0" smtClean="0">
                      <a:ln>
                        <a:noFill/>
                      </a:ln>
                      <a:effectLst/>
                      <a:uLnTx/>
                      <a:uFillTx/>
                      <a:latin typeface="Futura Bk BT" panose="020B0502020204020303" pitchFamily="34" charset="0"/>
                      <a:ea typeface="+mn-ea"/>
                      <a:cs typeface="Andalus" panose="02020603050405020304" pitchFamily="18" charset="-78"/>
                    </a:rPr>
                    <a:t> araştırma fikrinin, faaliyetlerin, hedeflerin ve beklenen etkinin çağrı ile uyumluluğu</a:t>
                  </a:r>
                  <a:r>
                    <a:rPr kumimoji="0" lang="en-US" sz="1100" b="0" i="0" u="none" strike="noStrike" kern="0" cap="none" spc="0" normalizeH="0" baseline="0" noProof="0" dirty="0" smtClean="0">
                      <a:ln>
                        <a:noFill/>
                      </a:ln>
                      <a:effectLst/>
                      <a:uLnTx/>
                      <a:uFillTx/>
                      <a:latin typeface="Futura Bk BT" panose="020B0502020204020303" pitchFamily="34" charset="0"/>
                      <a:ea typeface="+mn-ea"/>
                      <a:cs typeface="Andalus" panose="02020603050405020304" pitchFamily="18" charset="-78"/>
                    </a:rPr>
                    <a:t>. </a:t>
                  </a:r>
                </a:p>
              </p:txBody>
            </p:sp>
          </p:grpSp>
          <p:sp>
            <p:nvSpPr>
              <p:cNvPr id="98" name="Rectangle 77"/>
              <p:cNvSpPr/>
              <p:nvPr/>
            </p:nvSpPr>
            <p:spPr>
              <a:xfrm>
                <a:off x="8299245" y="3029720"/>
                <a:ext cx="62845" cy="649160"/>
              </a:xfrm>
              <a:prstGeom prst="rect">
                <a:avLst/>
              </a:prstGeom>
              <a:solidFill>
                <a:srgbClr val="6DC0FF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Futura Bk BT" panose="020B0502020204020303" pitchFamily="34" charset="0"/>
                  <a:ea typeface="+mn-ea"/>
                </a:endParaRPr>
              </a:p>
            </p:txBody>
          </p:sp>
          <p:cxnSp>
            <p:nvCxnSpPr>
              <p:cNvPr id="99" name="Straight Connector 78"/>
              <p:cNvCxnSpPr/>
              <p:nvPr/>
            </p:nvCxnSpPr>
            <p:spPr>
              <a:xfrm>
                <a:off x="5056236" y="1734162"/>
                <a:ext cx="3282787" cy="0"/>
              </a:xfrm>
              <a:prstGeom prst="line">
                <a:avLst/>
              </a:prstGeom>
              <a:noFill/>
              <a:ln w="12700" cap="flat" cmpd="sng" algn="ctr">
                <a:solidFill>
                  <a:sysClr val="windowText" lastClr="000000">
                    <a:lumMod val="65000"/>
                    <a:lumOff val="35000"/>
                  </a:sysClr>
                </a:solidFill>
                <a:prstDash val="solid"/>
                <a:miter lim="800000"/>
                <a:headEnd type="oval"/>
              </a:ln>
              <a:effectLst/>
            </p:spPr>
          </p:cxnSp>
        </p:grpSp>
        <p:grpSp>
          <p:nvGrpSpPr>
            <p:cNvPr id="79" name="Group 58"/>
            <p:cNvGrpSpPr/>
            <p:nvPr/>
          </p:nvGrpSpPr>
          <p:grpSpPr>
            <a:xfrm>
              <a:off x="5507738" y="1797077"/>
              <a:ext cx="3552793" cy="1669878"/>
              <a:chOff x="5056228" y="-86998"/>
              <a:chExt cx="3305856" cy="1669878"/>
            </a:xfrm>
          </p:grpSpPr>
          <p:grpSp>
            <p:nvGrpSpPr>
              <p:cNvPr id="92" name="Group 71"/>
              <p:cNvGrpSpPr/>
              <p:nvPr/>
            </p:nvGrpSpPr>
            <p:grpSpPr>
              <a:xfrm>
                <a:off x="5056228" y="817375"/>
                <a:ext cx="3245340" cy="745530"/>
                <a:chOff x="-370810" y="232220"/>
                <a:chExt cx="3561639" cy="745530"/>
              </a:xfrm>
            </p:grpSpPr>
            <p:sp>
              <p:nvSpPr>
                <p:cNvPr id="95" name="TextBox 74"/>
                <p:cNvSpPr txBox="1"/>
                <p:nvPr/>
              </p:nvSpPr>
              <p:spPr>
                <a:xfrm>
                  <a:off x="-370810" y="232220"/>
                  <a:ext cx="3561639" cy="338554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tr-TR" sz="1600" b="1" i="0" u="sng" strike="noStrike" kern="0" cap="none" spc="0" normalizeH="0" baseline="0" noProof="0" dirty="0" smtClean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Futura Bk BT" panose="020B0502020204020303" pitchFamily="34" charset="0"/>
                      <a:ea typeface="+mn-ea"/>
                    </a:rPr>
                    <a:t>Uluslararası Deneyim</a:t>
                  </a:r>
                  <a:endParaRPr kumimoji="0" lang="en-US" sz="1600" b="1" i="0" u="sng" strike="noStrike" kern="0" cap="none" spc="0" normalizeH="0" baseline="0" noProof="0" dirty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  <p:sp>
              <p:nvSpPr>
                <p:cNvPr id="96" name="TextBox 75"/>
                <p:cNvSpPr txBox="1"/>
                <p:nvPr/>
              </p:nvSpPr>
              <p:spPr>
                <a:xfrm>
                  <a:off x="-370809" y="546863"/>
                  <a:ext cx="3516174" cy="430887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tr-TR" sz="1100" b="0" i="0" u="none" strike="noStrike" kern="0" cap="none" spc="0" normalizeH="0" baseline="0" noProof="0" dirty="0" smtClean="0">
                      <a:ln>
                        <a:noFill/>
                      </a:ln>
                      <a:effectLst/>
                      <a:uLnTx/>
                      <a:uFillTx/>
                      <a:latin typeface="Futura Bk BT" panose="020B0502020204020303" pitchFamily="34" charset="0"/>
                      <a:ea typeface="+mn-ea"/>
                      <a:cs typeface="Andalus" panose="02020603050405020304" pitchFamily="18" charset="-78"/>
                    </a:rPr>
                    <a:t>Yurtdışı araştırma tecrübeleri, uluslararası programlar</a:t>
                  </a:r>
                  <a:r>
                    <a:rPr kumimoji="0" lang="tr-TR" sz="1100" b="0" i="0" u="none" strike="noStrike" kern="0" cap="none" spc="0" normalizeH="0" noProof="0" dirty="0" smtClean="0">
                      <a:ln>
                        <a:noFill/>
                      </a:ln>
                      <a:effectLst/>
                      <a:uLnTx/>
                      <a:uFillTx/>
                      <a:latin typeface="Futura Bk BT" panose="020B0502020204020303" pitchFamily="34" charset="0"/>
                      <a:ea typeface="+mn-ea"/>
                      <a:cs typeface="Andalus" panose="02020603050405020304" pitchFamily="18" charset="-78"/>
                    </a:rPr>
                    <a:t> kapsamında faaliyetleri</a:t>
                  </a:r>
                  <a:endParaRPr kumimoji="0" lang="en-US" sz="1100" b="0" i="0" u="none" strike="noStrike" kern="0" cap="none" spc="0" normalizeH="0" baseline="0" noProof="0" dirty="0" smtClean="0">
                    <a:ln>
                      <a:noFill/>
                    </a:ln>
                    <a:effectLst/>
                    <a:uLnTx/>
                    <a:uFillTx/>
                    <a:latin typeface="Futura Bk BT" panose="020B0502020204020303" pitchFamily="34" charset="0"/>
                    <a:ea typeface="+mn-ea"/>
                    <a:cs typeface="Andalus" panose="02020603050405020304" pitchFamily="18" charset="-78"/>
                  </a:endParaRPr>
                </a:p>
              </p:txBody>
            </p:sp>
          </p:grpSp>
          <p:sp>
            <p:nvSpPr>
              <p:cNvPr id="93" name="Rectangle 72"/>
              <p:cNvSpPr/>
              <p:nvPr/>
            </p:nvSpPr>
            <p:spPr>
              <a:xfrm>
                <a:off x="8299239" y="-86998"/>
                <a:ext cx="62845" cy="649160"/>
              </a:xfrm>
              <a:prstGeom prst="rect">
                <a:avLst/>
              </a:prstGeom>
              <a:solidFill>
                <a:srgbClr val="005EA4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Futura Bk BT" panose="020B0502020204020303" pitchFamily="34" charset="0"/>
                  <a:ea typeface="+mn-ea"/>
                </a:endParaRPr>
              </a:p>
            </p:txBody>
          </p:sp>
          <p:cxnSp>
            <p:nvCxnSpPr>
              <p:cNvPr id="94" name="Straight Connector 73"/>
              <p:cNvCxnSpPr/>
              <p:nvPr/>
            </p:nvCxnSpPr>
            <p:spPr>
              <a:xfrm>
                <a:off x="5056236" y="1582880"/>
                <a:ext cx="3282787" cy="0"/>
              </a:xfrm>
              <a:prstGeom prst="line">
                <a:avLst/>
              </a:prstGeom>
              <a:noFill/>
              <a:ln w="12700" cap="flat" cmpd="sng" algn="ctr">
                <a:solidFill>
                  <a:sysClr val="windowText" lastClr="000000">
                    <a:lumMod val="65000"/>
                    <a:lumOff val="35000"/>
                  </a:sysClr>
                </a:solidFill>
                <a:prstDash val="solid"/>
                <a:miter lim="800000"/>
                <a:headEnd type="oval"/>
              </a:ln>
              <a:effectLst/>
            </p:spPr>
          </p:cxnSp>
        </p:grpSp>
        <p:grpSp>
          <p:nvGrpSpPr>
            <p:cNvPr id="80" name="Group 59"/>
            <p:cNvGrpSpPr/>
            <p:nvPr/>
          </p:nvGrpSpPr>
          <p:grpSpPr>
            <a:xfrm>
              <a:off x="5507741" y="3637554"/>
              <a:ext cx="3552787" cy="1634887"/>
              <a:chOff x="5056236" y="594085"/>
              <a:chExt cx="3305852" cy="1634887"/>
            </a:xfrm>
          </p:grpSpPr>
          <p:grpSp>
            <p:nvGrpSpPr>
              <p:cNvPr id="87" name="Group 66"/>
              <p:cNvGrpSpPr/>
              <p:nvPr/>
            </p:nvGrpSpPr>
            <p:grpSpPr>
              <a:xfrm>
                <a:off x="5057046" y="594085"/>
                <a:ext cx="3245340" cy="607118"/>
                <a:chOff x="-369911" y="8930"/>
                <a:chExt cx="3561639" cy="607118"/>
              </a:xfrm>
            </p:grpSpPr>
            <p:sp>
              <p:nvSpPr>
                <p:cNvPr id="90" name="TextBox 69"/>
                <p:cNvSpPr txBox="1"/>
                <p:nvPr/>
              </p:nvSpPr>
              <p:spPr>
                <a:xfrm>
                  <a:off x="-369911" y="8930"/>
                  <a:ext cx="3561639" cy="338554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lang="tr-TR" sz="1600" b="1" u="sng" kern="0" dirty="0" smtClean="0">
                      <a:solidFill>
                        <a:prstClr val="black"/>
                      </a:solidFill>
                      <a:latin typeface="Futura Bk BT" panose="020B0502020204020303" pitchFamily="34" charset="0"/>
                      <a:ea typeface="+mn-ea"/>
                    </a:rPr>
                    <a:t>ÇP Deneyimi</a:t>
                  </a:r>
                  <a:endParaRPr kumimoji="0" lang="en-US" sz="1600" b="1" i="0" u="sng" strike="noStrike" kern="0" cap="none" spc="0" normalizeH="0" baseline="0" noProof="0" dirty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  <p:sp>
              <p:nvSpPr>
                <p:cNvPr id="91" name="TextBox 70"/>
                <p:cNvSpPr txBox="1"/>
                <p:nvPr/>
              </p:nvSpPr>
              <p:spPr>
                <a:xfrm>
                  <a:off x="-369911" y="354438"/>
                  <a:ext cx="3516174" cy="261610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>
                  <a:defPPr>
                    <a:defRPr lang="tr-TR"/>
                  </a:defPPr>
                  <a:lvl1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 kumimoji="0" sz="1100" b="0" i="0" u="none" strike="noStrike" kern="0" cap="none" spc="0" normalizeH="0" baseline="0">
                      <a:ln>
                        <a:noFill/>
                      </a:ln>
                      <a:effectLst/>
                      <a:uLnTx/>
                      <a:uFillTx/>
                      <a:latin typeface="Futura Bk BT" panose="020B0502020204020303" pitchFamily="34" charset="0"/>
                      <a:ea typeface="+mn-ea"/>
                      <a:cs typeface="Andalus" panose="02020603050405020304" pitchFamily="18" charset="-78"/>
                    </a:defRPr>
                  </a:lvl1pPr>
                </a:lstStyle>
                <a:p>
                  <a:r>
                    <a:rPr lang="tr-TR" dirty="0" smtClean="0"/>
                    <a:t>Yürütülen ÇP </a:t>
                  </a:r>
                  <a:r>
                    <a:rPr lang="tr-TR" dirty="0"/>
                    <a:t>projeleri</a:t>
                  </a:r>
                  <a:endParaRPr lang="en-US" dirty="0"/>
                </a:p>
              </p:txBody>
            </p:sp>
          </p:grpSp>
          <p:sp>
            <p:nvSpPr>
              <p:cNvPr id="88" name="Rectangle 67"/>
              <p:cNvSpPr/>
              <p:nvPr/>
            </p:nvSpPr>
            <p:spPr>
              <a:xfrm>
                <a:off x="8299243" y="1579812"/>
                <a:ext cx="62845" cy="649160"/>
              </a:xfrm>
              <a:prstGeom prst="rect">
                <a:avLst/>
              </a:prstGeom>
              <a:solidFill>
                <a:srgbClr val="E7E6E6">
                  <a:lumMod val="90000"/>
                </a:srgb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Futura Bk BT" panose="020B0502020204020303" pitchFamily="34" charset="0"/>
                  <a:ea typeface="+mn-ea"/>
                </a:endParaRPr>
              </a:p>
            </p:txBody>
          </p:sp>
          <p:cxnSp>
            <p:nvCxnSpPr>
              <p:cNvPr id="89" name="Straight Connector 68"/>
              <p:cNvCxnSpPr/>
              <p:nvPr/>
            </p:nvCxnSpPr>
            <p:spPr>
              <a:xfrm>
                <a:off x="5056236" y="1386173"/>
                <a:ext cx="3282787" cy="0"/>
              </a:xfrm>
              <a:prstGeom prst="line">
                <a:avLst/>
              </a:prstGeom>
              <a:noFill/>
              <a:ln w="12700" cap="flat" cmpd="sng" algn="ctr">
                <a:solidFill>
                  <a:sysClr val="windowText" lastClr="000000">
                    <a:lumMod val="65000"/>
                    <a:lumOff val="35000"/>
                  </a:sysClr>
                </a:solidFill>
                <a:prstDash val="solid"/>
                <a:miter lim="800000"/>
                <a:headEnd type="oval"/>
              </a:ln>
              <a:effectLst/>
            </p:spPr>
          </p:cxnSp>
        </p:grpSp>
        <p:grpSp>
          <p:nvGrpSpPr>
            <p:cNvPr id="81" name="Group 60"/>
            <p:cNvGrpSpPr/>
            <p:nvPr/>
          </p:nvGrpSpPr>
          <p:grpSpPr>
            <a:xfrm>
              <a:off x="5507742" y="2766192"/>
              <a:ext cx="3552786" cy="2573473"/>
              <a:chOff x="5056236" y="-1436672"/>
              <a:chExt cx="3305850" cy="2573473"/>
            </a:xfrm>
          </p:grpSpPr>
          <p:grpSp>
            <p:nvGrpSpPr>
              <p:cNvPr id="82" name="Group 61"/>
              <p:cNvGrpSpPr/>
              <p:nvPr/>
            </p:nvGrpSpPr>
            <p:grpSpPr>
              <a:xfrm>
                <a:off x="5057046" y="370794"/>
                <a:ext cx="3245340" cy="626775"/>
                <a:chOff x="-369911" y="-214361"/>
                <a:chExt cx="3561639" cy="626775"/>
              </a:xfrm>
            </p:grpSpPr>
            <p:sp>
              <p:nvSpPr>
                <p:cNvPr id="85" name="TextBox 64"/>
                <p:cNvSpPr txBox="1"/>
                <p:nvPr/>
              </p:nvSpPr>
              <p:spPr>
                <a:xfrm>
                  <a:off x="-369911" y="-214361"/>
                  <a:ext cx="3561639" cy="338554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tr-TR" sz="1600" b="1" i="0" u="sng" strike="noStrike" kern="0" cap="none" spc="0" normalizeH="0" baseline="0" noProof="0" dirty="0" smtClean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Futura Bk BT" panose="020B0502020204020303" pitchFamily="34" charset="0"/>
                      <a:ea typeface="+mn-ea"/>
                    </a:rPr>
                    <a:t>ERA İşbirliği</a:t>
                  </a:r>
                  <a:endParaRPr kumimoji="0" lang="en-US" sz="1600" b="1" i="0" u="sng" strike="noStrike" kern="0" cap="none" spc="0" normalizeH="0" baseline="0" noProof="0" dirty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  <p:sp>
              <p:nvSpPr>
                <p:cNvPr id="86" name="TextBox 65"/>
                <p:cNvSpPr txBox="1"/>
                <p:nvPr/>
              </p:nvSpPr>
              <p:spPr>
                <a:xfrm>
                  <a:off x="-369911" y="150804"/>
                  <a:ext cx="3516174" cy="261610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>
                  <a:defPPr>
                    <a:defRPr lang="tr-TR"/>
                  </a:defPPr>
                  <a:lvl1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 kumimoji="0" sz="1100" b="0" i="0" u="none" strike="noStrike" kern="0" cap="none" spc="0" normalizeH="0" baseline="0">
                      <a:ln>
                        <a:noFill/>
                      </a:ln>
                      <a:effectLst/>
                      <a:uLnTx/>
                      <a:uFillTx/>
                      <a:latin typeface="Futura Bk BT" panose="020B0502020204020303" pitchFamily="34" charset="0"/>
                      <a:ea typeface="+mn-ea"/>
                      <a:cs typeface="Andalus" panose="02020603050405020304" pitchFamily="18" charset="-78"/>
                    </a:defRPr>
                  </a:lvl1pPr>
                </a:lstStyle>
                <a:p>
                  <a:r>
                    <a:rPr lang="tr-TR" dirty="0"/>
                    <a:t>Avrupa Araştırma Alanı aktörleri ile işbirliği potansiyeli </a:t>
                  </a:r>
                </a:p>
              </p:txBody>
            </p:sp>
          </p:grpSp>
          <p:sp>
            <p:nvSpPr>
              <p:cNvPr id="83" name="Rectangle 62"/>
              <p:cNvSpPr/>
              <p:nvPr/>
            </p:nvSpPr>
            <p:spPr>
              <a:xfrm>
                <a:off x="8299241" y="-1436672"/>
                <a:ext cx="62845" cy="649160"/>
              </a:xfrm>
              <a:prstGeom prst="rect">
                <a:avLst/>
              </a:prstGeom>
              <a:solidFill>
                <a:srgbClr val="A5A5A5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Futura Bk BT" panose="020B0502020204020303" pitchFamily="34" charset="0"/>
                  <a:ea typeface="+mn-ea"/>
                </a:endParaRPr>
              </a:p>
            </p:txBody>
          </p:sp>
          <p:cxnSp>
            <p:nvCxnSpPr>
              <p:cNvPr id="84" name="Straight Connector 63"/>
              <p:cNvCxnSpPr/>
              <p:nvPr/>
            </p:nvCxnSpPr>
            <p:spPr>
              <a:xfrm>
                <a:off x="5056236" y="1136801"/>
                <a:ext cx="3282787" cy="0"/>
              </a:xfrm>
              <a:prstGeom prst="line">
                <a:avLst/>
              </a:prstGeom>
              <a:noFill/>
              <a:ln w="12700" cap="flat" cmpd="sng" algn="ctr">
                <a:solidFill>
                  <a:sysClr val="windowText" lastClr="000000">
                    <a:lumMod val="65000"/>
                    <a:lumOff val="35000"/>
                  </a:sysClr>
                </a:solidFill>
                <a:prstDash val="solid"/>
                <a:miter lim="800000"/>
                <a:headEnd type="oval"/>
              </a:ln>
              <a:effectLst/>
            </p:spPr>
          </p:cxnSp>
        </p:grpSp>
      </p:grpSp>
      <p:grpSp>
        <p:nvGrpSpPr>
          <p:cNvPr id="109" name="Grup 108"/>
          <p:cNvGrpSpPr/>
          <p:nvPr/>
        </p:nvGrpSpPr>
        <p:grpSpPr>
          <a:xfrm>
            <a:off x="-252632" y="829329"/>
            <a:ext cx="5235228" cy="5959315"/>
            <a:chOff x="0" y="684589"/>
            <a:chExt cx="5739188" cy="5931776"/>
          </a:xfrm>
        </p:grpSpPr>
        <p:grpSp>
          <p:nvGrpSpPr>
            <p:cNvPr id="55" name="Group 1"/>
            <p:cNvGrpSpPr/>
            <p:nvPr/>
          </p:nvGrpSpPr>
          <p:grpSpPr>
            <a:xfrm>
              <a:off x="0" y="684589"/>
              <a:ext cx="5739188" cy="5931776"/>
              <a:chOff x="183825" y="726859"/>
              <a:chExt cx="5341419" cy="5520661"/>
            </a:xfrm>
          </p:grpSpPr>
          <p:pic>
            <p:nvPicPr>
              <p:cNvPr id="56" name="Picture 82"/>
              <p:cNvPicPr>
                <a:picLocks noChangeAspect="1"/>
              </p:cNvPicPr>
              <p:nvPr/>
            </p:nvPicPr>
            <p:blipFill rotWithShape="1"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4498" t="13054" r="5135" b="17855"/>
              <a:stretch/>
            </p:blipFill>
            <p:spPr>
              <a:xfrm rot="17479">
                <a:off x="251894" y="5865292"/>
                <a:ext cx="5273350" cy="382228"/>
              </a:xfrm>
              <a:prstGeom prst="rect">
                <a:avLst/>
              </a:prstGeom>
            </p:spPr>
          </p:pic>
          <p:grpSp>
            <p:nvGrpSpPr>
              <p:cNvPr id="57" name="Group 2"/>
              <p:cNvGrpSpPr/>
              <p:nvPr/>
            </p:nvGrpSpPr>
            <p:grpSpPr>
              <a:xfrm>
                <a:off x="183825" y="726859"/>
                <a:ext cx="5200942" cy="5364848"/>
                <a:chOff x="170872" y="732355"/>
                <a:chExt cx="5664734" cy="5843258"/>
              </a:xfrm>
              <a:effectLst/>
            </p:grpSpPr>
            <p:sp>
              <p:nvSpPr>
                <p:cNvPr id="58" name="Rectangle 8"/>
                <p:cNvSpPr/>
                <p:nvPr/>
              </p:nvSpPr>
              <p:spPr>
                <a:xfrm>
                  <a:off x="4260895" y="1254569"/>
                  <a:ext cx="411166" cy="2180422"/>
                </a:xfrm>
                <a:custGeom>
                  <a:avLst/>
                  <a:gdLst>
                    <a:gd name="connsiteX0" fmla="*/ 0 w 529771"/>
                    <a:gd name="connsiteY0" fmla="*/ 0 h 1389743"/>
                    <a:gd name="connsiteX1" fmla="*/ 529771 w 529771"/>
                    <a:gd name="connsiteY1" fmla="*/ 0 h 1389743"/>
                    <a:gd name="connsiteX2" fmla="*/ 529771 w 529771"/>
                    <a:gd name="connsiteY2" fmla="*/ 1389743 h 1389743"/>
                    <a:gd name="connsiteX3" fmla="*/ 0 w 529771"/>
                    <a:gd name="connsiteY3" fmla="*/ 1389743 h 1389743"/>
                    <a:gd name="connsiteX4" fmla="*/ 0 w 529771"/>
                    <a:gd name="connsiteY4" fmla="*/ 0 h 1389743"/>
                    <a:gd name="connsiteX0" fmla="*/ 0 w 551543"/>
                    <a:gd name="connsiteY0" fmla="*/ 29029 h 1389743"/>
                    <a:gd name="connsiteX1" fmla="*/ 551543 w 551543"/>
                    <a:gd name="connsiteY1" fmla="*/ 0 h 1389743"/>
                    <a:gd name="connsiteX2" fmla="*/ 551543 w 551543"/>
                    <a:gd name="connsiteY2" fmla="*/ 1389743 h 1389743"/>
                    <a:gd name="connsiteX3" fmla="*/ 21772 w 551543"/>
                    <a:gd name="connsiteY3" fmla="*/ 1389743 h 1389743"/>
                    <a:gd name="connsiteX4" fmla="*/ 0 w 551543"/>
                    <a:gd name="connsiteY4" fmla="*/ 29029 h 1389743"/>
                    <a:gd name="connsiteX0" fmla="*/ 0 w 551543"/>
                    <a:gd name="connsiteY0" fmla="*/ 21771 h 1382485"/>
                    <a:gd name="connsiteX1" fmla="*/ 87086 w 551543"/>
                    <a:gd name="connsiteY1" fmla="*/ 0 h 1382485"/>
                    <a:gd name="connsiteX2" fmla="*/ 551543 w 551543"/>
                    <a:gd name="connsiteY2" fmla="*/ 1382485 h 1382485"/>
                    <a:gd name="connsiteX3" fmla="*/ 21772 w 551543"/>
                    <a:gd name="connsiteY3" fmla="*/ 1382485 h 1382485"/>
                    <a:gd name="connsiteX4" fmla="*/ 0 w 551543"/>
                    <a:gd name="connsiteY4" fmla="*/ 21771 h 1382485"/>
                    <a:gd name="connsiteX0" fmla="*/ 0 w 148772"/>
                    <a:gd name="connsiteY0" fmla="*/ 21771 h 1382485"/>
                    <a:gd name="connsiteX1" fmla="*/ 87086 w 148772"/>
                    <a:gd name="connsiteY1" fmla="*/ 0 h 1382485"/>
                    <a:gd name="connsiteX2" fmla="*/ 148772 w 148772"/>
                    <a:gd name="connsiteY2" fmla="*/ 1088571 h 1382485"/>
                    <a:gd name="connsiteX3" fmla="*/ 21772 w 148772"/>
                    <a:gd name="connsiteY3" fmla="*/ 1382485 h 1382485"/>
                    <a:gd name="connsiteX4" fmla="*/ 0 w 148772"/>
                    <a:gd name="connsiteY4" fmla="*/ 21771 h 1382485"/>
                    <a:gd name="connsiteX0" fmla="*/ 0 w 148772"/>
                    <a:gd name="connsiteY0" fmla="*/ 21771 h 1382485"/>
                    <a:gd name="connsiteX1" fmla="*/ 87086 w 148772"/>
                    <a:gd name="connsiteY1" fmla="*/ 0 h 1382485"/>
                    <a:gd name="connsiteX2" fmla="*/ 148772 w 148772"/>
                    <a:gd name="connsiteY2" fmla="*/ 1088571 h 1382485"/>
                    <a:gd name="connsiteX3" fmla="*/ 21772 w 148772"/>
                    <a:gd name="connsiteY3" fmla="*/ 1382485 h 1382485"/>
                    <a:gd name="connsiteX4" fmla="*/ 0 w 148772"/>
                    <a:gd name="connsiteY4" fmla="*/ 21771 h 1382485"/>
                    <a:gd name="connsiteX0" fmla="*/ 0 w 148772"/>
                    <a:gd name="connsiteY0" fmla="*/ 21771 h 1382485"/>
                    <a:gd name="connsiteX1" fmla="*/ 87086 w 148772"/>
                    <a:gd name="connsiteY1" fmla="*/ 0 h 1382485"/>
                    <a:gd name="connsiteX2" fmla="*/ 148772 w 148772"/>
                    <a:gd name="connsiteY2" fmla="*/ 1088571 h 1382485"/>
                    <a:gd name="connsiteX3" fmla="*/ 21772 w 148772"/>
                    <a:gd name="connsiteY3" fmla="*/ 1382485 h 1382485"/>
                    <a:gd name="connsiteX4" fmla="*/ 0 w 148772"/>
                    <a:gd name="connsiteY4" fmla="*/ 21771 h 1382485"/>
                    <a:gd name="connsiteX0" fmla="*/ 0 w 148772"/>
                    <a:gd name="connsiteY0" fmla="*/ 21771 h 1382485"/>
                    <a:gd name="connsiteX1" fmla="*/ 87086 w 148772"/>
                    <a:gd name="connsiteY1" fmla="*/ 0 h 1382485"/>
                    <a:gd name="connsiteX2" fmla="*/ 148772 w 148772"/>
                    <a:gd name="connsiteY2" fmla="*/ 1088571 h 1382485"/>
                    <a:gd name="connsiteX3" fmla="*/ 21772 w 148772"/>
                    <a:gd name="connsiteY3" fmla="*/ 1382485 h 1382485"/>
                    <a:gd name="connsiteX4" fmla="*/ 0 w 148772"/>
                    <a:gd name="connsiteY4" fmla="*/ 21771 h 1382485"/>
                    <a:gd name="connsiteX0" fmla="*/ 0 w 148772"/>
                    <a:gd name="connsiteY0" fmla="*/ 21771 h 1110342"/>
                    <a:gd name="connsiteX1" fmla="*/ 87086 w 148772"/>
                    <a:gd name="connsiteY1" fmla="*/ 0 h 1110342"/>
                    <a:gd name="connsiteX2" fmla="*/ 148772 w 148772"/>
                    <a:gd name="connsiteY2" fmla="*/ 1088571 h 1110342"/>
                    <a:gd name="connsiteX3" fmla="*/ 76200 w 148772"/>
                    <a:gd name="connsiteY3" fmla="*/ 1110342 h 1110342"/>
                    <a:gd name="connsiteX4" fmla="*/ 0 w 148772"/>
                    <a:gd name="connsiteY4" fmla="*/ 21771 h 1110342"/>
                    <a:gd name="connsiteX0" fmla="*/ 0 w 148772"/>
                    <a:gd name="connsiteY0" fmla="*/ 21771 h 1110342"/>
                    <a:gd name="connsiteX1" fmla="*/ 87086 w 148772"/>
                    <a:gd name="connsiteY1" fmla="*/ 0 h 1110342"/>
                    <a:gd name="connsiteX2" fmla="*/ 148772 w 148772"/>
                    <a:gd name="connsiteY2" fmla="*/ 1088571 h 1110342"/>
                    <a:gd name="connsiteX3" fmla="*/ 76200 w 148772"/>
                    <a:gd name="connsiteY3" fmla="*/ 1110342 h 1110342"/>
                    <a:gd name="connsiteX4" fmla="*/ 108857 w 148772"/>
                    <a:gd name="connsiteY4" fmla="*/ 1095828 h 1110342"/>
                    <a:gd name="connsiteX5" fmla="*/ 0 w 148772"/>
                    <a:gd name="connsiteY5" fmla="*/ 21771 h 1110342"/>
                    <a:gd name="connsiteX0" fmla="*/ 18143 w 166915"/>
                    <a:gd name="connsiteY0" fmla="*/ 21771 h 1309913"/>
                    <a:gd name="connsiteX1" fmla="*/ 105229 w 166915"/>
                    <a:gd name="connsiteY1" fmla="*/ 0 h 1309913"/>
                    <a:gd name="connsiteX2" fmla="*/ 166915 w 166915"/>
                    <a:gd name="connsiteY2" fmla="*/ 1088571 h 1309913"/>
                    <a:gd name="connsiteX3" fmla="*/ 94343 w 166915"/>
                    <a:gd name="connsiteY3" fmla="*/ 1110342 h 1309913"/>
                    <a:gd name="connsiteX4" fmla="*/ 0 w 166915"/>
                    <a:gd name="connsiteY4" fmla="*/ 1309913 h 1309913"/>
                    <a:gd name="connsiteX5" fmla="*/ 18143 w 166915"/>
                    <a:gd name="connsiteY5" fmla="*/ 21771 h 1309913"/>
                    <a:gd name="connsiteX0" fmla="*/ 18143 w 166915"/>
                    <a:gd name="connsiteY0" fmla="*/ 21771 h 1556656"/>
                    <a:gd name="connsiteX1" fmla="*/ 105229 w 166915"/>
                    <a:gd name="connsiteY1" fmla="*/ 0 h 1556656"/>
                    <a:gd name="connsiteX2" fmla="*/ 166915 w 166915"/>
                    <a:gd name="connsiteY2" fmla="*/ 1088571 h 1556656"/>
                    <a:gd name="connsiteX3" fmla="*/ 159657 w 166915"/>
                    <a:gd name="connsiteY3" fmla="*/ 1556656 h 1556656"/>
                    <a:gd name="connsiteX4" fmla="*/ 0 w 166915"/>
                    <a:gd name="connsiteY4" fmla="*/ 1309913 h 1556656"/>
                    <a:gd name="connsiteX5" fmla="*/ 18143 w 166915"/>
                    <a:gd name="connsiteY5" fmla="*/ 21771 h 1556656"/>
                    <a:gd name="connsiteX0" fmla="*/ 0 w 148772"/>
                    <a:gd name="connsiteY0" fmla="*/ 21771 h 1556656"/>
                    <a:gd name="connsiteX1" fmla="*/ 87086 w 148772"/>
                    <a:gd name="connsiteY1" fmla="*/ 0 h 1556656"/>
                    <a:gd name="connsiteX2" fmla="*/ 148772 w 148772"/>
                    <a:gd name="connsiteY2" fmla="*/ 1088571 h 1556656"/>
                    <a:gd name="connsiteX3" fmla="*/ 141514 w 148772"/>
                    <a:gd name="connsiteY3" fmla="*/ 1556656 h 1556656"/>
                    <a:gd name="connsiteX4" fmla="*/ 72571 w 148772"/>
                    <a:gd name="connsiteY4" fmla="*/ 1074056 h 1556656"/>
                    <a:gd name="connsiteX5" fmla="*/ 0 w 148772"/>
                    <a:gd name="connsiteY5" fmla="*/ 21771 h 1556656"/>
                    <a:gd name="connsiteX0" fmla="*/ 0 w 148772"/>
                    <a:gd name="connsiteY0" fmla="*/ 21771 h 1556656"/>
                    <a:gd name="connsiteX1" fmla="*/ 87086 w 148772"/>
                    <a:gd name="connsiteY1" fmla="*/ 0 h 1556656"/>
                    <a:gd name="connsiteX2" fmla="*/ 148772 w 148772"/>
                    <a:gd name="connsiteY2" fmla="*/ 1088571 h 1556656"/>
                    <a:gd name="connsiteX3" fmla="*/ 141514 w 148772"/>
                    <a:gd name="connsiteY3" fmla="*/ 1556656 h 1556656"/>
                    <a:gd name="connsiteX4" fmla="*/ 72571 w 148772"/>
                    <a:gd name="connsiteY4" fmla="*/ 1074056 h 1556656"/>
                    <a:gd name="connsiteX5" fmla="*/ 0 w 148772"/>
                    <a:gd name="connsiteY5" fmla="*/ 21771 h 1556656"/>
                    <a:gd name="connsiteX0" fmla="*/ 0 w 148772"/>
                    <a:gd name="connsiteY0" fmla="*/ 21771 h 1556656"/>
                    <a:gd name="connsiteX1" fmla="*/ 87086 w 148772"/>
                    <a:gd name="connsiteY1" fmla="*/ 0 h 1556656"/>
                    <a:gd name="connsiteX2" fmla="*/ 148772 w 148772"/>
                    <a:gd name="connsiteY2" fmla="*/ 1088571 h 1556656"/>
                    <a:gd name="connsiteX3" fmla="*/ 141514 w 148772"/>
                    <a:gd name="connsiteY3" fmla="*/ 1556656 h 1556656"/>
                    <a:gd name="connsiteX4" fmla="*/ 72571 w 148772"/>
                    <a:gd name="connsiteY4" fmla="*/ 1074056 h 1556656"/>
                    <a:gd name="connsiteX5" fmla="*/ 0 w 148772"/>
                    <a:gd name="connsiteY5" fmla="*/ 21771 h 1556656"/>
                    <a:gd name="connsiteX0" fmla="*/ 0 w 281027"/>
                    <a:gd name="connsiteY0" fmla="*/ 21771 h 1556656"/>
                    <a:gd name="connsiteX1" fmla="*/ 87086 w 281027"/>
                    <a:gd name="connsiteY1" fmla="*/ 0 h 1556656"/>
                    <a:gd name="connsiteX2" fmla="*/ 148772 w 281027"/>
                    <a:gd name="connsiteY2" fmla="*/ 1088571 h 1556656"/>
                    <a:gd name="connsiteX3" fmla="*/ 141514 w 281027"/>
                    <a:gd name="connsiteY3" fmla="*/ 1556656 h 1556656"/>
                    <a:gd name="connsiteX4" fmla="*/ 72571 w 281027"/>
                    <a:gd name="connsiteY4" fmla="*/ 1074056 h 1556656"/>
                    <a:gd name="connsiteX5" fmla="*/ 0 w 281027"/>
                    <a:gd name="connsiteY5" fmla="*/ 21771 h 1556656"/>
                    <a:gd name="connsiteX0" fmla="*/ 0 w 277288"/>
                    <a:gd name="connsiteY0" fmla="*/ 21771 h 1556656"/>
                    <a:gd name="connsiteX1" fmla="*/ 87086 w 277288"/>
                    <a:gd name="connsiteY1" fmla="*/ 0 h 1556656"/>
                    <a:gd name="connsiteX2" fmla="*/ 134258 w 277288"/>
                    <a:gd name="connsiteY2" fmla="*/ 1063171 h 1556656"/>
                    <a:gd name="connsiteX3" fmla="*/ 141514 w 277288"/>
                    <a:gd name="connsiteY3" fmla="*/ 1556656 h 1556656"/>
                    <a:gd name="connsiteX4" fmla="*/ 72571 w 277288"/>
                    <a:gd name="connsiteY4" fmla="*/ 1074056 h 1556656"/>
                    <a:gd name="connsiteX5" fmla="*/ 0 w 277288"/>
                    <a:gd name="connsiteY5" fmla="*/ 21771 h 1556656"/>
                    <a:gd name="connsiteX0" fmla="*/ 0 w 292536"/>
                    <a:gd name="connsiteY0" fmla="*/ 21771 h 1556656"/>
                    <a:gd name="connsiteX1" fmla="*/ 87086 w 292536"/>
                    <a:gd name="connsiteY1" fmla="*/ 0 h 1556656"/>
                    <a:gd name="connsiteX2" fmla="*/ 134258 w 292536"/>
                    <a:gd name="connsiteY2" fmla="*/ 1063171 h 1556656"/>
                    <a:gd name="connsiteX3" fmla="*/ 141514 w 292536"/>
                    <a:gd name="connsiteY3" fmla="*/ 1556656 h 1556656"/>
                    <a:gd name="connsiteX4" fmla="*/ 72571 w 292536"/>
                    <a:gd name="connsiteY4" fmla="*/ 1074056 h 1556656"/>
                    <a:gd name="connsiteX5" fmla="*/ 0 w 292536"/>
                    <a:gd name="connsiteY5" fmla="*/ 21771 h 1556656"/>
                    <a:gd name="connsiteX0" fmla="*/ 0 w 292536"/>
                    <a:gd name="connsiteY0" fmla="*/ 21771 h 1556656"/>
                    <a:gd name="connsiteX1" fmla="*/ 87086 w 292536"/>
                    <a:gd name="connsiteY1" fmla="*/ 0 h 1556656"/>
                    <a:gd name="connsiteX2" fmla="*/ 134258 w 292536"/>
                    <a:gd name="connsiteY2" fmla="*/ 1063171 h 1556656"/>
                    <a:gd name="connsiteX3" fmla="*/ 141514 w 292536"/>
                    <a:gd name="connsiteY3" fmla="*/ 1556656 h 1556656"/>
                    <a:gd name="connsiteX4" fmla="*/ 72571 w 292536"/>
                    <a:gd name="connsiteY4" fmla="*/ 1074056 h 1556656"/>
                    <a:gd name="connsiteX5" fmla="*/ 0 w 292536"/>
                    <a:gd name="connsiteY5" fmla="*/ 21771 h 1556656"/>
                    <a:gd name="connsiteX0" fmla="*/ 0 w 292536"/>
                    <a:gd name="connsiteY0" fmla="*/ 21771 h 1556656"/>
                    <a:gd name="connsiteX1" fmla="*/ 87086 w 292536"/>
                    <a:gd name="connsiteY1" fmla="*/ 0 h 1556656"/>
                    <a:gd name="connsiteX2" fmla="*/ 134258 w 292536"/>
                    <a:gd name="connsiteY2" fmla="*/ 1063171 h 1556656"/>
                    <a:gd name="connsiteX3" fmla="*/ 141514 w 292536"/>
                    <a:gd name="connsiteY3" fmla="*/ 1556656 h 1556656"/>
                    <a:gd name="connsiteX4" fmla="*/ 72571 w 292536"/>
                    <a:gd name="connsiteY4" fmla="*/ 1074056 h 1556656"/>
                    <a:gd name="connsiteX5" fmla="*/ 0 w 292536"/>
                    <a:gd name="connsiteY5" fmla="*/ 21771 h 1556656"/>
                    <a:gd name="connsiteX0" fmla="*/ 3822 w 296358"/>
                    <a:gd name="connsiteY0" fmla="*/ 21771 h 1556656"/>
                    <a:gd name="connsiteX1" fmla="*/ 90908 w 296358"/>
                    <a:gd name="connsiteY1" fmla="*/ 0 h 1556656"/>
                    <a:gd name="connsiteX2" fmla="*/ 138080 w 296358"/>
                    <a:gd name="connsiteY2" fmla="*/ 1063171 h 1556656"/>
                    <a:gd name="connsiteX3" fmla="*/ 145336 w 296358"/>
                    <a:gd name="connsiteY3" fmla="*/ 1556656 h 1556656"/>
                    <a:gd name="connsiteX4" fmla="*/ 76393 w 296358"/>
                    <a:gd name="connsiteY4" fmla="*/ 1074056 h 1556656"/>
                    <a:gd name="connsiteX5" fmla="*/ 3822 w 296358"/>
                    <a:gd name="connsiteY5" fmla="*/ 21771 h 1556656"/>
                    <a:gd name="connsiteX0" fmla="*/ 0 w 292536"/>
                    <a:gd name="connsiteY0" fmla="*/ 21771 h 1556656"/>
                    <a:gd name="connsiteX1" fmla="*/ 87086 w 292536"/>
                    <a:gd name="connsiteY1" fmla="*/ 0 h 1556656"/>
                    <a:gd name="connsiteX2" fmla="*/ 134258 w 292536"/>
                    <a:gd name="connsiteY2" fmla="*/ 1063171 h 1556656"/>
                    <a:gd name="connsiteX3" fmla="*/ 141514 w 292536"/>
                    <a:gd name="connsiteY3" fmla="*/ 1556656 h 1556656"/>
                    <a:gd name="connsiteX4" fmla="*/ 72571 w 292536"/>
                    <a:gd name="connsiteY4" fmla="*/ 1074056 h 1556656"/>
                    <a:gd name="connsiteX5" fmla="*/ 0 w 292536"/>
                    <a:gd name="connsiteY5" fmla="*/ 21771 h 1556656"/>
                    <a:gd name="connsiteX0" fmla="*/ 7666 w 300202"/>
                    <a:gd name="connsiteY0" fmla="*/ 21771 h 1556656"/>
                    <a:gd name="connsiteX1" fmla="*/ 94752 w 300202"/>
                    <a:gd name="connsiteY1" fmla="*/ 0 h 1556656"/>
                    <a:gd name="connsiteX2" fmla="*/ 141924 w 300202"/>
                    <a:gd name="connsiteY2" fmla="*/ 1063171 h 1556656"/>
                    <a:gd name="connsiteX3" fmla="*/ 149180 w 300202"/>
                    <a:gd name="connsiteY3" fmla="*/ 1556656 h 1556656"/>
                    <a:gd name="connsiteX4" fmla="*/ 80237 w 300202"/>
                    <a:gd name="connsiteY4" fmla="*/ 1074056 h 1556656"/>
                    <a:gd name="connsiteX5" fmla="*/ 7666 w 300202"/>
                    <a:gd name="connsiteY5" fmla="*/ 21771 h 1556656"/>
                    <a:gd name="connsiteX0" fmla="*/ 0 w 292536"/>
                    <a:gd name="connsiteY0" fmla="*/ 21771 h 1556656"/>
                    <a:gd name="connsiteX1" fmla="*/ 87086 w 292536"/>
                    <a:gd name="connsiteY1" fmla="*/ 0 h 1556656"/>
                    <a:gd name="connsiteX2" fmla="*/ 134258 w 292536"/>
                    <a:gd name="connsiteY2" fmla="*/ 1063171 h 1556656"/>
                    <a:gd name="connsiteX3" fmla="*/ 141514 w 292536"/>
                    <a:gd name="connsiteY3" fmla="*/ 1556656 h 1556656"/>
                    <a:gd name="connsiteX4" fmla="*/ 72571 w 292536"/>
                    <a:gd name="connsiteY4" fmla="*/ 1074056 h 1556656"/>
                    <a:gd name="connsiteX5" fmla="*/ 0 w 292536"/>
                    <a:gd name="connsiteY5" fmla="*/ 21771 h 1556656"/>
                    <a:gd name="connsiteX0" fmla="*/ 6753 w 299289"/>
                    <a:gd name="connsiteY0" fmla="*/ 21771 h 1556656"/>
                    <a:gd name="connsiteX1" fmla="*/ 93839 w 299289"/>
                    <a:gd name="connsiteY1" fmla="*/ 0 h 1556656"/>
                    <a:gd name="connsiteX2" fmla="*/ 141011 w 299289"/>
                    <a:gd name="connsiteY2" fmla="*/ 1063171 h 1556656"/>
                    <a:gd name="connsiteX3" fmla="*/ 148267 w 299289"/>
                    <a:gd name="connsiteY3" fmla="*/ 1556656 h 1556656"/>
                    <a:gd name="connsiteX4" fmla="*/ 79324 w 299289"/>
                    <a:gd name="connsiteY4" fmla="*/ 1074056 h 1556656"/>
                    <a:gd name="connsiteX5" fmla="*/ 6753 w 299289"/>
                    <a:gd name="connsiteY5" fmla="*/ 21771 h 1556656"/>
                    <a:gd name="connsiteX0" fmla="*/ 6753 w 299289"/>
                    <a:gd name="connsiteY0" fmla="*/ 21771 h 1556656"/>
                    <a:gd name="connsiteX1" fmla="*/ 93839 w 299289"/>
                    <a:gd name="connsiteY1" fmla="*/ 0 h 1556656"/>
                    <a:gd name="connsiteX2" fmla="*/ 141011 w 299289"/>
                    <a:gd name="connsiteY2" fmla="*/ 1063171 h 1556656"/>
                    <a:gd name="connsiteX3" fmla="*/ 148267 w 299289"/>
                    <a:gd name="connsiteY3" fmla="*/ 1556656 h 1556656"/>
                    <a:gd name="connsiteX4" fmla="*/ 79324 w 299289"/>
                    <a:gd name="connsiteY4" fmla="*/ 1074056 h 1556656"/>
                    <a:gd name="connsiteX5" fmla="*/ 6753 w 299289"/>
                    <a:gd name="connsiteY5" fmla="*/ 21771 h 1556656"/>
                    <a:gd name="connsiteX0" fmla="*/ 6753 w 299289"/>
                    <a:gd name="connsiteY0" fmla="*/ 21771 h 1556656"/>
                    <a:gd name="connsiteX1" fmla="*/ 93839 w 299289"/>
                    <a:gd name="connsiteY1" fmla="*/ 0 h 1556656"/>
                    <a:gd name="connsiteX2" fmla="*/ 141011 w 299289"/>
                    <a:gd name="connsiteY2" fmla="*/ 1063171 h 1556656"/>
                    <a:gd name="connsiteX3" fmla="*/ 148267 w 299289"/>
                    <a:gd name="connsiteY3" fmla="*/ 1556656 h 1556656"/>
                    <a:gd name="connsiteX4" fmla="*/ 79324 w 299289"/>
                    <a:gd name="connsiteY4" fmla="*/ 1074056 h 1556656"/>
                    <a:gd name="connsiteX5" fmla="*/ 6753 w 299289"/>
                    <a:gd name="connsiteY5" fmla="*/ 21771 h 1556656"/>
                    <a:gd name="connsiteX0" fmla="*/ 6753 w 299289"/>
                    <a:gd name="connsiteY0" fmla="*/ 21771 h 1556656"/>
                    <a:gd name="connsiteX1" fmla="*/ 93839 w 299289"/>
                    <a:gd name="connsiteY1" fmla="*/ 0 h 1556656"/>
                    <a:gd name="connsiteX2" fmla="*/ 141011 w 299289"/>
                    <a:gd name="connsiteY2" fmla="*/ 1063171 h 1556656"/>
                    <a:gd name="connsiteX3" fmla="*/ 148267 w 299289"/>
                    <a:gd name="connsiteY3" fmla="*/ 1556656 h 1556656"/>
                    <a:gd name="connsiteX4" fmla="*/ 79324 w 299289"/>
                    <a:gd name="connsiteY4" fmla="*/ 1074056 h 1556656"/>
                    <a:gd name="connsiteX5" fmla="*/ 6753 w 299289"/>
                    <a:gd name="connsiteY5" fmla="*/ 21771 h 1556656"/>
                    <a:gd name="connsiteX0" fmla="*/ 6753 w 299289"/>
                    <a:gd name="connsiteY0" fmla="*/ 21771 h 1556656"/>
                    <a:gd name="connsiteX1" fmla="*/ 93839 w 299289"/>
                    <a:gd name="connsiteY1" fmla="*/ 0 h 1556656"/>
                    <a:gd name="connsiteX2" fmla="*/ 141011 w 299289"/>
                    <a:gd name="connsiteY2" fmla="*/ 1063171 h 1556656"/>
                    <a:gd name="connsiteX3" fmla="*/ 148267 w 299289"/>
                    <a:gd name="connsiteY3" fmla="*/ 1556656 h 1556656"/>
                    <a:gd name="connsiteX4" fmla="*/ 79324 w 299289"/>
                    <a:gd name="connsiteY4" fmla="*/ 1074056 h 1556656"/>
                    <a:gd name="connsiteX5" fmla="*/ 6753 w 299289"/>
                    <a:gd name="connsiteY5" fmla="*/ 21771 h 1556656"/>
                    <a:gd name="connsiteX0" fmla="*/ 6753 w 299289"/>
                    <a:gd name="connsiteY0" fmla="*/ 27611 h 1562496"/>
                    <a:gd name="connsiteX1" fmla="*/ 93839 w 299289"/>
                    <a:gd name="connsiteY1" fmla="*/ 5840 h 1562496"/>
                    <a:gd name="connsiteX2" fmla="*/ 141011 w 299289"/>
                    <a:gd name="connsiteY2" fmla="*/ 1069011 h 1562496"/>
                    <a:gd name="connsiteX3" fmla="*/ 148267 w 299289"/>
                    <a:gd name="connsiteY3" fmla="*/ 1562496 h 1562496"/>
                    <a:gd name="connsiteX4" fmla="*/ 79324 w 299289"/>
                    <a:gd name="connsiteY4" fmla="*/ 1079896 h 1562496"/>
                    <a:gd name="connsiteX5" fmla="*/ 6753 w 299289"/>
                    <a:gd name="connsiteY5" fmla="*/ 27611 h 1562496"/>
                    <a:gd name="connsiteX0" fmla="*/ 6753 w 299289"/>
                    <a:gd name="connsiteY0" fmla="*/ 44449 h 1579334"/>
                    <a:gd name="connsiteX1" fmla="*/ 93839 w 299289"/>
                    <a:gd name="connsiteY1" fmla="*/ 22678 h 1579334"/>
                    <a:gd name="connsiteX2" fmla="*/ 141011 w 299289"/>
                    <a:gd name="connsiteY2" fmla="*/ 1085849 h 1579334"/>
                    <a:gd name="connsiteX3" fmla="*/ 148267 w 299289"/>
                    <a:gd name="connsiteY3" fmla="*/ 1579334 h 1579334"/>
                    <a:gd name="connsiteX4" fmla="*/ 79324 w 299289"/>
                    <a:gd name="connsiteY4" fmla="*/ 1096734 h 1579334"/>
                    <a:gd name="connsiteX5" fmla="*/ 6753 w 299289"/>
                    <a:gd name="connsiteY5" fmla="*/ 44449 h 1579334"/>
                    <a:gd name="connsiteX0" fmla="*/ 6753 w 299289"/>
                    <a:gd name="connsiteY0" fmla="*/ 52258 h 1587143"/>
                    <a:gd name="connsiteX1" fmla="*/ 93839 w 299289"/>
                    <a:gd name="connsiteY1" fmla="*/ 30487 h 1587143"/>
                    <a:gd name="connsiteX2" fmla="*/ 141011 w 299289"/>
                    <a:gd name="connsiteY2" fmla="*/ 1093658 h 1587143"/>
                    <a:gd name="connsiteX3" fmla="*/ 148267 w 299289"/>
                    <a:gd name="connsiteY3" fmla="*/ 1587143 h 1587143"/>
                    <a:gd name="connsiteX4" fmla="*/ 79324 w 299289"/>
                    <a:gd name="connsiteY4" fmla="*/ 1104543 h 1587143"/>
                    <a:gd name="connsiteX5" fmla="*/ 6753 w 299289"/>
                    <a:gd name="connsiteY5" fmla="*/ 52258 h 1587143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</a:cxnLst>
                  <a:rect l="l" t="t" r="r" b="b"/>
                  <a:pathLst>
                    <a:path w="299289" h="1587143">
                      <a:moveTo>
                        <a:pt x="6753" y="52258"/>
                      </a:moveTo>
                      <a:cubicBezTo>
                        <a:pt x="-7761" y="1458"/>
                        <a:pt x="61181" y="-23942"/>
                        <a:pt x="93839" y="30487"/>
                      </a:cubicBezTo>
                      <a:cubicBezTo>
                        <a:pt x="208744" y="251829"/>
                        <a:pt x="26107" y="781601"/>
                        <a:pt x="141011" y="1093658"/>
                      </a:cubicBezTo>
                      <a:cubicBezTo>
                        <a:pt x="203907" y="1129943"/>
                        <a:pt x="459115" y="1220658"/>
                        <a:pt x="148267" y="1587143"/>
                      </a:cubicBezTo>
                      <a:cubicBezTo>
                        <a:pt x="121656" y="1473447"/>
                        <a:pt x="-122666" y="1269039"/>
                        <a:pt x="79324" y="1104543"/>
                      </a:cubicBezTo>
                      <a:cubicBezTo>
                        <a:pt x="-71867" y="971496"/>
                        <a:pt x="128913" y="272391"/>
                        <a:pt x="6753" y="52258"/>
                      </a:cubicBezTo>
                      <a:close/>
                    </a:path>
                  </a:pathLst>
                </a:custGeom>
                <a:solidFill>
                  <a:srgbClr val="6DC0FF">
                    <a:lumMod val="75000"/>
                  </a:srgbClr>
                </a:solidFill>
                <a:ln w="12700" cap="flat" cmpd="sng" algn="ctr">
                  <a:noFill/>
                  <a:prstDash val="solid"/>
                  <a:miter lim="800000"/>
                </a:ln>
                <a:effectLst>
                  <a:innerShdw blurRad="114300">
                    <a:prstClr val="black"/>
                  </a:innerShdw>
                </a:effectLst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/>
                    <a:ea typeface="+mn-ea"/>
                    <a:cs typeface="+mn-cs"/>
                  </a:endParaRPr>
                </a:p>
              </p:txBody>
            </p:sp>
            <p:sp>
              <p:nvSpPr>
                <p:cNvPr id="59" name="Freeform 36"/>
                <p:cNvSpPr/>
                <p:nvPr/>
              </p:nvSpPr>
              <p:spPr>
                <a:xfrm>
                  <a:off x="4636369" y="5294460"/>
                  <a:ext cx="1199237" cy="1276596"/>
                </a:xfrm>
                <a:custGeom>
                  <a:avLst/>
                  <a:gdLst>
                    <a:gd name="connsiteX0" fmla="*/ 866193 w 1334361"/>
                    <a:gd name="connsiteY0" fmla="*/ 0 h 1420436"/>
                    <a:gd name="connsiteX1" fmla="*/ 1021700 w 1334361"/>
                    <a:gd name="connsiteY1" fmla="*/ 176628 h 1420436"/>
                    <a:gd name="connsiteX2" fmla="*/ 1333224 w 1334361"/>
                    <a:gd name="connsiteY2" fmla="*/ 1163721 h 1420436"/>
                    <a:gd name="connsiteX3" fmla="*/ 1136050 w 1334361"/>
                    <a:gd name="connsiteY3" fmla="*/ 1419507 h 1420436"/>
                    <a:gd name="connsiteX4" fmla="*/ 222803 w 1334361"/>
                    <a:gd name="connsiteY4" fmla="*/ 1420436 h 1420436"/>
                    <a:gd name="connsiteX5" fmla="*/ 222803 w 1334361"/>
                    <a:gd name="connsiteY5" fmla="*/ 1025823 h 1420436"/>
                    <a:gd name="connsiteX6" fmla="*/ 208497 w 1334361"/>
                    <a:gd name="connsiteY6" fmla="*/ 1025054 h 1420436"/>
                    <a:gd name="connsiteX7" fmla="*/ 185102 w 1334361"/>
                    <a:gd name="connsiteY7" fmla="*/ 1037392 h 1420436"/>
                    <a:gd name="connsiteX8" fmla="*/ 74590 w 1334361"/>
                    <a:gd name="connsiteY8" fmla="*/ 810230 h 1420436"/>
                    <a:gd name="connsiteX9" fmla="*/ 102540 w 1334361"/>
                    <a:gd name="connsiteY9" fmla="*/ 810662 h 1420436"/>
                    <a:gd name="connsiteX10" fmla="*/ 183179 w 1334361"/>
                    <a:gd name="connsiteY10" fmla="*/ 857450 h 1420436"/>
                    <a:gd name="connsiteX11" fmla="*/ 210000 w 1334361"/>
                    <a:gd name="connsiteY11" fmla="*/ 867496 h 1420436"/>
                    <a:gd name="connsiteX12" fmla="*/ 231547 w 1334361"/>
                    <a:gd name="connsiteY12" fmla="*/ 864514 h 1420436"/>
                    <a:gd name="connsiteX13" fmla="*/ 222803 w 1334361"/>
                    <a:gd name="connsiteY13" fmla="*/ 865724 h 1420436"/>
                    <a:gd name="connsiteX14" fmla="*/ 222803 w 1334361"/>
                    <a:gd name="connsiteY14" fmla="*/ 195595 h 1420436"/>
                    <a:gd name="connsiteX15" fmla="*/ 898382 w 1334361"/>
                    <a:gd name="connsiteY15" fmla="*/ 195595 h 1420436"/>
                    <a:gd name="connsiteX16" fmla="*/ 899417 w 1334361"/>
                    <a:gd name="connsiteY16" fmla="*/ 176352 h 1420436"/>
                    <a:gd name="connsiteX17" fmla="*/ 887079 w 1334361"/>
                    <a:gd name="connsiteY17" fmla="*/ 152957 h 1420436"/>
                    <a:gd name="connsiteX18" fmla="*/ 850015 w 1334361"/>
                    <a:gd name="connsiteY18" fmla="*/ 14742 h 1420436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</a:cxnLst>
                  <a:rect l="l" t="t" r="r" b="b"/>
                  <a:pathLst>
                    <a:path w="1334361" h="1420436">
                      <a:moveTo>
                        <a:pt x="866193" y="0"/>
                      </a:moveTo>
                      <a:lnTo>
                        <a:pt x="1021700" y="176628"/>
                      </a:lnTo>
                      <a:cubicBezTo>
                        <a:pt x="1222577" y="439586"/>
                        <a:pt x="1347717" y="763132"/>
                        <a:pt x="1333224" y="1163721"/>
                      </a:cubicBezTo>
                      <a:cubicBezTo>
                        <a:pt x="1261122" y="1395432"/>
                        <a:pt x="1139034" y="1418268"/>
                        <a:pt x="1136050" y="1419507"/>
                      </a:cubicBezTo>
                      <a:lnTo>
                        <a:pt x="222803" y="1420436"/>
                      </a:lnTo>
                      <a:lnTo>
                        <a:pt x="222803" y="1025823"/>
                      </a:lnTo>
                      <a:lnTo>
                        <a:pt x="208497" y="1025054"/>
                      </a:lnTo>
                      <a:cubicBezTo>
                        <a:pt x="200347" y="1026830"/>
                        <a:pt x="192369" y="1030882"/>
                        <a:pt x="185102" y="1037392"/>
                      </a:cubicBezTo>
                      <a:cubicBezTo>
                        <a:pt x="-15753" y="1224990"/>
                        <a:pt x="-54028" y="833958"/>
                        <a:pt x="74590" y="810230"/>
                      </a:cubicBezTo>
                      <a:cubicBezTo>
                        <a:pt x="83164" y="808647"/>
                        <a:pt x="92480" y="808698"/>
                        <a:pt x="102540" y="810662"/>
                      </a:cubicBezTo>
                      <a:cubicBezTo>
                        <a:pt x="125533" y="815149"/>
                        <a:pt x="152407" y="829630"/>
                        <a:pt x="183179" y="857450"/>
                      </a:cubicBezTo>
                      <a:cubicBezTo>
                        <a:pt x="192950" y="862920"/>
                        <a:pt x="201829" y="866305"/>
                        <a:pt x="210000" y="867496"/>
                      </a:cubicBezTo>
                      <a:lnTo>
                        <a:pt x="231547" y="864514"/>
                      </a:lnTo>
                      <a:lnTo>
                        <a:pt x="222803" y="865724"/>
                      </a:lnTo>
                      <a:lnTo>
                        <a:pt x="222803" y="195595"/>
                      </a:lnTo>
                      <a:lnTo>
                        <a:pt x="898382" y="195595"/>
                      </a:lnTo>
                      <a:lnTo>
                        <a:pt x="899417" y="176352"/>
                      </a:lnTo>
                      <a:cubicBezTo>
                        <a:pt x="897641" y="168203"/>
                        <a:pt x="893589" y="160224"/>
                        <a:pt x="887079" y="152957"/>
                      </a:cubicBezTo>
                      <a:cubicBezTo>
                        <a:pt x="829907" y="91745"/>
                        <a:pt x="826477" y="45632"/>
                        <a:pt x="850015" y="14742"/>
                      </a:cubicBezTo>
                      <a:close/>
                    </a:path>
                  </a:pathLst>
                </a:custGeom>
                <a:solidFill>
                  <a:srgbClr val="005EA4">
                    <a:lumMod val="60000"/>
                    <a:lumOff val="40000"/>
                  </a:srgbClr>
                </a:solidFill>
                <a:ln w="12700" cap="flat" cmpd="sng" algn="ctr">
                  <a:noFill/>
                  <a:prstDash val="solid"/>
                  <a:miter lim="800000"/>
                </a:ln>
                <a:effectLst>
                  <a:innerShdw blurRad="38100" dist="25400" dir="2700000">
                    <a:prstClr val="black">
                      <a:alpha val="50000"/>
                    </a:prstClr>
                  </a:innerShdw>
                </a:effectLst>
              </p:spPr>
              <p:txBody>
                <a:bodyPr wrap="square" rtlCol="0" anchor="ctr">
                  <a:noAutofit/>
                </a:bodyPr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/>
                    <a:ea typeface="+mn-ea"/>
                    <a:cs typeface="+mn-cs"/>
                  </a:endParaRPr>
                </a:p>
              </p:txBody>
            </p:sp>
            <p:sp>
              <p:nvSpPr>
                <p:cNvPr id="60" name="Freeform 37"/>
                <p:cNvSpPr/>
                <p:nvPr/>
              </p:nvSpPr>
              <p:spPr>
                <a:xfrm>
                  <a:off x="3487613" y="5470248"/>
                  <a:ext cx="1353560" cy="1102180"/>
                </a:xfrm>
                <a:custGeom>
                  <a:avLst/>
                  <a:gdLst>
                    <a:gd name="connsiteX0" fmla="*/ 0 w 1506072"/>
                    <a:gd name="connsiteY0" fmla="*/ 0 h 1226368"/>
                    <a:gd name="connsiteX1" fmla="*/ 668136 w 1506072"/>
                    <a:gd name="connsiteY1" fmla="*/ 0 h 1226368"/>
                    <a:gd name="connsiteX2" fmla="*/ 668776 w 1506072"/>
                    <a:gd name="connsiteY2" fmla="*/ 734 h 1226368"/>
                    <a:gd name="connsiteX3" fmla="*/ 661855 w 1506072"/>
                    <a:gd name="connsiteY3" fmla="*/ 50136 h 1226368"/>
                    <a:gd name="connsiteX4" fmla="*/ 841797 w 1506072"/>
                    <a:gd name="connsiteY4" fmla="*/ 48213 h 1226368"/>
                    <a:gd name="connsiteX5" fmla="*/ 830772 w 1506072"/>
                    <a:gd name="connsiteY5" fmla="*/ 397 h 1226368"/>
                    <a:gd name="connsiteX6" fmla="*/ 831020 w 1506072"/>
                    <a:gd name="connsiteY6" fmla="*/ 0 h 1226368"/>
                    <a:gd name="connsiteX7" fmla="*/ 1506072 w 1506072"/>
                    <a:gd name="connsiteY7" fmla="*/ 0 h 1226368"/>
                    <a:gd name="connsiteX8" fmla="*/ 1506072 w 1506072"/>
                    <a:gd name="connsiteY8" fmla="*/ 669427 h 1226368"/>
                    <a:gd name="connsiteX9" fmla="*/ 1488193 w 1506072"/>
                    <a:gd name="connsiteY9" fmla="*/ 671902 h 1226368"/>
                    <a:gd name="connsiteX10" fmla="*/ 1461371 w 1506072"/>
                    <a:gd name="connsiteY10" fmla="*/ 661856 h 1226368"/>
                    <a:gd name="connsiteX11" fmla="*/ 1463294 w 1506072"/>
                    <a:gd name="connsiteY11" fmla="*/ 841798 h 1226368"/>
                    <a:gd name="connsiteX12" fmla="*/ 1486689 w 1506072"/>
                    <a:gd name="connsiteY12" fmla="*/ 829460 h 1226368"/>
                    <a:gd name="connsiteX13" fmla="*/ 1506072 w 1506072"/>
                    <a:gd name="connsiteY13" fmla="*/ 830502 h 1226368"/>
                    <a:gd name="connsiteX14" fmla="*/ 1506072 w 1506072"/>
                    <a:gd name="connsiteY14" fmla="*/ 1224836 h 1226368"/>
                    <a:gd name="connsiteX15" fmla="*/ 0 w 1506072"/>
                    <a:gd name="connsiteY15" fmla="*/ 1226368 h 1226368"/>
                    <a:gd name="connsiteX16" fmla="*/ 0 w 1506072"/>
                    <a:gd name="connsiteY16" fmla="*/ 864896 h 1226368"/>
                    <a:gd name="connsiteX17" fmla="*/ 5894 w 1506072"/>
                    <a:gd name="connsiteY17" fmla="*/ 854262 h 1226368"/>
                    <a:gd name="connsiteX18" fmla="*/ 74750 w 1506072"/>
                    <a:gd name="connsiteY18" fmla="*/ 844218 h 1226368"/>
                    <a:gd name="connsiteX19" fmla="*/ 72828 w 1506072"/>
                    <a:gd name="connsiteY19" fmla="*/ 664276 h 1226368"/>
                    <a:gd name="connsiteX20" fmla="*/ 2809 w 1506072"/>
                    <a:gd name="connsiteY20" fmla="*/ 661441 h 1226368"/>
                    <a:gd name="connsiteX21" fmla="*/ 0 w 1506072"/>
                    <a:gd name="connsiteY21" fmla="*/ 657196 h 1226368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</a:cxnLst>
                  <a:rect l="l" t="t" r="r" b="b"/>
                  <a:pathLst>
                    <a:path w="1506072" h="1226368">
                      <a:moveTo>
                        <a:pt x="0" y="0"/>
                      </a:moveTo>
                      <a:lnTo>
                        <a:pt x="668136" y="0"/>
                      </a:lnTo>
                      <a:lnTo>
                        <a:pt x="668776" y="734"/>
                      </a:lnTo>
                      <a:cubicBezTo>
                        <a:pt x="675399" y="14622"/>
                        <a:pt x="672794" y="30593"/>
                        <a:pt x="661855" y="50136"/>
                      </a:cubicBezTo>
                      <a:cubicBezTo>
                        <a:pt x="439290" y="296311"/>
                        <a:pt x="1070488" y="293065"/>
                        <a:pt x="841797" y="48213"/>
                      </a:cubicBezTo>
                      <a:cubicBezTo>
                        <a:pt x="828776" y="33680"/>
                        <a:pt x="825592" y="16299"/>
                        <a:pt x="830772" y="397"/>
                      </a:cubicBezTo>
                      <a:lnTo>
                        <a:pt x="831020" y="0"/>
                      </a:lnTo>
                      <a:lnTo>
                        <a:pt x="1506072" y="0"/>
                      </a:lnTo>
                      <a:lnTo>
                        <a:pt x="1506072" y="669427"/>
                      </a:lnTo>
                      <a:lnTo>
                        <a:pt x="1488193" y="671902"/>
                      </a:lnTo>
                      <a:cubicBezTo>
                        <a:pt x="1480021" y="670711"/>
                        <a:pt x="1471143" y="667325"/>
                        <a:pt x="1461371" y="661856"/>
                      </a:cubicBezTo>
                      <a:cubicBezTo>
                        <a:pt x="1215196" y="439291"/>
                        <a:pt x="1218442" y="1070488"/>
                        <a:pt x="1463294" y="841798"/>
                      </a:cubicBezTo>
                      <a:cubicBezTo>
                        <a:pt x="1470561" y="835287"/>
                        <a:pt x="1478539" y="831236"/>
                        <a:pt x="1486689" y="829460"/>
                      </a:cubicBezTo>
                      <a:lnTo>
                        <a:pt x="1506072" y="830502"/>
                      </a:lnTo>
                      <a:lnTo>
                        <a:pt x="1506072" y="1224836"/>
                      </a:lnTo>
                      <a:lnTo>
                        <a:pt x="0" y="1226368"/>
                      </a:lnTo>
                      <a:lnTo>
                        <a:pt x="0" y="864896"/>
                      </a:lnTo>
                      <a:lnTo>
                        <a:pt x="5894" y="854262"/>
                      </a:lnTo>
                      <a:cubicBezTo>
                        <a:pt x="24158" y="830153"/>
                        <a:pt x="45436" y="827810"/>
                        <a:pt x="74750" y="844218"/>
                      </a:cubicBezTo>
                      <a:cubicBezTo>
                        <a:pt x="320925" y="1066783"/>
                        <a:pt x="317679" y="435585"/>
                        <a:pt x="72828" y="664276"/>
                      </a:cubicBezTo>
                      <a:cubicBezTo>
                        <a:pt x="51027" y="683807"/>
                        <a:pt x="22821" y="681207"/>
                        <a:pt x="2809" y="661441"/>
                      </a:cubicBezTo>
                      <a:lnTo>
                        <a:pt x="0" y="657196"/>
                      </a:lnTo>
                      <a:close/>
                    </a:path>
                  </a:pathLst>
                </a:custGeom>
                <a:solidFill>
                  <a:srgbClr val="6DC0FF">
                    <a:lumMod val="60000"/>
                    <a:lumOff val="40000"/>
                  </a:srgbClr>
                </a:solidFill>
                <a:ln w="12700" cap="flat" cmpd="sng" algn="ctr">
                  <a:noFill/>
                  <a:prstDash val="solid"/>
                  <a:miter lim="800000"/>
                </a:ln>
                <a:effectLst>
                  <a:innerShdw blurRad="38100" dist="25400" dir="10800000">
                    <a:prstClr val="black">
                      <a:alpha val="50000"/>
                    </a:prstClr>
                  </a:innerShdw>
                </a:effectLst>
              </p:spPr>
              <p:txBody>
                <a:bodyPr wrap="square" rtlCol="0" anchor="ctr">
                  <a:noAutofit/>
                </a:bodyPr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/>
                    <a:ea typeface="+mn-ea"/>
                    <a:cs typeface="+mn-cs"/>
                  </a:endParaRPr>
                </a:p>
              </p:txBody>
            </p:sp>
            <p:sp>
              <p:nvSpPr>
                <p:cNvPr id="61" name="Freeform 35"/>
                <p:cNvSpPr/>
                <p:nvPr/>
              </p:nvSpPr>
              <p:spPr>
                <a:xfrm>
                  <a:off x="4624510" y="4774517"/>
                  <a:ext cx="820196" cy="700293"/>
                </a:xfrm>
                <a:custGeom>
                  <a:avLst/>
                  <a:gdLst>
                    <a:gd name="connsiteX0" fmla="*/ 235998 w 912611"/>
                    <a:gd name="connsiteY0" fmla="*/ 114828 h 779198"/>
                    <a:gd name="connsiteX1" fmla="*/ 268949 w 912611"/>
                    <a:gd name="connsiteY1" fmla="*/ 131588 h 779198"/>
                    <a:gd name="connsiteX2" fmla="*/ 871035 w 912611"/>
                    <a:gd name="connsiteY2" fmla="*/ 569040 h 779198"/>
                    <a:gd name="connsiteX3" fmla="*/ 879388 w 912611"/>
                    <a:gd name="connsiteY3" fmla="*/ 578529 h 779198"/>
                    <a:gd name="connsiteX4" fmla="*/ 863209 w 912611"/>
                    <a:gd name="connsiteY4" fmla="*/ 593271 h 779198"/>
                    <a:gd name="connsiteX5" fmla="*/ 900273 w 912611"/>
                    <a:gd name="connsiteY5" fmla="*/ 731486 h 779198"/>
                    <a:gd name="connsiteX6" fmla="*/ 912611 w 912611"/>
                    <a:gd name="connsiteY6" fmla="*/ 754881 h 779198"/>
                    <a:gd name="connsiteX7" fmla="*/ 911304 w 912611"/>
                    <a:gd name="connsiteY7" fmla="*/ 779198 h 779198"/>
                    <a:gd name="connsiteX8" fmla="*/ 235998 w 912611"/>
                    <a:gd name="connsiteY8" fmla="*/ 779198 h 779198"/>
                    <a:gd name="connsiteX9" fmla="*/ 4129 w 912611"/>
                    <a:gd name="connsiteY9" fmla="*/ 0 h 779198"/>
                    <a:gd name="connsiteX10" fmla="*/ 51386 w 912611"/>
                    <a:gd name="connsiteY10" fmla="*/ 20927 h 779198"/>
                    <a:gd name="connsiteX11" fmla="*/ 212337 w 912611"/>
                    <a:gd name="connsiteY11" fmla="*/ 102793 h 779198"/>
                    <a:gd name="connsiteX12" fmla="*/ 208491 w 912611"/>
                    <a:gd name="connsiteY12" fmla="*/ 102586 h 779198"/>
                    <a:gd name="connsiteX13" fmla="*/ 185095 w 912611"/>
                    <a:gd name="connsiteY13" fmla="*/ 114924 h 779198"/>
                    <a:gd name="connsiteX14" fmla="*/ 0 w 912611"/>
                    <a:gd name="connsiteY14" fmla="*/ 27250 h 779198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</a:cxnLst>
                  <a:rect l="l" t="t" r="r" b="b"/>
                  <a:pathLst>
                    <a:path w="912611" h="779198">
                      <a:moveTo>
                        <a:pt x="235998" y="114828"/>
                      </a:moveTo>
                      <a:lnTo>
                        <a:pt x="268949" y="131588"/>
                      </a:lnTo>
                      <a:cubicBezTo>
                        <a:pt x="485290" y="250267"/>
                        <a:pt x="694971" y="393770"/>
                        <a:pt x="871035" y="569040"/>
                      </a:cubicBezTo>
                      <a:lnTo>
                        <a:pt x="879388" y="578529"/>
                      </a:lnTo>
                      <a:lnTo>
                        <a:pt x="863209" y="593271"/>
                      </a:lnTo>
                      <a:cubicBezTo>
                        <a:pt x="839671" y="624161"/>
                        <a:pt x="843101" y="670273"/>
                        <a:pt x="900273" y="731486"/>
                      </a:cubicBezTo>
                      <a:cubicBezTo>
                        <a:pt x="906784" y="738753"/>
                        <a:pt x="910835" y="746732"/>
                        <a:pt x="912611" y="754881"/>
                      </a:cubicBezTo>
                      <a:lnTo>
                        <a:pt x="911304" y="779198"/>
                      </a:lnTo>
                      <a:lnTo>
                        <a:pt x="235998" y="779198"/>
                      </a:lnTo>
                      <a:close/>
                      <a:moveTo>
                        <a:pt x="4129" y="0"/>
                      </a:moveTo>
                      <a:lnTo>
                        <a:pt x="51386" y="20927"/>
                      </a:lnTo>
                      <a:lnTo>
                        <a:pt x="212337" y="102793"/>
                      </a:lnTo>
                      <a:lnTo>
                        <a:pt x="208491" y="102586"/>
                      </a:lnTo>
                      <a:cubicBezTo>
                        <a:pt x="200341" y="104362"/>
                        <a:pt x="192362" y="108414"/>
                        <a:pt x="185095" y="114924"/>
                      </a:cubicBezTo>
                      <a:cubicBezTo>
                        <a:pt x="62670" y="229269"/>
                        <a:pt x="646" y="128643"/>
                        <a:pt x="0" y="27250"/>
                      </a:cubicBezTo>
                      <a:close/>
                    </a:path>
                  </a:pathLst>
                </a:custGeom>
                <a:solidFill>
                  <a:srgbClr val="005EA4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wrap="square" rtlCol="0" anchor="ctr">
                  <a:noAutofit/>
                </a:bodyPr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/>
                    <a:ea typeface="+mn-ea"/>
                    <a:cs typeface="+mn-cs"/>
                  </a:endParaRPr>
                </a:p>
              </p:txBody>
            </p:sp>
            <p:sp>
              <p:nvSpPr>
                <p:cNvPr id="62" name="Freeform 33"/>
                <p:cNvSpPr/>
                <p:nvPr/>
              </p:nvSpPr>
              <p:spPr>
                <a:xfrm>
                  <a:off x="3487613" y="2772251"/>
                  <a:ext cx="613856" cy="1353560"/>
                </a:xfrm>
                <a:custGeom>
                  <a:avLst/>
                  <a:gdLst>
                    <a:gd name="connsiteX0" fmla="*/ 0 w 683022"/>
                    <a:gd name="connsiteY0" fmla="*/ 0 h 1506072"/>
                    <a:gd name="connsiteX1" fmla="*/ 669951 w 683022"/>
                    <a:gd name="connsiteY1" fmla="*/ 0 h 1506072"/>
                    <a:gd name="connsiteX2" fmla="*/ 671901 w 683022"/>
                    <a:gd name="connsiteY2" fmla="*/ 14093 h 1506072"/>
                    <a:gd name="connsiteX3" fmla="*/ 661855 w 683022"/>
                    <a:gd name="connsiteY3" fmla="*/ 40915 h 1506072"/>
                    <a:gd name="connsiteX4" fmla="*/ 681283 w 683022"/>
                    <a:gd name="connsiteY4" fmla="*/ 213050 h 1506072"/>
                    <a:gd name="connsiteX5" fmla="*/ 683022 w 683022"/>
                    <a:gd name="connsiteY5" fmla="*/ 213313 h 1506072"/>
                    <a:gd name="connsiteX6" fmla="*/ 675046 w 683022"/>
                    <a:gd name="connsiteY6" fmla="*/ 262812 h 1506072"/>
                    <a:gd name="connsiteX7" fmla="*/ 484346 w 683022"/>
                    <a:gd name="connsiteY7" fmla="*/ 545724 h 1506072"/>
                    <a:gd name="connsiteX8" fmla="*/ 115555 w 683022"/>
                    <a:gd name="connsiteY8" fmla="*/ 1268161 h 1506072"/>
                    <a:gd name="connsiteX9" fmla="*/ 60448 w 683022"/>
                    <a:gd name="connsiteY9" fmla="*/ 1470903 h 1506072"/>
                    <a:gd name="connsiteX10" fmla="*/ 62123 w 683022"/>
                    <a:gd name="connsiteY10" fmla="*/ 1506072 h 1506072"/>
                    <a:gd name="connsiteX11" fmla="*/ 0 w 683022"/>
                    <a:gd name="connsiteY11" fmla="*/ 1506072 h 1506072"/>
                    <a:gd name="connsiteX12" fmla="*/ 0 w 683022"/>
                    <a:gd name="connsiteY12" fmla="*/ 864891 h 1506072"/>
                    <a:gd name="connsiteX13" fmla="*/ 5891 w 683022"/>
                    <a:gd name="connsiteY13" fmla="*/ 854262 h 1506072"/>
                    <a:gd name="connsiteX14" fmla="*/ 77879 w 683022"/>
                    <a:gd name="connsiteY14" fmla="*/ 834822 h 1506072"/>
                    <a:gd name="connsiteX15" fmla="*/ 72825 w 683022"/>
                    <a:gd name="connsiteY15" fmla="*/ 664276 h 1506072"/>
                    <a:gd name="connsiteX16" fmla="*/ 2806 w 683022"/>
                    <a:gd name="connsiteY16" fmla="*/ 661441 h 1506072"/>
                    <a:gd name="connsiteX17" fmla="*/ 0 w 683022"/>
                    <a:gd name="connsiteY17" fmla="*/ 657200 h 1506072"/>
                    <a:gd name="connsiteX0" fmla="*/ 0 w 683022"/>
                    <a:gd name="connsiteY0" fmla="*/ 0 h 1506072"/>
                    <a:gd name="connsiteX1" fmla="*/ 669951 w 683022"/>
                    <a:gd name="connsiteY1" fmla="*/ 0 h 1506072"/>
                    <a:gd name="connsiteX2" fmla="*/ 671901 w 683022"/>
                    <a:gd name="connsiteY2" fmla="*/ 14093 h 1506072"/>
                    <a:gd name="connsiteX3" fmla="*/ 661855 w 683022"/>
                    <a:gd name="connsiteY3" fmla="*/ 40915 h 1506072"/>
                    <a:gd name="connsiteX4" fmla="*/ 681283 w 683022"/>
                    <a:gd name="connsiteY4" fmla="*/ 213050 h 1506072"/>
                    <a:gd name="connsiteX5" fmla="*/ 683022 w 683022"/>
                    <a:gd name="connsiteY5" fmla="*/ 213313 h 1506072"/>
                    <a:gd name="connsiteX6" fmla="*/ 675046 w 683022"/>
                    <a:gd name="connsiteY6" fmla="*/ 262812 h 1506072"/>
                    <a:gd name="connsiteX7" fmla="*/ 484346 w 683022"/>
                    <a:gd name="connsiteY7" fmla="*/ 545724 h 1506072"/>
                    <a:gd name="connsiteX8" fmla="*/ 115555 w 683022"/>
                    <a:gd name="connsiteY8" fmla="*/ 1268161 h 1506072"/>
                    <a:gd name="connsiteX9" fmla="*/ 60448 w 683022"/>
                    <a:gd name="connsiteY9" fmla="*/ 1470903 h 1506072"/>
                    <a:gd name="connsiteX10" fmla="*/ 62123 w 683022"/>
                    <a:gd name="connsiteY10" fmla="*/ 1506072 h 1506072"/>
                    <a:gd name="connsiteX11" fmla="*/ 0 w 683022"/>
                    <a:gd name="connsiteY11" fmla="*/ 1506072 h 1506072"/>
                    <a:gd name="connsiteX12" fmla="*/ 0 w 683022"/>
                    <a:gd name="connsiteY12" fmla="*/ 864891 h 1506072"/>
                    <a:gd name="connsiteX13" fmla="*/ 5891 w 683022"/>
                    <a:gd name="connsiteY13" fmla="*/ 854262 h 1506072"/>
                    <a:gd name="connsiteX14" fmla="*/ 77879 w 683022"/>
                    <a:gd name="connsiteY14" fmla="*/ 834822 h 1506072"/>
                    <a:gd name="connsiteX15" fmla="*/ 72825 w 683022"/>
                    <a:gd name="connsiteY15" fmla="*/ 664276 h 1506072"/>
                    <a:gd name="connsiteX16" fmla="*/ 2806 w 683022"/>
                    <a:gd name="connsiteY16" fmla="*/ 661441 h 1506072"/>
                    <a:gd name="connsiteX17" fmla="*/ 0 w 683022"/>
                    <a:gd name="connsiteY17" fmla="*/ 657200 h 1506072"/>
                    <a:gd name="connsiteX18" fmla="*/ 0 w 683022"/>
                    <a:gd name="connsiteY18" fmla="*/ 0 h 1506072"/>
                    <a:gd name="connsiteX0" fmla="*/ 0 w 683022"/>
                    <a:gd name="connsiteY0" fmla="*/ 0 h 1506072"/>
                    <a:gd name="connsiteX1" fmla="*/ 669951 w 683022"/>
                    <a:gd name="connsiteY1" fmla="*/ 0 h 1506072"/>
                    <a:gd name="connsiteX2" fmla="*/ 671901 w 683022"/>
                    <a:gd name="connsiteY2" fmla="*/ 14093 h 1506072"/>
                    <a:gd name="connsiteX3" fmla="*/ 661855 w 683022"/>
                    <a:gd name="connsiteY3" fmla="*/ 40915 h 1506072"/>
                    <a:gd name="connsiteX4" fmla="*/ 681283 w 683022"/>
                    <a:gd name="connsiteY4" fmla="*/ 213050 h 1506072"/>
                    <a:gd name="connsiteX5" fmla="*/ 683022 w 683022"/>
                    <a:gd name="connsiteY5" fmla="*/ 213313 h 1506072"/>
                    <a:gd name="connsiteX6" fmla="*/ 675046 w 683022"/>
                    <a:gd name="connsiteY6" fmla="*/ 262812 h 1506072"/>
                    <a:gd name="connsiteX7" fmla="*/ 484346 w 683022"/>
                    <a:gd name="connsiteY7" fmla="*/ 545724 h 1506072"/>
                    <a:gd name="connsiteX8" fmla="*/ 115555 w 683022"/>
                    <a:gd name="connsiteY8" fmla="*/ 1268161 h 1506072"/>
                    <a:gd name="connsiteX9" fmla="*/ 60448 w 683022"/>
                    <a:gd name="connsiteY9" fmla="*/ 1470903 h 1506072"/>
                    <a:gd name="connsiteX10" fmla="*/ 62123 w 683022"/>
                    <a:gd name="connsiteY10" fmla="*/ 1506072 h 1506072"/>
                    <a:gd name="connsiteX11" fmla="*/ 0 w 683022"/>
                    <a:gd name="connsiteY11" fmla="*/ 1506072 h 1506072"/>
                    <a:gd name="connsiteX12" fmla="*/ 0 w 683022"/>
                    <a:gd name="connsiteY12" fmla="*/ 864891 h 1506072"/>
                    <a:gd name="connsiteX13" fmla="*/ 5891 w 683022"/>
                    <a:gd name="connsiteY13" fmla="*/ 854262 h 1506072"/>
                    <a:gd name="connsiteX14" fmla="*/ 77879 w 683022"/>
                    <a:gd name="connsiteY14" fmla="*/ 834822 h 1506072"/>
                    <a:gd name="connsiteX15" fmla="*/ 72825 w 683022"/>
                    <a:gd name="connsiteY15" fmla="*/ 664276 h 1506072"/>
                    <a:gd name="connsiteX16" fmla="*/ 2806 w 683022"/>
                    <a:gd name="connsiteY16" fmla="*/ 661441 h 1506072"/>
                    <a:gd name="connsiteX17" fmla="*/ 0 w 683022"/>
                    <a:gd name="connsiteY17" fmla="*/ 657200 h 1506072"/>
                    <a:gd name="connsiteX18" fmla="*/ 0 w 683022"/>
                    <a:gd name="connsiteY18" fmla="*/ 0 h 1506072"/>
                    <a:gd name="connsiteX0" fmla="*/ 0 w 683022"/>
                    <a:gd name="connsiteY0" fmla="*/ 0 h 1506072"/>
                    <a:gd name="connsiteX1" fmla="*/ 669951 w 683022"/>
                    <a:gd name="connsiteY1" fmla="*/ 0 h 1506072"/>
                    <a:gd name="connsiteX2" fmla="*/ 671901 w 683022"/>
                    <a:gd name="connsiteY2" fmla="*/ 14093 h 1506072"/>
                    <a:gd name="connsiteX3" fmla="*/ 661855 w 683022"/>
                    <a:gd name="connsiteY3" fmla="*/ 40915 h 1506072"/>
                    <a:gd name="connsiteX4" fmla="*/ 681283 w 683022"/>
                    <a:gd name="connsiteY4" fmla="*/ 213050 h 1506072"/>
                    <a:gd name="connsiteX5" fmla="*/ 683022 w 683022"/>
                    <a:gd name="connsiteY5" fmla="*/ 213313 h 1506072"/>
                    <a:gd name="connsiteX6" fmla="*/ 675046 w 683022"/>
                    <a:gd name="connsiteY6" fmla="*/ 262812 h 1506072"/>
                    <a:gd name="connsiteX7" fmla="*/ 484346 w 683022"/>
                    <a:gd name="connsiteY7" fmla="*/ 545724 h 1506072"/>
                    <a:gd name="connsiteX8" fmla="*/ 115555 w 683022"/>
                    <a:gd name="connsiteY8" fmla="*/ 1268161 h 1506072"/>
                    <a:gd name="connsiteX9" fmla="*/ 60448 w 683022"/>
                    <a:gd name="connsiteY9" fmla="*/ 1470903 h 1506072"/>
                    <a:gd name="connsiteX10" fmla="*/ 62123 w 683022"/>
                    <a:gd name="connsiteY10" fmla="*/ 1506072 h 1506072"/>
                    <a:gd name="connsiteX11" fmla="*/ 0 w 683022"/>
                    <a:gd name="connsiteY11" fmla="*/ 1506072 h 1506072"/>
                    <a:gd name="connsiteX12" fmla="*/ 0 w 683022"/>
                    <a:gd name="connsiteY12" fmla="*/ 864891 h 1506072"/>
                    <a:gd name="connsiteX13" fmla="*/ 5891 w 683022"/>
                    <a:gd name="connsiteY13" fmla="*/ 854262 h 1506072"/>
                    <a:gd name="connsiteX14" fmla="*/ 77879 w 683022"/>
                    <a:gd name="connsiteY14" fmla="*/ 834822 h 1506072"/>
                    <a:gd name="connsiteX15" fmla="*/ 72825 w 683022"/>
                    <a:gd name="connsiteY15" fmla="*/ 664276 h 1506072"/>
                    <a:gd name="connsiteX16" fmla="*/ 2806 w 683022"/>
                    <a:gd name="connsiteY16" fmla="*/ 661441 h 1506072"/>
                    <a:gd name="connsiteX17" fmla="*/ 0 w 683022"/>
                    <a:gd name="connsiteY17" fmla="*/ 657200 h 1506072"/>
                    <a:gd name="connsiteX18" fmla="*/ 0 w 683022"/>
                    <a:gd name="connsiteY18" fmla="*/ 0 h 1506072"/>
                    <a:gd name="connsiteX0" fmla="*/ 0 w 683022"/>
                    <a:gd name="connsiteY0" fmla="*/ 0 h 1506072"/>
                    <a:gd name="connsiteX1" fmla="*/ 669951 w 683022"/>
                    <a:gd name="connsiteY1" fmla="*/ 0 h 1506072"/>
                    <a:gd name="connsiteX2" fmla="*/ 671901 w 683022"/>
                    <a:gd name="connsiteY2" fmla="*/ 14093 h 1506072"/>
                    <a:gd name="connsiteX3" fmla="*/ 661855 w 683022"/>
                    <a:gd name="connsiteY3" fmla="*/ 40915 h 1506072"/>
                    <a:gd name="connsiteX4" fmla="*/ 681283 w 683022"/>
                    <a:gd name="connsiteY4" fmla="*/ 213050 h 1506072"/>
                    <a:gd name="connsiteX5" fmla="*/ 683022 w 683022"/>
                    <a:gd name="connsiteY5" fmla="*/ 213313 h 1506072"/>
                    <a:gd name="connsiteX6" fmla="*/ 675046 w 683022"/>
                    <a:gd name="connsiteY6" fmla="*/ 262812 h 1506072"/>
                    <a:gd name="connsiteX7" fmla="*/ 484346 w 683022"/>
                    <a:gd name="connsiteY7" fmla="*/ 545724 h 1506072"/>
                    <a:gd name="connsiteX8" fmla="*/ 115555 w 683022"/>
                    <a:gd name="connsiteY8" fmla="*/ 1268161 h 1506072"/>
                    <a:gd name="connsiteX9" fmla="*/ 60448 w 683022"/>
                    <a:gd name="connsiteY9" fmla="*/ 1470903 h 1506072"/>
                    <a:gd name="connsiteX10" fmla="*/ 62123 w 683022"/>
                    <a:gd name="connsiteY10" fmla="*/ 1506072 h 1506072"/>
                    <a:gd name="connsiteX11" fmla="*/ 0 w 683022"/>
                    <a:gd name="connsiteY11" fmla="*/ 1506072 h 1506072"/>
                    <a:gd name="connsiteX12" fmla="*/ 0 w 683022"/>
                    <a:gd name="connsiteY12" fmla="*/ 864891 h 1506072"/>
                    <a:gd name="connsiteX13" fmla="*/ 5891 w 683022"/>
                    <a:gd name="connsiteY13" fmla="*/ 854262 h 1506072"/>
                    <a:gd name="connsiteX14" fmla="*/ 77879 w 683022"/>
                    <a:gd name="connsiteY14" fmla="*/ 834822 h 1506072"/>
                    <a:gd name="connsiteX15" fmla="*/ 75784 w 683022"/>
                    <a:gd name="connsiteY15" fmla="*/ 673153 h 1506072"/>
                    <a:gd name="connsiteX16" fmla="*/ 2806 w 683022"/>
                    <a:gd name="connsiteY16" fmla="*/ 661441 h 1506072"/>
                    <a:gd name="connsiteX17" fmla="*/ 0 w 683022"/>
                    <a:gd name="connsiteY17" fmla="*/ 657200 h 1506072"/>
                    <a:gd name="connsiteX18" fmla="*/ 0 w 683022"/>
                    <a:gd name="connsiteY18" fmla="*/ 0 h 1506072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</a:cxnLst>
                  <a:rect l="l" t="t" r="r" b="b"/>
                  <a:pathLst>
                    <a:path w="683022" h="1506072">
                      <a:moveTo>
                        <a:pt x="0" y="0"/>
                      </a:moveTo>
                      <a:lnTo>
                        <a:pt x="669951" y="0"/>
                      </a:lnTo>
                      <a:lnTo>
                        <a:pt x="671901" y="14093"/>
                      </a:lnTo>
                      <a:cubicBezTo>
                        <a:pt x="670710" y="22265"/>
                        <a:pt x="667325" y="31143"/>
                        <a:pt x="661855" y="40915"/>
                      </a:cubicBezTo>
                      <a:cubicBezTo>
                        <a:pt x="578393" y="133231"/>
                        <a:pt x="614992" y="190472"/>
                        <a:pt x="681283" y="213050"/>
                      </a:cubicBezTo>
                      <a:lnTo>
                        <a:pt x="683022" y="213313"/>
                      </a:lnTo>
                      <a:lnTo>
                        <a:pt x="675046" y="262812"/>
                      </a:lnTo>
                      <a:cubicBezTo>
                        <a:pt x="640068" y="410121"/>
                        <a:pt x="574746" y="531231"/>
                        <a:pt x="484346" y="545724"/>
                      </a:cubicBezTo>
                      <a:cubicBezTo>
                        <a:pt x="419045" y="804953"/>
                        <a:pt x="342297" y="975301"/>
                        <a:pt x="115555" y="1268161"/>
                      </a:cubicBezTo>
                      <a:cubicBezTo>
                        <a:pt x="79136" y="1315769"/>
                        <a:pt x="61807" y="1390863"/>
                        <a:pt x="60448" y="1470903"/>
                      </a:cubicBezTo>
                      <a:cubicBezTo>
                        <a:pt x="61006" y="1482626"/>
                        <a:pt x="61565" y="1494349"/>
                        <a:pt x="62123" y="1506072"/>
                      </a:cubicBezTo>
                      <a:lnTo>
                        <a:pt x="0" y="1506072"/>
                      </a:lnTo>
                      <a:lnTo>
                        <a:pt x="0" y="864891"/>
                      </a:lnTo>
                      <a:lnTo>
                        <a:pt x="5891" y="854262"/>
                      </a:lnTo>
                      <a:cubicBezTo>
                        <a:pt x="24155" y="830153"/>
                        <a:pt x="48565" y="818415"/>
                        <a:pt x="77879" y="834822"/>
                      </a:cubicBezTo>
                      <a:cubicBezTo>
                        <a:pt x="305117" y="1060093"/>
                        <a:pt x="307109" y="467627"/>
                        <a:pt x="75784" y="673153"/>
                      </a:cubicBezTo>
                      <a:cubicBezTo>
                        <a:pt x="53983" y="692684"/>
                        <a:pt x="22818" y="681206"/>
                        <a:pt x="2806" y="661441"/>
                      </a:cubicBezTo>
                      <a:lnTo>
                        <a:pt x="0" y="657200"/>
                      </a:lnTo>
                      <a:lnTo>
                        <a:pt x="0" y="0"/>
                      </a:lnTo>
                      <a:close/>
                    </a:path>
                  </a:pathLst>
                </a:custGeom>
                <a:solidFill>
                  <a:srgbClr val="005EA4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wrap="square" rtlCol="0" anchor="ctr">
                  <a:noAutofit/>
                </a:bodyPr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/>
                    <a:ea typeface="+mn-ea"/>
                    <a:cs typeface="+mn-cs"/>
                  </a:endParaRPr>
                </a:p>
              </p:txBody>
            </p:sp>
            <p:sp>
              <p:nvSpPr>
                <p:cNvPr id="63" name="Freeform 30"/>
                <p:cNvSpPr/>
                <p:nvPr/>
              </p:nvSpPr>
              <p:spPr>
                <a:xfrm>
                  <a:off x="1570997" y="732355"/>
                  <a:ext cx="1921179" cy="891066"/>
                </a:xfrm>
                <a:custGeom>
                  <a:avLst/>
                  <a:gdLst>
                    <a:gd name="connsiteX0" fmla="*/ 1607463 w 2137647"/>
                    <a:gd name="connsiteY0" fmla="*/ 0 h 991466"/>
                    <a:gd name="connsiteX1" fmla="*/ 2099735 w 2137647"/>
                    <a:gd name="connsiteY1" fmla="*/ 175271 h 991466"/>
                    <a:gd name="connsiteX2" fmla="*/ 2137647 w 2137647"/>
                    <a:gd name="connsiteY2" fmla="*/ 189171 h 991466"/>
                    <a:gd name="connsiteX3" fmla="*/ 2137647 w 2137647"/>
                    <a:gd name="connsiteY3" fmla="*/ 773819 h 991466"/>
                    <a:gd name="connsiteX4" fmla="*/ 1461526 w 2137647"/>
                    <a:gd name="connsiteY4" fmla="*/ 773819 h 991466"/>
                    <a:gd name="connsiteX5" fmla="*/ 1461034 w 2137647"/>
                    <a:gd name="connsiteY5" fmla="*/ 782970 h 991466"/>
                    <a:gd name="connsiteX6" fmla="*/ 1473372 w 2137647"/>
                    <a:gd name="connsiteY6" fmla="*/ 806365 h 991466"/>
                    <a:gd name="connsiteX7" fmla="*/ 1293430 w 2137647"/>
                    <a:gd name="connsiteY7" fmla="*/ 808287 h 991466"/>
                    <a:gd name="connsiteX8" fmla="*/ 1303476 w 2137647"/>
                    <a:gd name="connsiteY8" fmla="*/ 781466 h 991466"/>
                    <a:gd name="connsiteX9" fmla="*/ 1302418 w 2137647"/>
                    <a:gd name="connsiteY9" fmla="*/ 773819 h 991466"/>
                    <a:gd name="connsiteX10" fmla="*/ 636653 w 2137647"/>
                    <a:gd name="connsiteY10" fmla="*/ 773819 h 991466"/>
                    <a:gd name="connsiteX11" fmla="*/ 631575 w 2137647"/>
                    <a:gd name="connsiteY11" fmla="*/ 773819 h 991466"/>
                    <a:gd name="connsiteX12" fmla="*/ 210726 w 2137647"/>
                    <a:gd name="connsiteY12" fmla="*/ 773819 h 991466"/>
                    <a:gd name="connsiteX13" fmla="*/ 167519 w 2137647"/>
                    <a:gd name="connsiteY13" fmla="*/ 757656 h 991466"/>
                    <a:gd name="connsiteX14" fmla="*/ 664 w 2137647"/>
                    <a:gd name="connsiteY14" fmla="*/ 686082 h 991466"/>
                    <a:gd name="connsiteX15" fmla="*/ 0 w 2137647"/>
                    <a:gd name="connsiteY15" fmla="*/ 685685 h 991466"/>
                    <a:gd name="connsiteX16" fmla="*/ 6943 w 2137647"/>
                    <a:gd name="connsiteY16" fmla="*/ 676346 h 991466"/>
                    <a:gd name="connsiteX17" fmla="*/ 21242 w 2137647"/>
                    <a:gd name="connsiteY17" fmla="*/ 607364 h 991466"/>
                    <a:gd name="connsiteX18" fmla="*/ 10153 w 2137647"/>
                    <a:gd name="connsiteY18" fmla="*/ 585084 h 991466"/>
                    <a:gd name="connsiteX19" fmla="*/ 54685 w 2137647"/>
                    <a:gd name="connsiteY19" fmla="*/ 569111 h 991466"/>
                    <a:gd name="connsiteX20" fmla="*/ 589365 w 2137647"/>
                    <a:gd name="connsiteY20" fmla="*/ 378052 h 991466"/>
                    <a:gd name="connsiteX21" fmla="*/ 631575 w 2137647"/>
                    <a:gd name="connsiteY21" fmla="*/ 362737 h 991466"/>
                    <a:gd name="connsiteX22" fmla="*/ 631575 w 2137647"/>
                    <a:gd name="connsiteY22" fmla="*/ 362737 h 991466"/>
                    <a:gd name="connsiteX23" fmla="*/ 808911 w 2137647"/>
                    <a:gd name="connsiteY23" fmla="*/ 298398 h 991466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</a:cxnLst>
                  <a:rect l="l" t="t" r="r" b="b"/>
                  <a:pathLst>
                    <a:path w="2137647" h="991466">
                      <a:moveTo>
                        <a:pt x="1607463" y="0"/>
                      </a:moveTo>
                      <a:cubicBezTo>
                        <a:pt x="1673138" y="20672"/>
                        <a:pt x="1862991" y="88691"/>
                        <a:pt x="2099735" y="175271"/>
                      </a:cubicBezTo>
                      <a:lnTo>
                        <a:pt x="2137647" y="189171"/>
                      </a:lnTo>
                      <a:lnTo>
                        <a:pt x="2137647" y="773819"/>
                      </a:lnTo>
                      <a:lnTo>
                        <a:pt x="1461526" y="773819"/>
                      </a:lnTo>
                      <a:lnTo>
                        <a:pt x="1461034" y="782970"/>
                      </a:lnTo>
                      <a:cubicBezTo>
                        <a:pt x="1462810" y="791120"/>
                        <a:pt x="1466862" y="799098"/>
                        <a:pt x="1473372" y="806365"/>
                      </a:cubicBezTo>
                      <a:cubicBezTo>
                        <a:pt x="1702063" y="1051216"/>
                        <a:pt x="1065454" y="1054463"/>
                        <a:pt x="1293430" y="808287"/>
                      </a:cubicBezTo>
                      <a:cubicBezTo>
                        <a:pt x="1298900" y="798516"/>
                        <a:pt x="1302285" y="789637"/>
                        <a:pt x="1303476" y="781466"/>
                      </a:cubicBezTo>
                      <a:lnTo>
                        <a:pt x="1302418" y="773819"/>
                      </a:lnTo>
                      <a:lnTo>
                        <a:pt x="636653" y="773819"/>
                      </a:lnTo>
                      <a:lnTo>
                        <a:pt x="631575" y="773819"/>
                      </a:lnTo>
                      <a:lnTo>
                        <a:pt x="210726" y="773819"/>
                      </a:lnTo>
                      <a:lnTo>
                        <a:pt x="167519" y="757656"/>
                      </a:lnTo>
                      <a:cubicBezTo>
                        <a:pt x="106216" y="734130"/>
                        <a:pt x="46759" y="709684"/>
                        <a:pt x="664" y="686082"/>
                      </a:cubicBezTo>
                      <a:lnTo>
                        <a:pt x="0" y="685685"/>
                      </a:lnTo>
                      <a:lnTo>
                        <a:pt x="6943" y="676346"/>
                      </a:lnTo>
                      <a:cubicBezTo>
                        <a:pt x="22260" y="649468"/>
                        <a:pt x="25911" y="626479"/>
                        <a:pt x="21242" y="607364"/>
                      </a:cubicBezTo>
                      <a:lnTo>
                        <a:pt x="10153" y="585084"/>
                      </a:lnTo>
                      <a:lnTo>
                        <a:pt x="54685" y="569111"/>
                      </a:lnTo>
                      <a:cubicBezTo>
                        <a:pt x="204201" y="515752"/>
                        <a:pt x="380718" y="453301"/>
                        <a:pt x="589365" y="378052"/>
                      </a:cubicBezTo>
                      <a:lnTo>
                        <a:pt x="631575" y="362737"/>
                      </a:lnTo>
                      <a:lnTo>
                        <a:pt x="631575" y="362737"/>
                      </a:lnTo>
                      <a:lnTo>
                        <a:pt x="808911" y="298398"/>
                      </a:lnTo>
                      <a:close/>
                    </a:path>
                  </a:pathLst>
                </a:custGeom>
                <a:solidFill>
                  <a:srgbClr val="6DC0FF">
                    <a:lumMod val="75000"/>
                  </a:srgbClr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wrap="square" rtlCol="0" anchor="ctr">
                  <a:noAutofit/>
                </a:bodyPr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/>
                    <a:ea typeface="+mn-ea"/>
                    <a:cs typeface="+mn-cs"/>
                  </a:endParaRPr>
                </a:p>
              </p:txBody>
            </p:sp>
            <p:sp>
              <p:nvSpPr>
                <p:cNvPr id="64" name="Freeform 31"/>
                <p:cNvSpPr/>
                <p:nvPr/>
              </p:nvSpPr>
              <p:spPr>
                <a:xfrm>
                  <a:off x="3487613" y="900698"/>
                  <a:ext cx="1063937" cy="527116"/>
                </a:xfrm>
                <a:custGeom>
                  <a:avLst/>
                  <a:gdLst>
                    <a:gd name="connsiteX0" fmla="*/ 0 w 1183816"/>
                    <a:gd name="connsiteY0" fmla="*/ 0 h 586509"/>
                    <a:gd name="connsiteX1" fmla="*/ 89086 w 1183816"/>
                    <a:gd name="connsiteY1" fmla="*/ 32664 h 586509"/>
                    <a:gd name="connsiteX2" fmla="*/ 1183816 w 1183816"/>
                    <a:gd name="connsiteY2" fmla="*/ 442243 h 586509"/>
                    <a:gd name="connsiteX3" fmla="*/ 931168 w 1183816"/>
                    <a:gd name="connsiteY3" fmla="*/ 585071 h 586509"/>
                    <a:gd name="connsiteX4" fmla="*/ 928758 w 1183816"/>
                    <a:gd name="connsiteY4" fmla="*/ 586509 h 586509"/>
                    <a:gd name="connsiteX5" fmla="*/ 844485 w 1183816"/>
                    <a:gd name="connsiteY5" fmla="*/ 586509 h 586509"/>
                    <a:gd name="connsiteX6" fmla="*/ 837296 w 1183816"/>
                    <a:gd name="connsiteY6" fmla="*/ 578265 h 586509"/>
                    <a:gd name="connsiteX7" fmla="*/ 844217 w 1183816"/>
                    <a:gd name="connsiteY7" fmla="*/ 528864 h 586509"/>
                    <a:gd name="connsiteX8" fmla="*/ 664275 w 1183816"/>
                    <a:gd name="connsiteY8" fmla="*/ 530786 h 586509"/>
                    <a:gd name="connsiteX9" fmla="*/ 675300 w 1183816"/>
                    <a:gd name="connsiteY9" fmla="*/ 578602 h 586509"/>
                    <a:gd name="connsiteX10" fmla="*/ 670365 w 1183816"/>
                    <a:gd name="connsiteY10" fmla="*/ 586509 h 586509"/>
                    <a:gd name="connsiteX11" fmla="*/ 0 w 1183816"/>
                    <a:gd name="connsiteY11" fmla="*/ 586509 h 586509"/>
                    <a:gd name="connsiteX0" fmla="*/ 0 w 1183816"/>
                    <a:gd name="connsiteY0" fmla="*/ 0 h 586509"/>
                    <a:gd name="connsiteX1" fmla="*/ 89086 w 1183816"/>
                    <a:gd name="connsiteY1" fmla="*/ 32664 h 586509"/>
                    <a:gd name="connsiteX2" fmla="*/ 1183816 w 1183816"/>
                    <a:gd name="connsiteY2" fmla="*/ 442243 h 586509"/>
                    <a:gd name="connsiteX3" fmla="*/ 931168 w 1183816"/>
                    <a:gd name="connsiteY3" fmla="*/ 585071 h 586509"/>
                    <a:gd name="connsiteX4" fmla="*/ 928758 w 1183816"/>
                    <a:gd name="connsiteY4" fmla="*/ 586509 h 586509"/>
                    <a:gd name="connsiteX5" fmla="*/ 844485 w 1183816"/>
                    <a:gd name="connsiteY5" fmla="*/ 586509 h 586509"/>
                    <a:gd name="connsiteX6" fmla="*/ 837296 w 1183816"/>
                    <a:gd name="connsiteY6" fmla="*/ 578265 h 586509"/>
                    <a:gd name="connsiteX7" fmla="*/ 844217 w 1183816"/>
                    <a:gd name="connsiteY7" fmla="*/ 528864 h 586509"/>
                    <a:gd name="connsiteX8" fmla="*/ 664275 w 1183816"/>
                    <a:gd name="connsiteY8" fmla="*/ 530786 h 586509"/>
                    <a:gd name="connsiteX9" fmla="*/ 675300 w 1183816"/>
                    <a:gd name="connsiteY9" fmla="*/ 578602 h 586509"/>
                    <a:gd name="connsiteX10" fmla="*/ 670365 w 1183816"/>
                    <a:gd name="connsiteY10" fmla="*/ 586509 h 586509"/>
                    <a:gd name="connsiteX11" fmla="*/ 0 w 1183816"/>
                    <a:gd name="connsiteY11" fmla="*/ 586509 h 586509"/>
                    <a:gd name="connsiteX12" fmla="*/ 0 w 1183816"/>
                    <a:gd name="connsiteY12" fmla="*/ 0 h 586509"/>
                    <a:gd name="connsiteX0" fmla="*/ 0 w 1183816"/>
                    <a:gd name="connsiteY0" fmla="*/ 0 h 586509"/>
                    <a:gd name="connsiteX1" fmla="*/ 89086 w 1183816"/>
                    <a:gd name="connsiteY1" fmla="*/ 32664 h 586509"/>
                    <a:gd name="connsiteX2" fmla="*/ 1183816 w 1183816"/>
                    <a:gd name="connsiteY2" fmla="*/ 442243 h 586509"/>
                    <a:gd name="connsiteX3" fmla="*/ 931168 w 1183816"/>
                    <a:gd name="connsiteY3" fmla="*/ 585071 h 586509"/>
                    <a:gd name="connsiteX4" fmla="*/ 928758 w 1183816"/>
                    <a:gd name="connsiteY4" fmla="*/ 586509 h 586509"/>
                    <a:gd name="connsiteX5" fmla="*/ 844485 w 1183816"/>
                    <a:gd name="connsiteY5" fmla="*/ 586509 h 586509"/>
                    <a:gd name="connsiteX6" fmla="*/ 837296 w 1183816"/>
                    <a:gd name="connsiteY6" fmla="*/ 578265 h 586509"/>
                    <a:gd name="connsiteX7" fmla="*/ 844217 w 1183816"/>
                    <a:gd name="connsiteY7" fmla="*/ 528864 h 586509"/>
                    <a:gd name="connsiteX8" fmla="*/ 664275 w 1183816"/>
                    <a:gd name="connsiteY8" fmla="*/ 530786 h 586509"/>
                    <a:gd name="connsiteX9" fmla="*/ 675300 w 1183816"/>
                    <a:gd name="connsiteY9" fmla="*/ 578602 h 586509"/>
                    <a:gd name="connsiteX10" fmla="*/ 670365 w 1183816"/>
                    <a:gd name="connsiteY10" fmla="*/ 586509 h 586509"/>
                    <a:gd name="connsiteX11" fmla="*/ 0 w 1183816"/>
                    <a:gd name="connsiteY11" fmla="*/ 586509 h 586509"/>
                    <a:gd name="connsiteX12" fmla="*/ 0 w 1183816"/>
                    <a:gd name="connsiteY12" fmla="*/ 0 h 586509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</a:cxnLst>
                  <a:rect l="l" t="t" r="r" b="b"/>
                  <a:pathLst>
                    <a:path w="1183816" h="586509">
                      <a:moveTo>
                        <a:pt x="0" y="0"/>
                      </a:moveTo>
                      <a:lnTo>
                        <a:pt x="89086" y="32664"/>
                      </a:lnTo>
                      <a:lnTo>
                        <a:pt x="1183816" y="442243"/>
                      </a:lnTo>
                      <a:cubicBezTo>
                        <a:pt x="1100717" y="487878"/>
                        <a:pt x="1016917" y="535227"/>
                        <a:pt x="931168" y="585071"/>
                      </a:cubicBezTo>
                      <a:lnTo>
                        <a:pt x="928758" y="586509"/>
                      </a:lnTo>
                      <a:lnTo>
                        <a:pt x="844485" y="586509"/>
                      </a:lnTo>
                      <a:lnTo>
                        <a:pt x="837296" y="578265"/>
                      </a:lnTo>
                      <a:cubicBezTo>
                        <a:pt x="830674" y="564378"/>
                        <a:pt x="833279" y="548407"/>
                        <a:pt x="844217" y="528864"/>
                      </a:cubicBezTo>
                      <a:cubicBezTo>
                        <a:pt x="1035786" y="287855"/>
                        <a:pt x="455776" y="291704"/>
                        <a:pt x="664275" y="530786"/>
                      </a:cubicBezTo>
                      <a:cubicBezTo>
                        <a:pt x="677296" y="545320"/>
                        <a:pt x="680481" y="562700"/>
                        <a:pt x="675300" y="578602"/>
                      </a:cubicBezTo>
                      <a:lnTo>
                        <a:pt x="670365" y="586509"/>
                      </a:lnTo>
                      <a:lnTo>
                        <a:pt x="0" y="586509"/>
                      </a:lnTo>
                      <a:lnTo>
                        <a:pt x="0" y="0"/>
                      </a:lnTo>
                      <a:close/>
                    </a:path>
                  </a:pathLst>
                </a:custGeom>
                <a:solidFill>
                  <a:srgbClr val="A5A5A5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wrap="square" rtlCol="0" anchor="ctr">
                  <a:noAutofit/>
                </a:bodyPr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/>
                    <a:ea typeface="+mn-ea"/>
                    <a:cs typeface="+mn-cs"/>
                  </a:endParaRPr>
                </a:p>
              </p:txBody>
            </p:sp>
            <p:sp>
              <p:nvSpPr>
                <p:cNvPr id="65" name="Freeform 32"/>
                <p:cNvSpPr/>
                <p:nvPr/>
              </p:nvSpPr>
              <p:spPr>
                <a:xfrm>
                  <a:off x="3487613" y="1211376"/>
                  <a:ext cx="842656" cy="1752587"/>
                </a:xfrm>
                <a:custGeom>
                  <a:avLst/>
                  <a:gdLst>
                    <a:gd name="connsiteX0" fmla="*/ 751949 w 937602"/>
                    <a:gd name="connsiteY0" fmla="*/ 6 h 1950059"/>
                    <a:gd name="connsiteX1" fmla="*/ 844217 w 937602"/>
                    <a:gd name="connsiteY1" fmla="*/ 183180 h 1950059"/>
                    <a:gd name="connsiteX2" fmla="*/ 837296 w 937602"/>
                    <a:gd name="connsiteY2" fmla="*/ 232581 h 1950059"/>
                    <a:gd name="connsiteX3" fmla="*/ 840059 w 937602"/>
                    <a:gd name="connsiteY3" fmla="*/ 235750 h 1950059"/>
                    <a:gd name="connsiteX4" fmla="*/ 937602 w 937602"/>
                    <a:gd name="connsiteY4" fmla="*/ 235750 h 1950059"/>
                    <a:gd name="connsiteX5" fmla="*/ 931168 w 937602"/>
                    <a:gd name="connsiteY5" fmla="*/ 239388 h 1950059"/>
                    <a:gd name="connsiteX6" fmla="*/ 666830 w 937602"/>
                    <a:gd name="connsiteY6" fmla="*/ 397179 h 1950059"/>
                    <a:gd name="connsiteX7" fmla="*/ 572663 w 937602"/>
                    <a:gd name="connsiteY7" fmla="*/ 1416987 h 1950059"/>
                    <a:gd name="connsiteX8" fmla="*/ 699712 w 937602"/>
                    <a:gd name="connsiteY8" fmla="*/ 1846496 h 1950059"/>
                    <a:gd name="connsiteX9" fmla="*/ 683023 w 937602"/>
                    <a:gd name="connsiteY9" fmla="*/ 1950059 h 1950059"/>
                    <a:gd name="connsiteX10" fmla="*/ 681283 w 937602"/>
                    <a:gd name="connsiteY10" fmla="*/ 1949796 h 1950059"/>
                    <a:gd name="connsiteX11" fmla="*/ 661855 w 937602"/>
                    <a:gd name="connsiteY11" fmla="*/ 1777661 h 1950059"/>
                    <a:gd name="connsiteX12" fmla="*/ 671901 w 937602"/>
                    <a:gd name="connsiteY12" fmla="*/ 1750839 h 1950059"/>
                    <a:gd name="connsiteX13" fmla="*/ 670653 w 937602"/>
                    <a:gd name="connsiteY13" fmla="*/ 1741822 h 1950059"/>
                    <a:gd name="connsiteX14" fmla="*/ 0 w 937602"/>
                    <a:gd name="connsiteY14" fmla="*/ 1741822 h 1950059"/>
                    <a:gd name="connsiteX15" fmla="*/ 0 w 937602"/>
                    <a:gd name="connsiteY15" fmla="*/ 1072457 h 1950059"/>
                    <a:gd name="connsiteX16" fmla="*/ 18318 w 937602"/>
                    <a:gd name="connsiteY16" fmla="*/ 1069922 h 1950059"/>
                    <a:gd name="connsiteX17" fmla="*/ 45139 w 937602"/>
                    <a:gd name="connsiteY17" fmla="*/ 1079967 h 1950059"/>
                    <a:gd name="connsiteX18" fmla="*/ 43217 w 937602"/>
                    <a:gd name="connsiteY18" fmla="*/ 900026 h 1950059"/>
                    <a:gd name="connsiteX19" fmla="*/ 19822 w 937602"/>
                    <a:gd name="connsiteY19" fmla="*/ 912364 h 1950059"/>
                    <a:gd name="connsiteX20" fmla="*/ 0 w 937602"/>
                    <a:gd name="connsiteY20" fmla="*/ 911298 h 1950059"/>
                    <a:gd name="connsiteX21" fmla="*/ 0 w 937602"/>
                    <a:gd name="connsiteY21" fmla="*/ 235750 h 1950059"/>
                    <a:gd name="connsiteX22" fmla="*/ 673532 w 937602"/>
                    <a:gd name="connsiteY22" fmla="*/ 235750 h 1950059"/>
                    <a:gd name="connsiteX23" fmla="*/ 675300 w 937602"/>
                    <a:gd name="connsiteY23" fmla="*/ 232918 h 1950059"/>
                    <a:gd name="connsiteX24" fmla="*/ 664275 w 937602"/>
                    <a:gd name="connsiteY24" fmla="*/ 185102 h 1950059"/>
                    <a:gd name="connsiteX25" fmla="*/ 751949 w 937602"/>
                    <a:gd name="connsiteY25" fmla="*/ 6 h 1950059"/>
                    <a:gd name="connsiteX0" fmla="*/ 751949 w 937602"/>
                    <a:gd name="connsiteY0" fmla="*/ 6 h 1950059"/>
                    <a:gd name="connsiteX1" fmla="*/ 844217 w 937602"/>
                    <a:gd name="connsiteY1" fmla="*/ 183180 h 1950059"/>
                    <a:gd name="connsiteX2" fmla="*/ 837296 w 937602"/>
                    <a:gd name="connsiteY2" fmla="*/ 232581 h 1950059"/>
                    <a:gd name="connsiteX3" fmla="*/ 840059 w 937602"/>
                    <a:gd name="connsiteY3" fmla="*/ 235750 h 1950059"/>
                    <a:gd name="connsiteX4" fmla="*/ 937602 w 937602"/>
                    <a:gd name="connsiteY4" fmla="*/ 235750 h 1950059"/>
                    <a:gd name="connsiteX5" fmla="*/ 931168 w 937602"/>
                    <a:gd name="connsiteY5" fmla="*/ 239388 h 1950059"/>
                    <a:gd name="connsiteX6" fmla="*/ 666830 w 937602"/>
                    <a:gd name="connsiteY6" fmla="*/ 397179 h 1950059"/>
                    <a:gd name="connsiteX7" fmla="*/ 572663 w 937602"/>
                    <a:gd name="connsiteY7" fmla="*/ 1416987 h 1950059"/>
                    <a:gd name="connsiteX8" fmla="*/ 699712 w 937602"/>
                    <a:gd name="connsiteY8" fmla="*/ 1846496 h 1950059"/>
                    <a:gd name="connsiteX9" fmla="*/ 683023 w 937602"/>
                    <a:gd name="connsiteY9" fmla="*/ 1950059 h 1950059"/>
                    <a:gd name="connsiteX10" fmla="*/ 681283 w 937602"/>
                    <a:gd name="connsiteY10" fmla="*/ 1949796 h 1950059"/>
                    <a:gd name="connsiteX11" fmla="*/ 661855 w 937602"/>
                    <a:gd name="connsiteY11" fmla="*/ 1777661 h 1950059"/>
                    <a:gd name="connsiteX12" fmla="*/ 671901 w 937602"/>
                    <a:gd name="connsiteY12" fmla="*/ 1750839 h 1950059"/>
                    <a:gd name="connsiteX13" fmla="*/ 670653 w 937602"/>
                    <a:gd name="connsiteY13" fmla="*/ 1741822 h 1950059"/>
                    <a:gd name="connsiteX14" fmla="*/ 0 w 937602"/>
                    <a:gd name="connsiteY14" fmla="*/ 1741822 h 1950059"/>
                    <a:gd name="connsiteX15" fmla="*/ 0 w 937602"/>
                    <a:gd name="connsiteY15" fmla="*/ 1072457 h 1950059"/>
                    <a:gd name="connsiteX16" fmla="*/ 18318 w 937602"/>
                    <a:gd name="connsiteY16" fmla="*/ 1069922 h 1950059"/>
                    <a:gd name="connsiteX17" fmla="*/ 45139 w 937602"/>
                    <a:gd name="connsiteY17" fmla="*/ 1079967 h 1950059"/>
                    <a:gd name="connsiteX18" fmla="*/ 43217 w 937602"/>
                    <a:gd name="connsiteY18" fmla="*/ 900026 h 1950059"/>
                    <a:gd name="connsiteX19" fmla="*/ 19822 w 937602"/>
                    <a:gd name="connsiteY19" fmla="*/ 912364 h 1950059"/>
                    <a:gd name="connsiteX20" fmla="*/ 0 w 937602"/>
                    <a:gd name="connsiteY20" fmla="*/ 911298 h 1950059"/>
                    <a:gd name="connsiteX21" fmla="*/ 0 w 937602"/>
                    <a:gd name="connsiteY21" fmla="*/ 235750 h 1950059"/>
                    <a:gd name="connsiteX22" fmla="*/ 673532 w 937602"/>
                    <a:gd name="connsiteY22" fmla="*/ 235750 h 1950059"/>
                    <a:gd name="connsiteX23" fmla="*/ 675300 w 937602"/>
                    <a:gd name="connsiteY23" fmla="*/ 232918 h 1950059"/>
                    <a:gd name="connsiteX24" fmla="*/ 664275 w 937602"/>
                    <a:gd name="connsiteY24" fmla="*/ 185102 h 1950059"/>
                    <a:gd name="connsiteX25" fmla="*/ 751949 w 937602"/>
                    <a:gd name="connsiteY25" fmla="*/ 6 h 1950059"/>
                    <a:gd name="connsiteX0" fmla="*/ 751949 w 937602"/>
                    <a:gd name="connsiteY0" fmla="*/ 6 h 1950059"/>
                    <a:gd name="connsiteX1" fmla="*/ 844217 w 937602"/>
                    <a:gd name="connsiteY1" fmla="*/ 183180 h 1950059"/>
                    <a:gd name="connsiteX2" fmla="*/ 837296 w 937602"/>
                    <a:gd name="connsiteY2" fmla="*/ 232581 h 1950059"/>
                    <a:gd name="connsiteX3" fmla="*/ 840059 w 937602"/>
                    <a:gd name="connsiteY3" fmla="*/ 235750 h 1950059"/>
                    <a:gd name="connsiteX4" fmla="*/ 937602 w 937602"/>
                    <a:gd name="connsiteY4" fmla="*/ 235750 h 1950059"/>
                    <a:gd name="connsiteX5" fmla="*/ 931168 w 937602"/>
                    <a:gd name="connsiteY5" fmla="*/ 239388 h 1950059"/>
                    <a:gd name="connsiteX6" fmla="*/ 666830 w 937602"/>
                    <a:gd name="connsiteY6" fmla="*/ 397179 h 1950059"/>
                    <a:gd name="connsiteX7" fmla="*/ 572663 w 937602"/>
                    <a:gd name="connsiteY7" fmla="*/ 1416987 h 1950059"/>
                    <a:gd name="connsiteX8" fmla="*/ 699712 w 937602"/>
                    <a:gd name="connsiteY8" fmla="*/ 1846496 h 1950059"/>
                    <a:gd name="connsiteX9" fmla="*/ 683023 w 937602"/>
                    <a:gd name="connsiteY9" fmla="*/ 1950059 h 1950059"/>
                    <a:gd name="connsiteX10" fmla="*/ 681283 w 937602"/>
                    <a:gd name="connsiteY10" fmla="*/ 1949796 h 1950059"/>
                    <a:gd name="connsiteX11" fmla="*/ 661855 w 937602"/>
                    <a:gd name="connsiteY11" fmla="*/ 1777661 h 1950059"/>
                    <a:gd name="connsiteX12" fmla="*/ 671901 w 937602"/>
                    <a:gd name="connsiteY12" fmla="*/ 1750839 h 1950059"/>
                    <a:gd name="connsiteX13" fmla="*/ 670653 w 937602"/>
                    <a:gd name="connsiteY13" fmla="*/ 1741822 h 1950059"/>
                    <a:gd name="connsiteX14" fmla="*/ 0 w 937602"/>
                    <a:gd name="connsiteY14" fmla="*/ 1741822 h 1950059"/>
                    <a:gd name="connsiteX15" fmla="*/ 0 w 937602"/>
                    <a:gd name="connsiteY15" fmla="*/ 1072457 h 1950059"/>
                    <a:gd name="connsiteX16" fmla="*/ 18318 w 937602"/>
                    <a:gd name="connsiteY16" fmla="*/ 1069922 h 1950059"/>
                    <a:gd name="connsiteX17" fmla="*/ 45139 w 937602"/>
                    <a:gd name="connsiteY17" fmla="*/ 1079967 h 1950059"/>
                    <a:gd name="connsiteX18" fmla="*/ 43217 w 937602"/>
                    <a:gd name="connsiteY18" fmla="*/ 900026 h 1950059"/>
                    <a:gd name="connsiteX19" fmla="*/ 19822 w 937602"/>
                    <a:gd name="connsiteY19" fmla="*/ 912364 h 1950059"/>
                    <a:gd name="connsiteX20" fmla="*/ 0 w 937602"/>
                    <a:gd name="connsiteY20" fmla="*/ 911298 h 1950059"/>
                    <a:gd name="connsiteX21" fmla="*/ 0 w 937602"/>
                    <a:gd name="connsiteY21" fmla="*/ 235750 h 1950059"/>
                    <a:gd name="connsiteX22" fmla="*/ 673532 w 937602"/>
                    <a:gd name="connsiteY22" fmla="*/ 235750 h 1950059"/>
                    <a:gd name="connsiteX23" fmla="*/ 675300 w 937602"/>
                    <a:gd name="connsiteY23" fmla="*/ 232918 h 1950059"/>
                    <a:gd name="connsiteX24" fmla="*/ 664275 w 937602"/>
                    <a:gd name="connsiteY24" fmla="*/ 185102 h 1950059"/>
                    <a:gd name="connsiteX25" fmla="*/ 751949 w 937602"/>
                    <a:gd name="connsiteY25" fmla="*/ 6 h 1950059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  <a:cxn ang="0">
                      <a:pos x="connsiteX24" y="connsiteY24"/>
                    </a:cxn>
                    <a:cxn ang="0">
                      <a:pos x="connsiteX25" y="connsiteY25"/>
                    </a:cxn>
                  </a:cxnLst>
                  <a:rect l="l" t="t" r="r" b="b"/>
                  <a:pathLst>
                    <a:path w="937602" h="1950059">
                      <a:moveTo>
                        <a:pt x="751949" y="6"/>
                      </a:moveTo>
                      <a:cubicBezTo>
                        <a:pt x="853341" y="-640"/>
                        <a:pt x="955500" y="60092"/>
                        <a:pt x="844217" y="183180"/>
                      </a:cubicBezTo>
                      <a:cubicBezTo>
                        <a:pt x="833278" y="202723"/>
                        <a:pt x="830673" y="218694"/>
                        <a:pt x="837296" y="232581"/>
                      </a:cubicBezTo>
                      <a:lnTo>
                        <a:pt x="840059" y="235750"/>
                      </a:lnTo>
                      <a:lnTo>
                        <a:pt x="937602" y="235750"/>
                      </a:lnTo>
                      <a:lnTo>
                        <a:pt x="931168" y="239388"/>
                      </a:lnTo>
                      <a:cubicBezTo>
                        <a:pt x="845419" y="289231"/>
                        <a:pt x="757722" y="341569"/>
                        <a:pt x="666830" y="397179"/>
                      </a:cubicBezTo>
                      <a:cubicBezTo>
                        <a:pt x="559522" y="618613"/>
                        <a:pt x="584003" y="1187235"/>
                        <a:pt x="572663" y="1416987"/>
                      </a:cubicBezTo>
                      <a:cubicBezTo>
                        <a:pt x="680407" y="1432000"/>
                        <a:pt x="718594" y="1638709"/>
                        <a:pt x="699712" y="1846496"/>
                      </a:cubicBezTo>
                      <a:lnTo>
                        <a:pt x="683023" y="1950059"/>
                      </a:lnTo>
                      <a:lnTo>
                        <a:pt x="681283" y="1949796"/>
                      </a:lnTo>
                      <a:cubicBezTo>
                        <a:pt x="614992" y="1927218"/>
                        <a:pt x="578393" y="1869977"/>
                        <a:pt x="661855" y="1777661"/>
                      </a:cubicBezTo>
                      <a:cubicBezTo>
                        <a:pt x="667325" y="1767889"/>
                        <a:pt x="670710" y="1759011"/>
                        <a:pt x="671901" y="1750839"/>
                      </a:cubicBezTo>
                      <a:lnTo>
                        <a:pt x="670653" y="1741822"/>
                      </a:lnTo>
                      <a:lnTo>
                        <a:pt x="0" y="1741822"/>
                      </a:lnTo>
                      <a:lnTo>
                        <a:pt x="0" y="1072457"/>
                      </a:lnTo>
                      <a:lnTo>
                        <a:pt x="18318" y="1069922"/>
                      </a:lnTo>
                      <a:cubicBezTo>
                        <a:pt x="26489" y="1071112"/>
                        <a:pt x="35368" y="1074498"/>
                        <a:pt x="45139" y="1079967"/>
                      </a:cubicBezTo>
                      <a:cubicBezTo>
                        <a:pt x="286148" y="1287035"/>
                        <a:pt x="288068" y="712663"/>
                        <a:pt x="43217" y="900026"/>
                      </a:cubicBezTo>
                      <a:cubicBezTo>
                        <a:pt x="35950" y="906536"/>
                        <a:pt x="27971" y="910587"/>
                        <a:pt x="19822" y="912364"/>
                      </a:cubicBezTo>
                      <a:lnTo>
                        <a:pt x="0" y="911298"/>
                      </a:lnTo>
                      <a:lnTo>
                        <a:pt x="0" y="235750"/>
                      </a:lnTo>
                      <a:lnTo>
                        <a:pt x="673532" y="235750"/>
                      </a:lnTo>
                      <a:lnTo>
                        <a:pt x="675300" y="232918"/>
                      </a:lnTo>
                      <a:cubicBezTo>
                        <a:pt x="680480" y="217016"/>
                        <a:pt x="677296" y="199636"/>
                        <a:pt x="664275" y="185102"/>
                      </a:cubicBezTo>
                      <a:cubicBezTo>
                        <a:pt x="549930" y="62676"/>
                        <a:pt x="650556" y="652"/>
                        <a:pt x="751949" y="6"/>
                      </a:cubicBezTo>
                      <a:close/>
                    </a:path>
                  </a:pathLst>
                </a:custGeom>
                <a:solidFill>
                  <a:srgbClr val="A5A5A5">
                    <a:lumMod val="60000"/>
                    <a:lumOff val="40000"/>
                  </a:srgbClr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wrap="square" rtlCol="0" anchor="ctr">
                  <a:noAutofit/>
                </a:bodyPr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/>
                    <a:ea typeface="+mn-ea"/>
                    <a:cs typeface="+mn-cs"/>
                  </a:endParaRPr>
                </a:p>
              </p:txBody>
            </p:sp>
            <p:sp>
              <p:nvSpPr>
                <p:cNvPr id="66" name="Freeform 34"/>
                <p:cNvSpPr/>
                <p:nvPr/>
              </p:nvSpPr>
              <p:spPr>
                <a:xfrm>
                  <a:off x="3278159" y="4121249"/>
                  <a:ext cx="1563015" cy="1558687"/>
                </a:xfrm>
                <a:custGeom>
                  <a:avLst/>
                  <a:gdLst>
                    <a:gd name="connsiteX0" fmla="*/ 232733 w 1738806"/>
                    <a:gd name="connsiteY0" fmla="*/ 0 h 1734311"/>
                    <a:gd name="connsiteX1" fmla="*/ 294614 w 1738806"/>
                    <a:gd name="connsiteY1" fmla="*/ 0 h 1734311"/>
                    <a:gd name="connsiteX2" fmla="*/ 297031 w 1738806"/>
                    <a:gd name="connsiteY2" fmla="*/ 50762 h 1734311"/>
                    <a:gd name="connsiteX3" fmla="*/ 405030 w 1738806"/>
                    <a:gd name="connsiteY3" fmla="*/ 306972 h 1734311"/>
                    <a:gd name="connsiteX4" fmla="*/ 1333103 w 1738806"/>
                    <a:gd name="connsiteY4" fmla="*/ 652147 h 1734311"/>
                    <a:gd name="connsiteX5" fmla="*/ 1501860 w 1738806"/>
                    <a:gd name="connsiteY5" fmla="*/ 726876 h 1734311"/>
                    <a:gd name="connsiteX6" fmla="*/ 1497731 w 1738806"/>
                    <a:gd name="connsiteY6" fmla="*/ 754125 h 1734311"/>
                    <a:gd name="connsiteX7" fmla="*/ 1682827 w 1738806"/>
                    <a:gd name="connsiteY7" fmla="*/ 841799 h 1734311"/>
                    <a:gd name="connsiteX8" fmla="*/ 1706222 w 1738806"/>
                    <a:gd name="connsiteY8" fmla="*/ 829461 h 1734311"/>
                    <a:gd name="connsiteX9" fmla="*/ 1710067 w 1738806"/>
                    <a:gd name="connsiteY9" fmla="*/ 829668 h 1734311"/>
                    <a:gd name="connsiteX10" fmla="*/ 1738806 w 1738806"/>
                    <a:gd name="connsiteY10" fmla="*/ 844286 h 1734311"/>
                    <a:gd name="connsiteX11" fmla="*/ 1738806 w 1738806"/>
                    <a:gd name="connsiteY11" fmla="*/ 1506073 h 1734311"/>
                    <a:gd name="connsiteX12" fmla="*/ 1063254 w 1738806"/>
                    <a:gd name="connsiteY12" fmla="*/ 1506073 h 1734311"/>
                    <a:gd name="connsiteX13" fmla="*/ 1062193 w 1738806"/>
                    <a:gd name="connsiteY13" fmla="*/ 1525816 h 1734311"/>
                    <a:gd name="connsiteX14" fmla="*/ 1074531 w 1738806"/>
                    <a:gd name="connsiteY14" fmla="*/ 1549211 h 1734311"/>
                    <a:gd name="connsiteX15" fmla="*/ 894589 w 1738806"/>
                    <a:gd name="connsiteY15" fmla="*/ 1551133 h 1734311"/>
                    <a:gd name="connsiteX16" fmla="*/ 904635 w 1738806"/>
                    <a:gd name="connsiteY16" fmla="*/ 1524312 h 1734311"/>
                    <a:gd name="connsiteX17" fmla="*/ 902110 w 1738806"/>
                    <a:gd name="connsiteY17" fmla="*/ 1506073 h 1734311"/>
                    <a:gd name="connsiteX18" fmla="*/ 232733 w 1738806"/>
                    <a:gd name="connsiteY18" fmla="*/ 1506073 h 1734311"/>
                    <a:gd name="connsiteX19" fmla="*/ 232733 w 1738806"/>
                    <a:gd name="connsiteY19" fmla="*/ 830763 h 1734311"/>
                    <a:gd name="connsiteX20" fmla="*/ 208497 w 1738806"/>
                    <a:gd name="connsiteY20" fmla="*/ 829460 h 1734311"/>
                    <a:gd name="connsiteX21" fmla="*/ 185102 w 1738806"/>
                    <a:gd name="connsiteY21" fmla="*/ 841798 h 1734311"/>
                    <a:gd name="connsiteX22" fmla="*/ 102540 w 1738806"/>
                    <a:gd name="connsiteY22" fmla="*/ 615068 h 1734311"/>
                    <a:gd name="connsiteX23" fmla="*/ 183179 w 1738806"/>
                    <a:gd name="connsiteY23" fmla="*/ 661856 h 1734311"/>
                    <a:gd name="connsiteX24" fmla="*/ 232581 w 1738806"/>
                    <a:gd name="connsiteY24" fmla="*/ 668777 h 1734311"/>
                    <a:gd name="connsiteX25" fmla="*/ 232733 w 1738806"/>
                    <a:gd name="connsiteY25" fmla="*/ 668644 h 1734311"/>
                    <a:gd name="connsiteX0" fmla="*/ 231836 w 1737909"/>
                    <a:gd name="connsiteY0" fmla="*/ 0 h 1734311"/>
                    <a:gd name="connsiteX1" fmla="*/ 293717 w 1737909"/>
                    <a:gd name="connsiteY1" fmla="*/ 0 h 1734311"/>
                    <a:gd name="connsiteX2" fmla="*/ 296134 w 1737909"/>
                    <a:gd name="connsiteY2" fmla="*/ 50762 h 1734311"/>
                    <a:gd name="connsiteX3" fmla="*/ 404133 w 1737909"/>
                    <a:gd name="connsiteY3" fmla="*/ 306972 h 1734311"/>
                    <a:gd name="connsiteX4" fmla="*/ 1332206 w 1737909"/>
                    <a:gd name="connsiteY4" fmla="*/ 652147 h 1734311"/>
                    <a:gd name="connsiteX5" fmla="*/ 1500963 w 1737909"/>
                    <a:gd name="connsiteY5" fmla="*/ 726876 h 1734311"/>
                    <a:gd name="connsiteX6" fmla="*/ 1496834 w 1737909"/>
                    <a:gd name="connsiteY6" fmla="*/ 754125 h 1734311"/>
                    <a:gd name="connsiteX7" fmla="*/ 1681930 w 1737909"/>
                    <a:gd name="connsiteY7" fmla="*/ 841799 h 1734311"/>
                    <a:gd name="connsiteX8" fmla="*/ 1705325 w 1737909"/>
                    <a:gd name="connsiteY8" fmla="*/ 829461 h 1734311"/>
                    <a:gd name="connsiteX9" fmla="*/ 1709170 w 1737909"/>
                    <a:gd name="connsiteY9" fmla="*/ 829668 h 1734311"/>
                    <a:gd name="connsiteX10" fmla="*/ 1737909 w 1737909"/>
                    <a:gd name="connsiteY10" fmla="*/ 844286 h 1734311"/>
                    <a:gd name="connsiteX11" fmla="*/ 1737909 w 1737909"/>
                    <a:gd name="connsiteY11" fmla="*/ 1506073 h 1734311"/>
                    <a:gd name="connsiteX12" fmla="*/ 1062357 w 1737909"/>
                    <a:gd name="connsiteY12" fmla="*/ 1506073 h 1734311"/>
                    <a:gd name="connsiteX13" fmla="*/ 1061296 w 1737909"/>
                    <a:gd name="connsiteY13" fmla="*/ 1525816 h 1734311"/>
                    <a:gd name="connsiteX14" fmla="*/ 1073634 w 1737909"/>
                    <a:gd name="connsiteY14" fmla="*/ 1549211 h 1734311"/>
                    <a:gd name="connsiteX15" fmla="*/ 893692 w 1737909"/>
                    <a:gd name="connsiteY15" fmla="*/ 1551133 h 1734311"/>
                    <a:gd name="connsiteX16" fmla="*/ 903738 w 1737909"/>
                    <a:gd name="connsiteY16" fmla="*/ 1524312 h 1734311"/>
                    <a:gd name="connsiteX17" fmla="*/ 901213 w 1737909"/>
                    <a:gd name="connsiteY17" fmla="*/ 1506073 h 1734311"/>
                    <a:gd name="connsiteX18" fmla="*/ 231836 w 1737909"/>
                    <a:gd name="connsiteY18" fmla="*/ 1506073 h 1734311"/>
                    <a:gd name="connsiteX19" fmla="*/ 231836 w 1737909"/>
                    <a:gd name="connsiteY19" fmla="*/ 830763 h 1734311"/>
                    <a:gd name="connsiteX20" fmla="*/ 207600 w 1737909"/>
                    <a:gd name="connsiteY20" fmla="*/ 829460 h 1734311"/>
                    <a:gd name="connsiteX21" fmla="*/ 184205 w 1737909"/>
                    <a:gd name="connsiteY21" fmla="*/ 841798 h 1734311"/>
                    <a:gd name="connsiteX22" fmla="*/ 101643 w 1737909"/>
                    <a:gd name="connsiteY22" fmla="*/ 615068 h 1734311"/>
                    <a:gd name="connsiteX23" fmla="*/ 182282 w 1737909"/>
                    <a:gd name="connsiteY23" fmla="*/ 661856 h 1734311"/>
                    <a:gd name="connsiteX24" fmla="*/ 231684 w 1737909"/>
                    <a:gd name="connsiteY24" fmla="*/ 668777 h 1734311"/>
                    <a:gd name="connsiteX25" fmla="*/ 231836 w 1737909"/>
                    <a:gd name="connsiteY25" fmla="*/ 668644 h 1734311"/>
                    <a:gd name="connsiteX26" fmla="*/ 231836 w 1737909"/>
                    <a:gd name="connsiteY26" fmla="*/ 0 h 1734311"/>
                    <a:gd name="connsiteX0" fmla="*/ 233054 w 1739127"/>
                    <a:gd name="connsiteY0" fmla="*/ 0 h 1734311"/>
                    <a:gd name="connsiteX1" fmla="*/ 294935 w 1739127"/>
                    <a:gd name="connsiteY1" fmla="*/ 0 h 1734311"/>
                    <a:gd name="connsiteX2" fmla="*/ 297352 w 1739127"/>
                    <a:gd name="connsiteY2" fmla="*/ 50762 h 1734311"/>
                    <a:gd name="connsiteX3" fmla="*/ 405351 w 1739127"/>
                    <a:gd name="connsiteY3" fmla="*/ 306972 h 1734311"/>
                    <a:gd name="connsiteX4" fmla="*/ 1333424 w 1739127"/>
                    <a:gd name="connsiteY4" fmla="*/ 652147 h 1734311"/>
                    <a:gd name="connsiteX5" fmla="*/ 1502181 w 1739127"/>
                    <a:gd name="connsiteY5" fmla="*/ 726876 h 1734311"/>
                    <a:gd name="connsiteX6" fmla="*/ 1498052 w 1739127"/>
                    <a:gd name="connsiteY6" fmla="*/ 754125 h 1734311"/>
                    <a:gd name="connsiteX7" fmla="*/ 1683148 w 1739127"/>
                    <a:gd name="connsiteY7" fmla="*/ 841799 h 1734311"/>
                    <a:gd name="connsiteX8" fmla="*/ 1706543 w 1739127"/>
                    <a:gd name="connsiteY8" fmla="*/ 829461 h 1734311"/>
                    <a:gd name="connsiteX9" fmla="*/ 1710388 w 1739127"/>
                    <a:gd name="connsiteY9" fmla="*/ 829668 h 1734311"/>
                    <a:gd name="connsiteX10" fmla="*/ 1739127 w 1739127"/>
                    <a:gd name="connsiteY10" fmla="*/ 844286 h 1734311"/>
                    <a:gd name="connsiteX11" fmla="*/ 1739127 w 1739127"/>
                    <a:gd name="connsiteY11" fmla="*/ 1506073 h 1734311"/>
                    <a:gd name="connsiteX12" fmla="*/ 1063575 w 1739127"/>
                    <a:gd name="connsiteY12" fmla="*/ 1506073 h 1734311"/>
                    <a:gd name="connsiteX13" fmla="*/ 1062514 w 1739127"/>
                    <a:gd name="connsiteY13" fmla="*/ 1525816 h 1734311"/>
                    <a:gd name="connsiteX14" fmla="*/ 1074852 w 1739127"/>
                    <a:gd name="connsiteY14" fmla="*/ 1549211 h 1734311"/>
                    <a:gd name="connsiteX15" fmla="*/ 894910 w 1739127"/>
                    <a:gd name="connsiteY15" fmla="*/ 1551133 h 1734311"/>
                    <a:gd name="connsiteX16" fmla="*/ 904956 w 1739127"/>
                    <a:gd name="connsiteY16" fmla="*/ 1524312 h 1734311"/>
                    <a:gd name="connsiteX17" fmla="*/ 902431 w 1739127"/>
                    <a:gd name="connsiteY17" fmla="*/ 1506073 h 1734311"/>
                    <a:gd name="connsiteX18" fmla="*/ 233054 w 1739127"/>
                    <a:gd name="connsiteY18" fmla="*/ 1506073 h 1734311"/>
                    <a:gd name="connsiteX19" fmla="*/ 233054 w 1739127"/>
                    <a:gd name="connsiteY19" fmla="*/ 830763 h 1734311"/>
                    <a:gd name="connsiteX20" fmla="*/ 208818 w 1739127"/>
                    <a:gd name="connsiteY20" fmla="*/ 829460 h 1734311"/>
                    <a:gd name="connsiteX21" fmla="*/ 185423 w 1739127"/>
                    <a:gd name="connsiteY21" fmla="*/ 841798 h 1734311"/>
                    <a:gd name="connsiteX22" fmla="*/ 102861 w 1739127"/>
                    <a:gd name="connsiteY22" fmla="*/ 615068 h 1734311"/>
                    <a:gd name="connsiteX23" fmla="*/ 183500 w 1739127"/>
                    <a:gd name="connsiteY23" fmla="*/ 661856 h 1734311"/>
                    <a:gd name="connsiteX24" fmla="*/ 232902 w 1739127"/>
                    <a:gd name="connsiteY24" fmla="*/ 668777 h 1734311"/>
                    <a:gd name="connsiteX25" fmla="*/ 233054 w 1739127"/>
                    <a:gd name="connsiteY25" fmla="*/ 668644 h 1734311"/>
                    <a:gd name="connsiteX26" fmla="*/ 233054 w 1739127"/>
                    <a:gd name="connsiteY26" fmla="*/ 0 h 1734311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  <a:cxn ang="0">
                      <a:pos x="connsiteX24" y="connsiteY24"/>
                    </a:cxn>
                    <a:cxn ang="0">
                      <a:pos x="connsiteX25" y="connsiteY25"/>
                    </a:cxn>
                    <a:cxn ang="0">
                      <a:pos x="connsiteX26" y="connsiteY26"/>
                    </a:cxn>
                  </a:cxnLst>
                  <a:rect l="l" t="t" r="r" b="b"/>
                  <a:pathLst>
                    <a:path w="1739127" h="1734311">
                      <a:moveTo>
                        <a:pt x="233054" y="0"/>
                      </a:moveTo>
                      <a:lnTo>
                        <a:pt x="294935" y="0"/>
                      </a:lnTo>
                      <a:lnTo>
                        <a:pt x="297352" y="50762"/>
                      </a:lnTo>
                      <a:cubicBezTo>
                        <a:pt x="309274" y="158539"/>
                        <a:pt x="347739" y="261752"/>
                        <a:pt x="405351" y="306972"/>
                      </a:cubicBezTo>
                      <a:cubicBezTo>
                        <a:pt x="525701" y="378270"/>
                        <a:pt x="906942" y="474816"/>
                        <a:pt x="1333424" y="652147"/>
                      </a:cubicBezTo>
                      <a:lnTo>
                        <a:pt x="1502181" y="726876"/>
                      </a:lnTo>
                      <a:lnTo>
                        <a:pt x="1498052" y="754125"/>
                      </a:lnTo>
                      <a:cubicBezTo>
                        <a:pt x="1498698" y="855517"/>
                        <a:pt x="1560722" y="956144"/>
                        <a:pt x="1683148" y="841799"/>
                      </a:cubicBezTo>
                      <a:cubicBezTo>
                        <a:pt x="1690415" y="835289"/>
                        <a:pt x="1698393" y="831237"/>
                        <a:pt x="1706543" y="829461"/>
                      </a:cubicBezTo>
                      <a:lnTo>
                        <a:pt x="1710388" y="829668"/>
                      </a:lnTo>
                      <a:lnTo>
                        <a:pt x="1739127" y="844286"/>
                      </a:lnTo>
                      <a:lnTo>
                        <a:pt x="1739127" y="1506073"/>
                      </a:lnTo>
                      <a:lnTo>
                        <a:pt x="1063575" y="1506073"/>
                      </a:lnTo>
                      <a:cubicBezTo>
                        <a:pt x="1063221" y="1512654"/>
                        <a:pt x="1062868" y="1519235"/>
                        <a:pt x="1062514" y="1525816"/>
                      </a:cubicBezTo>
                      <a:cubicBezTo>
                        <a:pt x="1064290" y="1533965"/>
                        <a:pt x="1068341" y="1541944"/>
                        <a:pt x="1074852" y="1549211"/>
                      </a:cubicBezTo>
                      <a:cubicBezTo>
                        <a:pt x="1303542" y="1794062"/>
                        <a:pt x="672345" y="1797308"/>
                        <a:pt x="894910" y="1551133"/>
                      </a:cubicBezTo>
                      <a:cubicBezTo>
                        <a:pt x="900379" y="1541362"/>
                        <a:pt x="903765" y="1532483"/>
                        <a:pt x="904956" y="1524312"/>
                      </a:cubicBezTo>
                      <a:lnTo>
                        <a:pt x="902431" y="1506073"/>
                      </a:lnTo>
                      <a:lnTo>
                        <a:pt x="233054" y="1506073"/>
                      </a:lnTo>
                      <a:lnTo>
                        <a:pt x="233054" y="830763"/>
                      </a:lnTo>
                      <a:lnTo>
                        <a:pt x="208818" y="829460"/>
                      </a:lnTo>
                      <a:cubicBezTo>
                        <a:pt x="200668" y="831236"/>
                        <a:pt x="192365" y="834942"/>
                        <a:pt x="185423" y="841798"/>
                      </a:cubicBezTo>
                      <a:cubicBezTo>
                        <a:pt x="-25938" y="1050555"/>
                        <a:pt x="-60973" y="575000"/>
                        <a:pt x="102861" y="615068"/>
                      </a:cubicBezTo>
                      <a:cubicBezTo>
                        <a:pt x="125617" y="620633"/>
                        <a:pt x="152728" y="634036"/>
                        <a:pt x="183500" y="661856"/>
                      </a:cubicBezTo>
                      <a:cubicBezTo>
                        <a:pt x="203043" y="672795"/>
                        <a:pt x="219014" y="675400"/>
                        <a:pt x="232902" y="668777"/>
                      </a:cubicBezTo>
                      <a:cubicBezTo>
                        <a:pt x="232953" y="668733"/>
                        <a:pt x="233003" y="668688"/>
                        <a:pt x="233054" y="668644"/>
                      </a:cubicBezTo>
                      <a:lnTo>
                        <a:pt x="233054" y="0"/>
                      </a:lnTo>
                      <a:close/>
                    </a:path>
                  </a:pathLst>
                </a:custGeom>
                <a:solidFill>
                  <a:srgbClr val="A5A5A5">
                    <a:lumMod val="60000"/>
                    <a:lumOff val="40000"/>
                  </a:srgbClr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wrap="square" rtlCol="0" anchor="ctr">
                  <a:noAutofit/>
                </a:bodyPr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/>
                    <a:ea typeface="+mn-ea"/>
                    <a:cs typeface="+mn-cs"/>
                  </a:endParaRPr>
                </a:p>
              </p:txBody>
            </p:sp>
            <p:sp>
              <p:nvSpPr>
                <p:cNvPr id="67" name="Freeform 38"/>
                <p:cNvSpPr/>
                <p:nvPr/>
              </p:nvSpPr>
              <p:spPr>
                <a:xfrm>
                  <a:off x="1944255" y="5279617"/>
                  <a:ext cx="1775168" cy="1294184"/>
                </a:xfrm>
                <a:custGeom>
                  <a:avLst/>
                  <a:gdLst>
                    <a:gd name="connsiteX0" fmla="*/ 968212 w 1975185"/>
                    <a:gd name="connsiteY0" fmla="*/ 6 h 1439872"/>
                    <a:gd name="connsiteX1" fmla="*/ 1060480 w 1975185"/>
                    <a:gd name="connsiteY1" fmla="*/ 183180 h 1439872"/>
                    <a:gd name="connsiteX2" fmla="*/ 1050434 w 1975185"/>
                    <a:gd name="connsiteY2" fmla="*/ 210001 h 1439872"/>
                    <a:gd name="connsiteX3" fmla="*/ 1050707 w 1975185"/>
                    <a:gd name="connsiteY3" fmla="*/ 211976 h 1439872"/>
                    <a:gd name="connsiteX4" fmla="*/ 1722334 w 1975185"/>
                    <a:gd name="connsiteY4" fmla="*/ 211976 h 1439872"/>
                    <a:gd name="connsiteX5" fmla="*/ 1722334 w 1975185"/>
                    <a:gd name="connsiteY5" fmla="*/ 874834 h 1439872"/>
                    <a:gd name="connsiteX6" fmla="*/ 1742268 w 1975185"/>
                    <a:gd name="connsiteY6" fmla="*/ 887277 h 1439872"/>
                    <a:gd name="connsiteX7" fmla="*/ 1790084 w 1975185"/>
                    <a:gd name="connsiteY7" fmla="*/ 876252 h 1439872"/>
                    <a:gd name="connsiteX8" fmla="*/ 1879026 w 1975185"/>
                    <a:gd name="connsiteY8" fmla="*/ 826022 h 1439872"/>
                    <a:gd name="connsiteX9" fmla="*/ 1902280 w 1975185"/>
                    <a:gd name="connsiteY9" fmla="*/ 827009 h 1439872"/>
                    <a:gd name="connsiteX10" fmla="*/ 1792007 w 1975185"/>
                    <a:gd name="connsiteY10" fmla="*/ 1056194 h 1439872"/>
                    <a:gd name="connsiteX11" fmla="*/ 1723151 w 1975185"/>
                    <a:gd name="connsiteY11" fmla="*/ 1066239 h 1439872"/>
                    <a:gd name="connsiteX12" fmla="*/ 1722334 w 1975185"/>
                    <a:gd name="connsiteY12" fmla="*/ 1067712 h 1439872"/>
                    <a:gd name="connsiteX13" fmla="*/ 1722334 w 1975185"/>
                    <a:gd name="connsiteY13" fmla="*/ 1438340 h 1439872"/>
                    <a:gd name="connsiteX14" fmla="*/ 216261 w 1975185"/>
                    <a:gd name="connsiteY14" fmla="*/ 1439872 h 1439872"/>
                    <a:gd name="connsiteX15" fmla="*/ 216261 w 1975185"/>
                    <a:gd name="connsiteY15" fmla="*/ 1041854 h 1439872"/>
                    <a:gd name="connsiteX16" fmla="*/ 208497 w 1975185"/>
                    <a:gd name="connsiteY16" fmla="*/ 1041436 h 1439872"/>
                    <a:gd name="connsiteX17" fmla="*/ 185102 w 1975185"/>
                    <a:gd name="connsiteY17" fmla="*/ 1053774 h 1439872"/>
                    <a:gd name="connsiteX18" fmla="*/ 74590 w 1975185"/>
                    <a:gd name="connsiteY18" fmla="*/ 826612 h 1439872"/>
                    <a:gd name="connsiteX19" fmla="*/ 102540 w 1975185"/>
                    <a:gd name="connsiteY19" fmla="*/ 827044 h 1439872"/>
                    <a:gd name="connsiteX20" fmla="*/ 183179 w 1975185"/>
                    <a:gd name="connsiteY20" fmla="*/ 873832 h 1439872"/>
                    <a:gd name="connsiteX21" fmla="*/ 210001 w 1975185"/>
                    <a:gd name="connsiteY21" fmla="*/ 883878 h 1439872"/>
                    <a:gd name="connsiteX22" fmla="*/ 216261 w 1975185"/>
                    <a:gd name="connsiteY22" fmla="*/ 883012 h 1439872"/>
                    <a:gd name="connsiteX23" fmla="*/ 216261 w 1975185"/>
                    <a:gd name="connsiteY23" fmla="*/ 211976 h 1439872"/>
                    <a:gd name="connsiteX24" fmla="*/ 892689 w 1975185"/>
                    <a:gd name="connsiteY24" fmla="*/ 211976 h 1439872"/>
                    <a:gd name="connsiteX25" fmla="*/ 892876 w 1975185"/>
                    <a:gd name="connsiteY25" fmla="*/ 208497 h 1439872"/>
                    <a:gd name="connsiteX26" fmla="*/ 880538 w 1975185"/>
                    <a:gd name="connsiteY26" fmla="*/ 185102 h 1439872"/>
                    <a:gd name="connsiteX27" fmla="*/ 968212 w 1975185"/>
                    <a:gd name="connsiteY27" fmla="*/ 6 h 1439872"/>
                    <a:gd name="connsiteX0" fmla="*/ 968212 w 1975185"/>
                    <a:gd name="connsiteY0" fmla="*/ 139 h 1440005"/>
                    <a:gd name="connsiteX1" fmla="*/ 1060480 w 1975185"/>
                    <a:gd name="connsiteY1" fmla="*/ 183313 h 1440005"/>
                    <a:gd name="connsiteX2" fmla="*/ 1050434 w 1975185"/>
                    <a:gd name="connsiteY2" fmla="*/ 210134 h 1440005"/>
                    <a:gd name="connsiteX3" fmla="*/ 1050707 w 1975185"/>
                    <a:gd name="connsiteY3" fmla="*/ 212109 h 1440005"/>
                    <a:gd name="connsiteX4" fmla="*/ 1722334 w 1975185"/>
                    <a:gd name="connsiteY4" fmla="*/ 212109 h 1440005"/>
                    <a:gd name="connsiteX5" fmla="*/ 1722334 w 1975185"/>
                    <a:gd name="connsiteY5" fmla="*/ 874967 h 1440005"/>
                    <a:gd name="connsiteX6" fmla="*/ 1742268 w 1975185"/>
                    <a:gd name="connsiteY6" fmla="*/ 887410 h 1440005"/>
                    <a:gd name="connsiteX7" fmla="*/ 1790084 w 1975185"/>
                    <a:gd name="connsiteY7" fmla="*/ 876385 h 1440005"/>
                    <a:gd name="connsiteX8" fmla="*/ 1879026 w 1975185"/>
                    <a:gd name="connsiteY8" fmla="*/ 826155 h 1440005"/>
                    <a:gd name="connsiteX9" fmla="*/ 1902280 w 1975185"/>
                    <a:gd name="connsiteY9" fmla="*/ 827142 h 1440005"/>
                    <a:gd name="connsiteX10" fmla="*/ 1792007 w 1975185"/>
                    <a:gd name="connsiteY10" fmla="*/ 1056327 h 1440005"/>
                    <a:gd name="connsiteX11" fmla="*/ 1723151 w 1975185"/>
                    <a:gd name="connsiteY11" fmla="*/ 1066372 h 1440005"/>
                    <a:gd name="connsiteX12" fmla="*/ 1722334 w 1975185"/>
                    <a:gd name="connsiteY12" fmla="*/ 1067845 h 1440005"/>
                    <a:gd name="connsiteX13" fmla="*/ 1722334 w 1975185"/>
                    <a:gd name="connsiteY13" fmla="*/ 1438473 h 1440005"/>
                    <a:gd name="connsiteX14" fmla="*/ 216261 w 1975185"/>
                    <a:gd name="connsiteY14" fmla="*/ 1440005 h 1440005"/>
                    <a:gd name="connsiteX15" fmla="*/ 216261 w 1975185"/>
                    <a:gd name="connsiteY15" fmla="*/ 1041987 h 1440005"/>
                    <a:gd name="connsiteX16" fmla="*/ 208497 w 1975185"/>
                    <a:gd name="connsiteY16" fmla="*/ 1041569 h 1440005"/>
                    <a:gd name="connsiteX17" fmla="*/ 185102 w 1975185"/>
                    <a:gd name="connsiteY17" fmla="*/ 1053907 h 1440005"/>
                    <a:gd name="connsiteX18" fmla="*/ 74590 w 1975185"/>
                    <a:gd name="connsiteY18" fmla="*/ 826745 h 1440005"/>
                    <a:gd name="connsiteX19" fmla="*/ 102540 w 1975185"/>
                    <a:gd name="connsiteY19" fmla="*/ 827177 h 1440005"/>
                    <a:gd name="connsiteX20" fmla="*/ 183179 w 1975185"/>
                    <a:gd name="connsiteY20" fmla="*/ 873965 h 1440005"/>
                    <a:gd name="connsiteX21" fmla="*/ 210001 w 1975185"/>
                    <a:gd name="connsiteY21" fmla="*/ 884011 h 1440005"/>
                    <a:gd name="connsiteX22" fmla="*/ 216261 w 1975185"/>
                    <a:gd name="connsiteY22" fmla="*/ 883145 h 1440005"/>
                    <a:gd name="connsiteX23" fmla="*/ 216261 w 1975185"/>
                    <a:gd name="connsiteY23" fmla="*/ 212109 h 1440005"/>
                    <a:gd name="connsiteX24" fmla="*/ 892689 w 1975185"/>
                    <a:gd name="connsiteY24" fmla="*/ 212109 h 1440005"/>
                    <a:gd name="connsiteX25" fmla="*/ 892876 w 1975185"/>
                    <a:gd name="connsiteY25" fmla="*/ 208630 h 1440005"/>
                    <a:gd name="connsiteX26" fmla="*/ 880538 w 1975185"/>
                    <a:gd name="connsiteY26" fmla="*/ 185235 h 1440005"/>
                    <a:gd name="connsiteX27" fmla="*/ 968212 w 1975185"/>
                    <a:gd name="connsiteY27" fmla="*/ 139 h 144000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  <a:cxn ang="0">
                      <a:pos x="connsiteX24" y="connsiteY24"/>
                    </a:cxn>
                    <a:cxn ang="0">
                      <a:pos x="connsiteX25" y="connsiteY25"/>
                    </a:cxn>
                    <a:cxn ang="0">
                      <a:pos x="connsiteX26" y="connsiteY26"/>
                    </a:cxn>
                    <a:cxn ang="0">
                      <a:pos x="connsiteX27" y="connsiteY27"/>
                    </a:cxn>
                  </a:cxnLst>
                  <a:rect l="l" t="t" r="r" b="b"/>
                  <a:pathLst>
                    <a:path w="1975185" h="1440005">
                      <a:moveTo>
                        <a:pt x="968212" y="139"/>
                      </a:moveTo>
                      <a:cubicBezTo>
                        <a:pt x="1081142" y="-3391"/>
                        <a:pt x="1171762" y="60225"/>
                        <a:pt x="1060480" y="183313"/>
                      </a:cubicBezTo>
                      <a:cubicBezTo>
                        <a:pt x="1055010" y="193084"/>
                        <a:pt x="1051625" y="201963"/>
                        <a:pt x="1050434" y="210134"/>
                      </a:cubicBezTo>
                      <a:lnTo>
                        <a:pt x="1050707" y="212109"/>
                      </a:lnTo>
                      <a:lnTo>
                        <a:pt x="1722334" y="212109"/>
                      </a:lnTo>
                      <a:lnTo>
                        <a:pt x="1722334" y="874967"/>
                      </a:lnTo>
                      <a:lnTo>
                        <a:pt x="1742268" y="887410"/>
                      </a:lnTo>
                      <a:cubicBezTo>
                        <a:pt x="1758170" y="892591"/>
                        <a:pt x="1775550" y="889406"/>
                        <a:pt x="1790084" y="876385"/>
                      </a:cubicBezTo>
                      <a:cubicBezTo>
                        <a:pt x="1824516" y="844226"/>
                        <a:pt x="1854171" y="829071"/>
                        <a:pt x="1879026" y="826155"/>
                      </a:cubicBezTo>
                      <a:cubicBezTo>
                        <a:pt x="1887311" y="825182"/>
                        <a:pt x="1895062" y="825570"/>
                        <a:pt x="1902280" y="827142"/>
                      </a:cubicBezTo>
                      <a:cubicBezTo>
                        <a:pt x="2027384" y="854379"/>
                        <a:pt x="1992024" y="1237161"/>
                        <a:pt x="1792007" y="1056327"/>
                      </a:cubicBezTo>
                      <a:cubicBezTo>
                        <a:pt x="1762692" y="1039919"/>
                        <a:pt x="1741414" y="1042263"/>
                        <a:pt x="1723151" y="1066372"/>
                      </a:cubicBezTo>
                      <a:lnTo>
                        <a:pt x="1722334" y="1067845"/>
                      </a:lnTo>
                      <a:lnTo>
                        <a:pt x="1722334" y="1438473"/>
                      </a:lnTo>
                      <a:lnTo>
                        <a:pt x="216261" y="1440005"/>
                      </a:lnTo>
                      <a:lnTo>
                        <a:pt x="216261" y="1041987"/>
                      </a:lnTo>
                      <a:lnTo>
                        <a:pt x="208497" y="1041569"/>
                      </a:lnTo>
                      <a:cubicBezTo>
                        <a:pt x="200347" y="1043345"/>
                        <a:pt x="192369" y="1047397"/>
                        <a:pt x="185102" y="1053907"/>
                      </a:cubicBezTo>
                      <a:cubicBezTo>
                        <a:pt x="-15753" y="1241505"/>
                        <a:pt x="-54028" y="850473"/>
                        <a:pt x="74590" y="826745"/>
                      </a:cubicBezTo>
                      <a:cubicBezTo>
                        <a:pt x="83164" y="825162"/>
                        <a:pt x="92480" y="825213"/>
                        <a:pt x="102540" y="827177"/>
                      </a:cubicBezTo>
                      <a:cubicBezTo>
                        <a:pt x="125533" y="831664"/>
                        <a:pt x="152407" y="846145"/>
                        <a:pt x="183179" y="873965"/>
                      </a:cubicBezTo>
                      <a:cubicBezTo>
                        <a:pt x="192951" y="879435"/>
                        <a:pt x="201829" y="882820"/>
                        <a:pt x="210001" y="884011"/>
                      </a:cubicBezTo>
                      <a:lnTo>
                        <a:pt x="216261" y="883145"/>
                      </a:lnTo>
                      <a:lnTo>
                        <a:pt x="216261" y="212109"/>
                      </a:lnTo>
                      <a:lnTo>
                        <a:pt x="892689" y="212109"/>
                      </a:lnTo>
                      <a:cubicBezTo>
                        <a:pt x="892751" y="210949"/>
                        <a:pt x="892814" y="209790"/>
                        <a:pt x="892876" y="208630"/>
                      </a:cubicBezTo>
                      <a:cubicBezTo>
                        <a:pt x="891100" y="200481"/>
                        <a:pt x="887048" y="192502"/>
                        <a:pt x="880538" y="185235"/>
                      </a:cubicBezTo>
                      <a:cubicBezTo>
                        <a:pt x="766192" y="62810"/>
                        <a:pt x="855282" y="3669"/>
                        <a:pt x="968212" y="139"/>
                      </a:cubicBezTo>
                      <a:close/>
                    </a:path>
                  </a:pathLst>
                </a:custGeom>
                <a:solidFill>
                  <a:srgbClr val="A5A5A5">
                    <a:lumMod val="20000"/>
                    <a:lumOff val="80000"/>
                  </a:srgbClr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wrap="square" rtlCol="0" anchor="ctr">
                  <a:noAutofit/>
                </a:bodyPr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/>
                    <a:ea typeface="+mn-ea"/>
                    <a:cs typeface="+mn-cs"/>
                  </a:endParaRPr>
                </a:p>
              </p:txBody>
            </p:sp>
            <p:sp>
              <p:nvSpPr>
                <p:cNvPr id="68" name="Freeform 39"/>
                <p:cNvSpPr/>
                <p:nvPr/>
              </p:nvSpPr>
              <p:spPr>
                <a:xfrm>
                  <a:off x="789619" y="5470248"/>
                  <a:ext cx="1353560" cy="1104925"/>
                </a:xfrm>
                <a:custGeom>
                  <a:avLst/>
                  <a:gdLst>
                    <a:gd name="connsiteX0" fmla="*/ 0 w 1506072"/>
                    <a:gd name="connsiteY0" fmla="*/ 0 h 1229422"/>
                    <a:gd name="connsiteX1" fmla="*/ 706938 w 1506072"/>
                    <a:gd name="connsiteY1" fmla="*/ 0 h 1229422"/>
                    <a:gd name="connsiteX2" fmla="*/ 721323 w 1506072"/>
                    <a:gd name="connsiteY2" fmla="*/ 16496 h 1229422"/>
                    <a:gd name="connsiteX3" fmla="*/ 714402 w 1506072"/>
                    <a:gd name="connsiteY3" fmla="*/ 65898 h 1229422"/>
                    <a:gd name="connsiteX4" fmla="*/ 894344 w 1506072"/>
                    <a:gd name="connsiteY4" fmla="*/ 63975 h 1229422"/>
                    <a:gd name="connsiteX5" fmla="*/ 883319 w 1506072"/>
                    <a:gd name="connsiteY5" fmla="*/ 16159 h 1229422"/>
                    <a:gd name="connsiteX6" fmla="*/ 893406 w 1506072"/>
                    <a:gd name="connsiteY6" fmla="*/ 0 h 1229422"/>
                    <a:gd name="connsiteX7" fmla="*/ 1506072 w 1506072"/>
                    <a:gd name="connsiteY7" fmla="*/ 0 h 1229422"/>
                    <a:gd name="connsiteX8" fmla="*/ 1506072 w 1506072"/>
                    <a:gd name="connsiteY8" fmla="*/ 670333 h 1229422"/>
                    <a:gd name="connsiteX9" fmla="*/ 1494735 w 1506072"/>
                    <a:gd name="connsiteY9" fmla="*/ 671902 h 1229422"/>
                    <a:gd name="connsiteX10" fmla="*/ 1467913 w 1506072"/>
                    <a:gd name="connsiteY10" fmla="*/ 661856 h 1229422"/>
                    <a:gd name="connsiteX11" fmla="*/ 1469836 w 1506072"/>
                    <a:gd name="connsiteY11" fmla="*/ 841798 h 1229422"/>
                    <a:gd name="connsiteX12" fmla="*/ 1493231 w 1506072"/>
                    <a:gd name="connsiteY12" fmla="*/ 829460 h 1229422"/>
                    <a:gd name="connsiteX13" fmla="*/ 1506072 w 1506072"/>
                    <a:gd name="connsiteY13" fmla="*/ 830150 h 1229422"/>
                    <a:gd name="connsiteX14" fmla="*/ 1506072 w 1506072"/>
                    <a:gd name="connsiteY14" fmla="*/ 1227890 h 1229422"/>
                    <a:gd name="connsiteX15" fmla="*/ 0 w 1506072"/>
                    <a:gd name="connsiteY15" fmla="*/ 1229422 h 1229422"/>
                    <a:gd name="connsiteX16" fmla="*/ 0 w 1506072"/>
                    <a:gd name="connsiteY16" fmla="*/ 851355 h 1229422"/>
                    <a:gd name="connsiteX17" fmla="*/ 16121 w 1506072"/>
                    <a:gd name="connsiteY17" fmla="*/ 837297 h 1229422"/>
                    <a:gd name="connsiteX18" fmla="*/ 65523 w 1506072"/>
                    <a:gd name="connsiteY18" fmla="*/ 844218 h 1229422"/>
                    <a:gd name="connsiteX19" fmla="*/ 63601 w 1506072"/>
                    <a:gd name="connsiteY19" fmla="*/ 664276 h 1229422"/>
                    <a:gd name="connsiteX20" fmla="*/ 15785 w 1506072"/>
                    <a:gd name="connsiteY20" fmla="*/ 675301 h 1229422"/>
                    <a:gd name="connsiteX21" fmla="*/ 0 w 1506072"/>
                    <a:gd name="connsiteY21" fmla="*/ 665448 h 1229422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</a:cxnLst>
                  <a:rect l="l" t="t" r="r" b="b"/>
                  <a:pathLst>
                    <a:path w="1506072" h="1229422">
                      <a:moveTo>
                        <a:pt x="0" y="0"/>
                      </a:moveTo>
                      <a:lnTo>
                        <a:pt x="706938" y="0"/>
                      </a:lnTo>
                      <a:lnTo>
                        <a:pt x="721323" y="16496"/>
                      </a:lnTo>
                      <a:cubicBezTo>
                        <a:pt x="727945" y="30384"/>
                        <a:pt x="725341" y="46355"/>
                        <a:pt x="714402" y="65898"/>
                      </a:cubicBezTo>
                      <a:cubicBezTo>
                        <a:pt x="491837" y="312073"/>
                        <a:pt x="1123034" y="308827"/>
                        <a:pt x="894344" y="63975"/>
                      </a:cubicBezTo>
                      <a:cubicBezTo>
                        <a:pt x="881323" y="49442"/>
                        <a:pt x="878139" y="32061"/>
                        <a:pt x="883319" y="16159"/>
                      </a:cubicBezTo>
                      <a:lnTo>
                        <a:pt x="893406" y="0"/>
                      </a:lnTo>
                      <a:lnTo>
                        <a:pt x="1506072" y="0"/>
                      </a:lnTo>
                      <a:lnTo>
                        <a:pt x="1506072" y="670333"/>
                      </a:lnTo>
                      <a:lnTo>
                        <a:pt x="1494735" y="671902"/>
                      </a:lnTo>
                      <a:cubicBezTo>
                        <a:pt x="1486563" y="670711"/>
                        <a:pt x="1477685" y="667325"/>
                        <a:pt x="1467913" y="661856"/>
                      </a:cubicBezTo>
                      <a:cubicBezTo>
                        <a:pt x="1221738" y="439291"/>
                        <a:pt x="1224984" y="1070488"/>
                        <a:pt x="1469836" y="841798"/>
                      </a:cubicBezTo>
                      <a:cubicBezTo>
                        <a:pt x="1477103" y="835287"/>
                        <a:pt x="1485081" y="831236"/>
                        <a:pt x="1493231" y="829460"/>
                      </a:cubicBezTo>
                      <a:lnTo>
                        <a:pt x="1506072" y="830150"/>
                      </a:lnTo>
                      <a:lnTo>
                        <a:pt x="1506072" y="1227890"/>
                      </a:lnTo>
                      <a:lnTo>
                        <a:pt x="0" y="1229422"/>
                      </a:lnTo>
                      <a:lnTo>
                        <a:pt x="0" y="851355"/>
                      </a:lnTo>
                      <a:lnTo>
                        <a:pt x="16121" y="837297"/>
                      </a:lnTo>
                      <a:cubicBezTo>
                        <a:pt x="30009" y="830674"/>
                        <a:pt x="45980" y="833279"/>
                        <a:pt x="65523" y="844218"/>
                      </a:cubicBezTo>
                      <a:cubicBezTo>
                        <a:pt x="311698" y="1066783"/>
                        <a:pt x="308452" y="435585"/>
                        <a:pt x="63601" y="664276"/>
                      </a:cubicBezTo>
                      <a:cubicBezTo>
                        <a:pt x="49067" y="677297"/>
                        <a:pt x="31687" y="680481"/>
                        <a:pt x="15785" y="675301"/>
                      </a:cubicBezTo>
                      <a:lnTo>
                        <a:pt x="0" y="665448"/>
                      </a:lnTo>
                      <a:close/>
                    </a:path>
                  </a:pathLst>
                </a:custGeom>
                <a:solidFill>
                  <a:srgbClr val="6DC0FF"/>
                </a:solidFill>
                <a:ln w="12700" cap="flat" cmpd="sng" algn="ctr">
                  <a:noFill/>
                  <a:prstDash val="solid"/>
                  <a:miter lim="800000"/>
                </a:ln>
                <a:effectLst>
                  <a:innerShdw blurRad="38100" dist="25400" dir="13500000">
                    <a:prstClr val="black">
                      <a:alpha val="50000"/>
                    </a:prstClr>
                  </a:innerShdw>
                </a:effectLst>
              </p:spPr>
              <p:txBody>
                <a:bodyPr wrap="square" rtlCol="0" anchor="ctr">
                  <a:noAutofit/>
                </a:bodyPr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/>
                    <a:ea typeface="+mn-ea"/>
                    <a:cs typeface="+mn-cs"/>
                  </a:endParaRPr>
                </a:p>
              </p:txBody>
            </p:sp>
            <p:sp>
              <p:nvSpPr>
                <p:cNvPr id="69" name="Freeform 40"/>
                <p:cNvSpPr/>
                <p:nvPr/>
              </p:nvSpPr>
              <p:spPr>
                <a:xfrm>
                  <a:off x="170872" y="5470247"/>
                  <a:ext cx="842264" cy="1105366"/>
                </a:xfrm>
                <a:custGeom>
                  <a:avLst/>
                  <a:gdLst>
                    <a:gd name="connsiteX0" fmla="*/ 232852 w 937166"/>
                    <a:gd name="connsiteY0" fmla="*/ 0 h 1229912"/>
                    <a:gd name="connsiteX1" fmla="*/ 693542 w 937166"/>
                    <a:gd name="connsiteY1" fmla="*/ 0 h 1229912"/>
                    <a:gd name="connsiteX2" fmla="*/ 693542 w 937166"/>
                    <a:gd name="connsiteY2" fmla="*/ 668617 h 1229912"/>
                    <a:gd name="connsiteX3" fmla="*/ 704249 w 937166"/>
                    <a:gd name="connsiteY3" fmla="*/ 675301 h 1229912"/>
                    <a:gd name="connsiteX4" fmla="*/ 752065 w 937166"/>
                    <a:gd name="connsiteY4" fmla="*/ 664276 h 1229912"/>
                    <a:gd name="connsiteX5" fmla="*/ 841007 w 937166"/>
                    <a:gd name="connsiteY5" fmla="*/ 614046 h 1229912"/>
                    <a:gd name="connsiteX6" fmla="*/ 864261 w 937166"/>
                    <a:gd name="connsiteY6" fmla="*/ 615033 h 1229912"/>
                    <a:gd name="connsiteX7" fmla="*/ 753988 w 937166"/>
                    <a:gd name="connsiteY7" fmla="*/ 844218 h 1229912"/>
                    <a:gd name="connsiteX8" fmla="*/ 704586 w 937166"/>
                    <a:gd name="connsiteY8" fmla="*/ 837297 h 1229912"/>
                    <a:gd name="connsiteX9" fmla="*/ 693542 w 937166"/>
                    <a:gd name="connsiteY9" fmla="*/ 846929 h 1229912"/>
                    <a:gd name="connsiteX10" fmla="*/ 693542 w 937166"/>
                    <a:gd name="connsiteY10" fmla="*/ 1229418 h 1229912"/>
                    <a:gd name="connsiteX11" fmla="*/ 207913 w 937166"/>
                    <a:gd name="connsiteY11" fmla="*/ 1229912 h 1229912"/>
                    <a:gd name="connsiteX12" fmla="*/ 38384 w 937166"/>
                    <a:gd name="connsiteY12" fmla="*/ 515958 h 1229912"/>
                    <a:gd name="connsiteX13" fmla="*/ 228150 w 937166"/>
                    <a:gd name="connsiteY13" fmla="*/ 7265 h 1229912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</a:cxnLst>
                  <a:rect l="l" t="t" r="r" b="b"/>
                  <a:pathLst>
                    <a:path w="937166" h="1229912">
                      <a:moveTo>
                        <a:pt x="232852" y="0"/>
                      </a:moveTo>
                      <a:lnTo>
                        <a:pt x="693542" y="0"/>
                      </a:lnTo>
                      <a:lnTo>
                        <a:pt x="693542" y="668617"/>
                      </a:lnTo>
                      <a:lnTo>
                        <a:pt x="704249" y="675301"/>
                      </a:lnTo>
                      <a:cubicBezTo>
                        <a:pt x="720151" y="680482"/>
                        <a:pt x="737532" y="677297"/>
                        <a:pt x="752065" y="664276"/>
                      </a:cubicBezTo>
                      <a:cubicBezTo>
                        <a:pt x="786497" y="632117"/>
                        <a:pt x="816152" y="616962"/>
                        <a:pt x="841007" y="614046"/>
                      </a:cubicBezTo>
                      <a:cubicBezTo>
                        <a:pt x="849292" y="613073"/>
                        <a:pt x="857043" y="613461"/>
                        <a:pt x="864261" y="615033"/>
                      </a:cubicBezTo>
                      <a:cubicBezTo>
                        <a:pt x="989365" y="642270"/>
                        <a:pt x="954005" y="1025052"/>
                        <a:pt x="753988" y="844218"/>
                      </a:cubicBezTo>
                      <a:cubicBezTo>
                        <a:pt x="734444" y="833280"/>
                        <a:pt x="718473" y="830675"/>
                        <a:pt x="704586" y="837297"/>
                      </a:cubicBezTo>
                      <a:lnTo>
                        <a:pt x="693542" y="846929"/>
                      </a:lnTo>
                      <a:lnTo>
                        <a:pt x="693542" y="1229418"/>
                      </a:lnTo>
                      <a:lnTo>
                        <a:pt x="207913" y="1229912"/>
                      </a:lnTo>
                      <a:cubicBezTo>
                        <a:pt x="31295" y="1195156"/>
                        <a:pt x="-55554" y="1043614"/>
                        <a:pt x="38384" y="515958"/>
                      </a:cubicBezTo>
                      <a:cubicBezTo>
                        <a:pt x="47111" y="458606"/>
                        <a:pt x="82489" y="255378"/>
                        <a:pt x="228150" y="7265"/>
                      </a:cubicBezTo>
                      <a:close/>
                    </a:path>
                  </a:pathLst>
                </a:custGeom>
                <a:solidFill>
                  <a:srgbClr val="005EA4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wrap="square" rtlCol="0" anchor="ctr">
                  <a:noAutofit/>
                </a:bodyPr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/>
                    <a:ea typeface="+mn-ea"/>
                    <a:cs typeface="+mn-cs"/>
                  </a:endParaRPr>
                </a:p>
              </p:txBody>
            </p:sp>
            <p:sp>
              <p:nvSpPr>
                <p:cNvPr id="70" name="Freeform 48"/>
                <p:cNvSpPr/>
                <p:nvPr/>
              </p:nvSpPr>
              <p:spPr>
                <a:xfrm>
                  <a:off x="789619" y="4456628"/>
                  <a:ext cx="1353560" cy="1237474"/>
                </a:xfrm>
                <a:custGeom>
                  <a:avLst/>
                  <a:gdLst>
                    <a:gd name="connsiteX0" fmla="*/ 1506072 w 1506072"/>
                    <a:gd name="connsiteY0" fmla="*/ 0 h 1376906"/>
                    <a:gd name="connsiteX1" fmla="*/ 1506072 w 1506072"/>
                    <a:gd name="connsiteY1" fmla="*/ 293902 h 1376906"/>
                    <a:gd name="connsiteX2" fmla="*/ 1504114 w 1506072"/>
                    <a:gd name="connsiteY2" fmla="*/ 295610 h 1376906"/>
                    <a:gd name="connsiteX3" fmla="*/ 1454712 w 1506072"/>
                    <a:gd name="connsiteY3" fmla="*/ 288689 h 1376906"/>
                    <a:gd name="connsiteX4" fmla="*/ 1456635 w 1506072"/>
                    <a:gd name="connsiteY4" fmla="*/ 468631 h 1376906"/>
                    <a:gd name="connsiteX5" fmla="*/ 1504451 w 1506072"/>
                    <a:gd name="connsiteY5" fmla="*/ 457606 h 1376906"/>
                    <a:gd name="connsiteX6" fmla="*/ 1506072 w 1506072"/>
                    <a:gd name="connsiteY6" fmla="*/ 458618 h 1376906"/>
                    <a:gd name="connsiteX7" fmla="*/ 1506072 w 1506072"/>
                    <a:gd name="connsiteY7" fmla="*/ 1132905 h 1376906"/>
                    <a:gd name="connsiteX8" fmla="*/ 890238 w 1506072"/>
                    <a:gd name="connsiteY8" fmla="*/ 1132905 h 1376906"/>
                    <a:gd name="connsiteX9" fmla="*/ 883319 w 1506072"/>
                    <a:gd name="connsiteY9" fmla="*/ 1143989 h 1376906"/>
                    <a:gd name="connsiteX10" fmla="*/ 894344 w 1506072"/>
                    <a:gd name="connsiteY10" fmla="*/ 1191805 h 1376906"/>
                    <a:gd name="connsiteX11" fmla="*/ 714402 w 1506072"/>
                    <a:gd name="connsiteY11" fmla="*/ 1193728 h 1376906"/>
                    <a:gd name="connsiteX12" fmla="*/ 721323 w 1506072"/>
                    <a:gd name="connsiteY12" fmla="*/ 1144326 h 1376906"/>
                    <a:gd name="connsiteX13" fmla="*/ 711363 w 1506072"/>
                    <a:gd name="connsiteY13" fmla="*/ 1132905 h 1376906"/>
                    <a:gd name="connsiteX14" fmla="*/ 0 w 1506072"/>
                    <a:gd name="connsiteY14" fmla="*/ 1132905 h 1376906"/>
                    <a:gd name="connsiteX15" fmla="*/ 0 w 1506072"/>
                    <a:gd name="connsiteY15" fmla="*/ 611431 h 1376906"/>
                    <a:gd name="connsiteX16" fmla="*/ 2832 w 1506072"/>
                    <a:gd name="connsiteY16" fmla="*/ 608946 h 1376906"/>
                    <a:gd name="connsiteX17" fmla="*/ 130279 w 1506072"/>
                    <a:gd name="connsiteY17" fmla="*/ 517039 h 1376906"/>
                    <a:gd name="connsiteX18" fmla="*/ 132325 w 1506072"/>
                    <a:gd name="connsiteY18" fmla="*/ 517840 h 1376906"/>
                    <a:gd name="connsiteX19" fmla="*/ 209640 w 1506072"/>
                    <a:gd name="connsiteY19" fmla="*/ 481877 h 1376906"/>
                    <a:gd name="connsiteX20" fmla="*/ 222345 w 1506072"/>
                    <a:gd name="connsiteY20" fmla="*/ 454770 h 1376906"/>
                    <a:gd name="connsiteX21" fmla="*/ 282677 w 1506072"/>
                    <a:gd name="connsiteY21" fmla="*/ 417426 h 1376906"/>
                    <a:gd name="connsiteX22" fmla="*/ 1392961 w 1506072"/>
                    <a:gd name="connsiteY22" fmla="*/ 19854 h 1376906"/>
                    <a:gd name="connsiteX0" fmla="*/ 1506072 w 1506072"/>
                    <a:gd name="connsiteY0" fmla="*/ 0 h 1376906"/>
                    <a:gd name="connsiteX1" fmla="*/ 1506072 w 1506072"/>
                    <a:gd name="connsiteY1" fmla="*/ 293902 h 1376906"/>
                    <a:gd name="connsiteX2" fmla="*/ 1504114 w 1506072"/>
                    <a:gd name="connsiteY2" fmla="*/ 295610 h 1376906"/>
                    <a:gd name="connsiteX3" fmla="*/ 1454712 w 1506072"/>
                    <a:gd name="connsiteY3" fmla="*/ 288689 h 1376906"/>
                    <a:gd name="connsiteX4" fmla="*/ 1456635 w 1506072"/>
                    <a:gd name="connsiteY4" fmla="*/ 468631 h 1376906"/>
                    <a:gd name="connsiteX5" fmla="*/ 1504451 w 1506072"/>
                    <a:gd name="connsiteY5" fmla="*/ 457606 h 1376906"/>
                    <a:gd name="connsiteX6" fmla="*/ 1506072 w 1506072"/>
                    <a:gd name="connsiteY6" fmla="*/ 458618 h 1376906"/>
                    <a:gd name="connsiteX7" fmla="*/ 1506072 w 1506072"/>
                    <a:gd name="connsiteY7" fmla="*/ 1132905 h 1376906"/>
                    <a:gd name="connsiteX8" fmla="*/ 890238 w 1506072"/>
                    <a:gd name="connsiteY8" fmla="*/ 1132905 h 1376906"/>
                    <a:gd name="connsiteX9" fmla="*/ 883319 w 1506072"/>
                    <a:gd name="connsiteY9" fmla="*/ 1143989 h 1376906"/>
                    <a:gd name="connsiteX10" fmla="*/ 894344 w 1506072"/>
                    <a:gd name="connsiteY10" fmla="*/ 1191805 h 1376906"/>
                    <a:gd name="connsiteX11" fmla="*/ 714402 w 1506072"/>
                    <a:gd name="connsiteY11" fmla="*/ 1193728 h 1376906"/>
                    <a:gd name="connsiteX12" fmla="*/ 721323 w 1506072"/>
                    <a:gd name="connsiteY12" fmla="*/ 1144326 h 1376906"/>
                    <a:gd name="connsiteX13" fmla="*/ 711363 w 1506072"/>
                    <a:gd name="connsiteY13" fmla="*/ 1132905 h 1376906"/>
                    <a:gd name="connsiteX14" fmla="*/ 0 w 1506072"/>
                    <a:gd name="connsiteY14" fmla="*/ 1132905 h 1376906"/>
                    <a:gd name="connsiteX15" fmla="*/ 0 w 1506072"/>
                    <a:gd name="connsiteY15" fmla="*/ 611431 h 1376906"/>
                    <a:gd name="connsiteX16" fmla="*/ 2832 w 1506072"/>
                    <a:gd name="connsiteY16" fmla="*/ 608946 h 1376906"/>
                    <a:gd name="connsiteX17" fmla="*/ 130279 w 1506072"/>
                    <a:gd name="connsiteY17" fmla="*/ 517039 h 1376906"/>
                    <a:gd name="connsiteX18" fmla="*/ 132325 w 1506072"/>
                    <a:gd name="connsiteY18" fmla="*/ 517840 h 1376906"/>
                    <a:gd name="connsiteX19" fmla="*/ 209640 w 1506072"/>
                    <a:gd name="connsiteY19" fmla="*/ 481877 h 1376906"/>
                    <a:gd name="connsiteX20" fmla="*/ 222345 w 1506072"/>
                    <a:gd name="connsiteY20" fmla="*/ 454770 h 1376906"/>
                    <a:gd name="connsiteX21" fmla="*/ 282677 w 1506072"/>
                    <a:gd name="connsiteY21" fmla="*/ 417426 h 1376906"/>
                    <a:gd name="connsiteX22" fmla="*/ 1392961 w 1506072"/>
                    <a:gd name="connsiteY22" fmla="*/ 19854 h 1376906"/>
                    <a:gd name="connsiteX23" fmla="*/ 1506072 w 1506072"/>
                    <a:gd name="connsiteY23" fmla="*/ 0 h 1376906"/>
                    <a:gd name="connsiteX0" fmla="*/ 1506072 w 1506072"/>
                    <a:gd name="connsiteY0" fmla="*/ 0 h 1376906"/>
                    <a:gd name="connsiteX1" fmla="*/ 1506072 w 1506072"/>
                    <a:gd name="connsiteY1" fmla="*/ 293902 h 1376906"/>
                    <a:gd name="connsiteX2" fmla="*/ 1504114 w 1506072"/>
                    <a:gd name="connsiteY2" fmla="*/ 303726 h 1376906"/>
                    <a:gd name="connsiteX3" fmla="*/ 1454712 w 1506072"/>
                    <a:gd name="connsiteY3" fmla="*/ 288689 h 1376906"/>
                    <a:gd name="connsiteX4" fmla="*/ 1456635 w 1506072"/>
                    <a:gd name="connsiteY4" fmla="*/ 468631 h 1376906"/>
                    <a:gd name="connsiteX5" fmla="*/ 1504451 w 1506072"/>
                    <a:gd name="connsiteY5" fmla="*/ 457606 h 1376906"/>
                    <a:gd name="connsiteX6" fmla="*/ 1506072 w 1506072"/>
                    <a:gd name="connsiteY6" fmla="*/ 458618 h 1376906"/>
                    <a:gd name="connsiteX7" fmla="*/ 1506072 w 1506072"/>
                    <a:gd name="connsiteY7" fmla="*/ 1132905 h 1376906"/>
                    <a:gd name="connsiteX8" fmla="*/ 890238 w 1506072"/>
                    <a:gd name="connsiteY8" fmla="*/ 1132905 h 1376906"/>
                    <a:gd name="connsiteX9" fmla="*/ 883319 w 1506072"/>
                    <a:gd name="connsiteY9" fmla="*/ 1143989 h 1376906"/>
                    <a:gd name="connsiteX10" fmla="*/ 894344 w 1506072"/>
                    <a:gd name="connsiteY10" fmla="*/ 1191805 h 1376906"/>
                    <a:gd name="connsiteX11" fmla="*/ 714402 w 1506072"/>
                    <a:gd name="connsiteY11" fmla="*/ 1193728 h 1376906"/>
                    <a:gd name="connsiteX12" fmla="*/ 721323 w 1506072"/>
                    <a:gd name="connsiteY12" fmla="*/ 1144326 h 1376906"/>
                    <a:gd name="connsiteX13" fmla="*/ 711363 w 1506072"/>
                    <a:gd name="connsiteY13" fmla="*/ 1132905 h 1376906"/>
                    <a:gd name="connsiteX14" fmla="*/ 0 w 1506072"/>
                    <a:gd name="connsiteY14" fmla="*/ 1132905 h 1376906"/>
                    <a:gd name="connsiteX15" fmla="*/ 0 w 1506072"/>
                    <a:gd name="connsiteY15" fmla="*/ 611431 h 1376906"/>
                    <a:gd name="connsiteX16" fmla="*/ 2832 w 1506072"/>
                    <a:gd name="connsiteY16" fmla="*/ 608946 h 1376906"/>
                    <a:gd name="connsiteX17" fmla="*/ 130279 w 1506072"/>
                    <a:gd name="connsiteY17" fmla="*/ 517039 h 1376906"/>
                    <a:gd name="connsiteX18" fmla="*/ 132325 w 1506072"/>
                    <a:gd name="connsiteY18" fmla="*/ 517840 h 1376906"/>
                    <a:gd name="connsiteX19" fmla="*/ 209640 w 1506072"/>
                    <a:gd name="connsiteY19" fmla="*/ 481877 h 1376906"/>
                    <a:gd name="connsiteX20" fmla="*/ 222345 w 1506072"/>
                    <a:gd name="connsiteY20" fmla="*/ 454770 h 1376906"/>
                    <a:gd name="connsiteX21" fmla="*/ 282677 w 1506072"/>
                    <a:gd name="connsiteY21" fmla="*/ 417426 h 1376906"/>
                    <a:gd name="connsiteX22" fmla="*/ 1392961 w 1506072"/>
                    <a:gd name="connsiteY22" fmla="*/ 19854 h 1376906"/>
                    <a:gd name="connsiteX23" fmla="*/ 1506072 w 1506072"/>
                    <a:gd name="connsiteY23" fmla="*/ 0 h 1376906"/>
                    <a:gd name="connsiteX0" fmla="*/ 1506072 w 1506072"/>
                    <a:gd name="connsiteY0" fmla="*/ 0 h 1376906"/>
                    <a:gd name="connsiteX1" fmla="*/ 1506072 w 1506072"/>
                    <a:gd name="connsiteY1" fmla="*/ 293902 h 1376906"/>
                    <a:gd name="connsiteX2" fmla="*/ 1504114 w 1506072"/>
                    <a:gd name="connsiteY2" fmla="*/ 303726 h 1376906"/>
                    <a:gd name="connsiteX3" fmla="*/ 1454712 w 1506072"/>
                    <a:gd name="connsiteY3" fmla="*/ 291394 h 1376906"/>
                    <a:gd name="connsiteX4" fmla="*/ 1456635 w 1506072"/>
                    <a:gd name="connsiteY4" fmla="*/ 468631 h 1376906"/>
                    <a:gd name="connsiteX5" fmla="*/ 1504451 w 1506072"/>
                    <a:gd name="connsiteY5" fmla="*/ 457606 h 1376906"/>
                    <a:gd name="connsiteX6" fmla="*/ 1506072 w 1506072"/>
                    <a:gd name="connsiteY6" fmla="*/ 458618 h 1376906"/>
                    <a:gd name="connsiteX7" fmla="*/ 1506072 w 1506072"/>
                    <a:gd name="connsiteY7" fmla="*/ 1132905 h 1376906"/>
                    <a:gd name="connsiteX8" fmla="*/ 890238 w 1506072"/>
                    <a:gd name="connsiteY8" fmla="*/ 1132905 h 1376906"/>
                    <a:gd name="connsiteX9" fmla="*/ 883319 w 1506072"/>
                    <a:gd name="connsiteY9" fmla="*/ 1143989 h 1376906"/>
                    <a:gd name="connsiteX10" fmla="*/ 894344 w 1506072"/>
                    <a:gd name="connsiteY10" fmla="*/ 1191805 h 1376906"/>
                    <a:gd name="connsiteX11" fmla="*/ 714402 w 1506072"/>
                    <a:gd name="connsiteY11" fmla="*/ 1193728 h 1376906"/>
                    <a:gd name="connsiteX12" fmla="*/ 721323 w 1506072"/>
                    <a:gd name="connsiteY12" fmla="*/ 1144326 h 1376906"/>
                    <a:gd name="connsiteX13" fmla="*/ 711363 w 1506072"/>
                    <a:gd name="connsiteY13" fmla="*/ 1132905 h 1376906"/>
                    <a:gd name="connsiteX14" fmla="*/ 0 w 1506072"/>
                    <a:gd name="connsiteY14" fmla="*/ 1132905 h 1376906"/>
                    <a:gd name="connsiteX15" fmla="*/ 0 w 1506072"/>
                    <a:gd name="connsiteY15" fmla="*/ 611431 h 1376906"/>
                    <a:gd name="connsiteX16" fmla="*/ 2832 w 1506072"/>
                    <a:gd name="connsiteY16" fmla="*/ 608946 h 1376906"/>
                    <a:gd name="connsiteX17" fmla="*/ 130279 w 1506072"/>
                    <a:gd name="connsiteY17" fmla="*/ 517039 h 1376906"/>
                    <a:gd name="connsiteX18" fmla="*/ 132325 w 1506072"/>
                    <a:gd name="connsiteY18" fmla="*/ 517840 h 1376906"/>
                    <a:gd name="connsiteX19" fmla="*/ 209640 w 1506072"/>
                    <a:gd name="connsiteY19" fmla="*/ 481877 h 1376906"/>
                    <a:gd name="connsiteX20" fmla="*/ 222345 w 1506072"/>
                    <a:gd name="connsiteY20" fmla="*/ 454770 h 1376906"/>
                    <a:gd name="connsiteX21" fmla="*/ 282677 w 1506072"/>
                    <a:gd name="connsiteY21" fmla="*/ 417426 h 1376906"/>
                    <a:gd name="connsiteX22" fmla="*/ 1392961 w 1506072"/>
                    <a:gd name="connsiteY22" fmla="*/ 19854 h 1376906"/>
                    <a:gd name="connsiteX23" fmla="*/ 1506072 w 1506072"/>
                    <a:gd name="connsiteY23" fmla="*/ 0 h 1376906"/>
                    <a:gd name="connsiteX0" fmla="*/ 1506072 w 1506072"/>
                    <a:gd name="connsiteY0" fmla="*/ 0 h 1376906"/>
                    <a:gd name="connsiteX1" fmla="*/ 1506072 w 1506072"/>
                    <a:gd name="connsiteY1" fmla="*/ 293902 h 1376906"/>
                    <a:gd name="connsiteX2" fmla="*/ 1504114 w 1506072"/>
                    <a:gd name="connsiteY2" fmla="*/ 303726 h 1376906"/>
                    <a:gd name="connsiteX3" fmla="*/ 1454712 w 1506072"/>
                    <a:gd name="connsiteY3" fmla="*/ 291394 h 1376906"/>
                    <a:gd name="connsiteX4" fmla="*/ 1456635 w 1506072"/>
                    <a:gd name="connsiteY4" fmla="*/ 468631 h 1376906"/>
                    <a:gd name="connsiteX5" fmla="*/ 1504451 w 1506072"/>
                    <a:gd name="connsiteY5" fmla="*/ 457606 h 1376906"/>
                    <a:gd name="connsiteX6" fmla="*/ 1506072 w 1506072"/>
                    <a:gd name="connsiteY6" fmla="*/ 458618 h 1376906"/>
                    <a:gd name="connsiteX7" fmla="*/ 1506072 w 1506072"/>
                    <a:gd name="connsiteY7" fmla="*/ 1132905 h 1376906"/>
                    <a:gd name="connsiteX8" fmla="*/ 890238 w 1506072"/>
                    <a:gd name="connsiteY8" fmla="*/ 1132905 h 1376906"/>
                    <a:gd name="connsiteX9" fmla="*/ 883319 w 1506072"/>
                    <a:gd name="connsiteY9" fmla="*/ 1143989 h 1376906"/>
                    <a:gd name="connsiteX10" fmla="*/ 894344 w 1506072"/>
                    <a:gd name="connsiteY10" fmla="*/ 1191805 h 1376906"/>
                    <a:gd name="connsiteX11" fmla="*/ 714402 w 1506072"/>
                    <a:gd name="connsiteY11" fmla="*/ 1193728 h 1376906"/>
                    <a:gd name="connsiteX12" fmla="*/ 721323 w 1506072"/>
                    <a:gd name="connsiteY12" fmla="*/ 1144326 h 1376906"/>
                    <a:gd name="connsiteX13" fmla="*/ 711363 w 1506072"/>
                    <a:gd name="connsiteY13" fmla="*/ 1132905 h 1376906"/>
                    <a:gd name="connsiteX14" fmla="*/ 0 w 1506072"/>
                    <a:gd name="connsiteY14" fmla="*/ 1132905 h 1376906"/>
                    <a:gd name="connsiteX15" fmla="*/ 0 w 1506072"/>
                    <a:gd name="connsiteY15" fmla="*/ 611431 h 1376906"/>
                    <a:gd name="connsiteX16" fmla="*/ 2832 w 1506072"/>
                    <a:gd name="connsiteY16" fmla="*/ 608946 h 1376906"/>
                    <a:gd name="connsiteX17" fmla="*/ 130279 w 1506072"/>
                    <a:gd name="connsiteY17" fmla="*/ 517039 h 1376906"/>
                    <a:gd name="connsiteX18" fmla="*/ 132325 w 1506072"/>
                    <a:gd name="connsiteY18" fmla="*/ 517840 h 1376906"/>
                    <a:gd name="connsiteX19" fmla="*/ 209640 w 1506072"/>
                    <a:gd name="connsiteY19" fmla="*/ 481877 h 1376906"/>
                    <a:gd name="connsiteX20" fmla="*/ 222345 w 1506072"/>
                    <a:gd name="connsiteY20" fmla="*/ 454770 h 1376906"/>
                    <a:gd name="connsiteX21" fmla="*/ 282677 w 1506072"/>
                    <a:gd name="connsiteY21" fmla="*/ 417426 h 1376906"/>
                    <a:gd name="connsiteX22" fmla="*/ 1392961 w 1506072"/>
                    <a:gd name="connsiteY22" fmla="*/ 19854 h 1376906"/>
                    <a:gd name="connsiteX23" fmla="*/ 1506072 w 1506072"/>
                    <a:gd name="connsiteY23" fmla="*/ 0 h 1376906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</a:cxnLst>
                  <a:rect l="l" t="t" r="r" b="b"/>
                  <a:pathLst>
                    <a:path w="1506072" h="1376906">
                      <a:moveTo>
                        <a:pt x="1506072" y="0"/>
                      </a:moveTo>
                      <a:lnTo>
                        <a:pt x="1506072" y="293902"/>
                      </a:lnTo>
                      <a:lnTo>
                        <a:pt x="1504114" y="303726"/>
                      </a:lnTo>
                      <a:cubicBezTo>
                        <a:pt x="1490226" y="310348"/>
                        <a:pt x="1474255" y="302332"/>
                        <a:pt x="1454712" y="291394"/>
                      </a:cubicBezTo>
                      <a:cubicBezTo>
                        <a:pt x="1213948" y="82356"/>
                        <a:pt x="1211783" y="688444"/>
                        <a:pt x="1456635" y="468631"/>
                      </a:cubicBezTo>
                      <a:cubicBezTo>
                        <a:pt x="1471168" y="455610"/>
                        <a:pt x="1488549" y="452425"/>
                        <a:pt x="1504451" y="457606"/>
                      </a:cubicBezTo>
                      <a:lnTo>
                        <a:pt x="1506072" y="458618"/>
                      </a:lnTo>
                      <a:lnTo>
                        <a:pt x="1506072" y="1132905"/>
                      </a:lnTo>
                      <a:lnTo>
                        <a:pt x="890238" y="1132905"/>
                      </a:lnTo>
                      <a:lnTo>
                        <a:pt x="883319" y="1143989"/>
                      </a:lnTo>
                      <a:cubicBezTo>
                        <a:pt x="878139" y="1159891"/>
                        <a:pt x="881323" y="1177272"/>
                        <a:pt x="894344" y="1191805"/>
                      </a:cubicBezTo>
                      <a:cubicBezTo>
                        <a:pt x="1123034" y="1436657"/>
                        <a:pt x="491837" y="1439903"/>
                        <a:pt x="714402" y="1193728"/>
                      </a:cubicBezTo>
                      <a:cubicBezTo>
                        <a:pt x="725341" y="1174185"/>
                        <a:pt x="727945" y="1158214"/>
                        <a:pt x="721323" y="1144326"/>
                      </a:cubicBezTo>
                      <a:lnTo>
                        <a:pt x="711363" y="1132905"/>
                      </a:lnTo>
                      <a:lnTo>
                        <a:pt x="0" y="1132905"/>
                      </a:lnTo>
                      <a:lnTo>
                        <a:pt x="0" y="611431"/>
                      </a:lnTo>
                      <a:lnTo>
                        <a:pt x="2832" y="608946"/>
                      </a:lnTo>
                      <a:lnTo>
                        <a:pt x="130279" y="517039"/>
                      </a:lnTo>
                      <a:lnTo>
                        <a:pt x="132325" y="517840"/>
                      </a:lnTo>
                      <a:cubicBezTo>
                        <a:pt x="166814" y="524571"/>
                        <a:pt x="192568" y="508818"/>
                        <a:pt x="209640" y="481877"/>
                      </a:cubicBezTo>
                      <a:lnTo>
                        <a:pt x="222345" y="454770"/>
                      </a:lnTo>
                      <a:lnTo>
                        <a:pt x="282677" y="417426"/>
                      </a:lnTo>
                      <a:cubicBezTo>
                        <a:pt x="561424" y="253732"/>
                        <a:pt x="923259" y="111234"/>
                        <a:pt x="1392961" y="19854"/>
                      </a:cubicBezTo>
                      <a:lnTo>
                        <a:pt x="1506072" y="0"/>
                      </a:lnTo>
                      <a:close/>
                    </a:path>
                  </a:pathLst>
                </a:custGeom>
                <a:solidFill>
                  <a:srgbClr val="A5A5A5">
                    <a:lumMod val="60000"/>
                    <a:lumOff val="40000"/>
                  </a:srgbClr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wrap="square" rtlCol="0" anchor="ctr">
                  <a:noAutofit/>
                </a:bodyPr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/>
                    <a:ea typeface="+mn-ea"/>
                    <a:cs typeface="+mn-cs"/>
                  </a:endParaRPr>
                </a:p>
              </p:txBody>
            </p:sp>
            <p:sp>
              <p:nvSpPr>
                <p:cNvPr id="71" name="Freeform 49"/>
                <p:cNvSpPr/>
                <p:nvPr/>
              </p:nvSpPr>
              <p:spPr>
                <a:xfrm>
                  <a:off x="377192" y="4868391"/>
                  <a:ext cx="609076" cy="606418"/>
                </a:xfrm>
                <a:custGeom>
                  <a:avLst/>
                  <a:gdLst>
                    <a:gd name="connsiteX0" fmla="*/ 463975 w 677703"/>
                    <a:gd name="connsiteY0" fmla="*/ 149167 h 674746"/>
                    <a:gd name="connsiteX1" fmla="*/ 463975 w 677703"/>
                    <a:gd name="connsiteY1" fmla="*/ 674746 h 674746"/>
                    <a:gd name="connsiteX2" fmla="*/ 0 w 677703"/>
                    <a:gd name="connsiteY2" fmla="*/ 674746 h 674746"/>
                    <a:gd name="connsiteX3" fmla="*/ 80991 w 677703"/>
                    <a:gd name="connsiteY3" fmla="*/ 549606 h 674746"/>
                    <a:gd name="connsiteX4" fmla="*/ 461729 w 677703"/>
                    <a:gd name="connsiteY4" fmla="*/ 150787 h 674746"/>
                    <a:gd name="connsiteX5" fmla="*/ 677703 w 677703"/>
                    <a:gd name="connsiteY5" fmla="*/ 0 h 674746"/>
                    <a:gd name="connsiteX6" fmla="*/ 666359 w 677703"/>
                    <a:gd name="connsiteY6" fmla="*/ 27025 h 674746"/>
                    <a:gd name="connsiteX7" fmla="*/ 605754 w 677703"/>
                    <a:gd name="connsiteY7" fmla="*/ 61225 h 674746"/>
                    <a:gd name="connsiteX8" fmla="*/ 589966 w 677703"/>
                    <a:gd name="connsiteY8" fmla="*/ 58311 h 674746"/>
                    <a:gd name="connsiteX9" fmla="*/ 640890 w 677703"/>
                    <a:gd name="connsiteY9" fmla="*/ 21588 h 674746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</a:cxnLst>
                  <a:rect l="l" t="t" r="r" b="b"/>
                  <a:pathLst>
                    <a:path w="677703" h="674746">
                      <a:moveTo>
                        <a:pt x="463975" y="149167"/>
                      </a:moveTo>
                      <a:lnTo>
                        <a:pt x="463975" y="674746"/>
                      </a:lnTo>
                      <a:lnTo>
                        <a:pt x="0" y="674746"/>
                      </a:lnTo>
                      <a:lnTo>
                        <a:pt x="80991" y="549606"/>
                      </a:lnTo>
                      <a:cubicBezTo>
                        <a:pt x="173363" y="419472"/>
                        <a:pt x="296791" y="282324"/>
                        <a:pt x="461729" y="150787"/>
                      </a:cubicBezTo>
                      <a:close/>
                      <a:moveTo>
                        <a:pt x="677703" y="0"/>
                      </a:moveTo>
                      <a:lnTo>
                        <a:pt x="666359" y="27025"/>
                      </a:lnTo>
                      <a:cubicBezTo>
                        <a:pt x="651900" y="48142"/>
                        <a:pt x="631708" y="61561"/>
                        <a:pt x="605754" y="61225"/>
                      </a:cubicBezTo>
                      <a:lnTo>
                        <a:pt x="589966" y="58311"/>
                      </a:lnTo>
                      <a:lnTo>
                        <a:pt x="640890" y="21588"/>
                      </a:lnTo>
                      <a:close/>
                    </a:path>
                  </a:pathLst>
                </a:custGeom>
                <a:solidFill>
                  <a:srgbClr val="A5A5A5">
                    <a:lumMod val="40000"/>
                    <a:lumOff val="60000"/>
                  </a:srgbClr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wrap="square" rtlCol="0" anchor="ctr">
                  <a:noAutofit/>
                </a:bodyPr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/>
                    <a:ea typeface="+mn-ea"/>
                    <a:cs typeface="+mn-cs"/>
                  </a:endParaRPr>
                </a:p>
              </p:txBody>
            </p:sp>
            <p:sp>
              <p:nvSpPr>
                <p:cNvPr id="72" name="Freeform 50"/>
                <p:cNvSpPr/>
                <p:nvPr/>
              </p:nvSpPr>
              <p:spPr>
                <a:xfrm>
                  <a:off x="1891577" y="2772251"/>
                  <a:ext cx="251603" cy="603443"/>
                </a:xfrm>
                <a:custGeom>
                  <a:avLst/>
                  <a:gdLst>
                    <a:gd name="connsiteX0" fmla="*/ 8166 w 284393"/>
                    <a:gd name="connsiteY0" fmla="*/ 0 h 671436"/>
                    <a:gd name="connsiteX1" fmla="*/ 284393 w 284393"/>
                    <a:gd name="connsiteY1" fmla="*/ 0 h 671436"/>
                    <a:gd name="connsiteX2" fmla="*/ 284393 w 284393"/>
                    <a:gd name="connsiteY2" fmla="*/ 664834 h 671436"/>
                    <a:gd name="connsiteX3" fmla="*/ 279872 w 284393"/>
                    <a:gd name="connsiteY3" fmla="*/ 668776 h 671436"/>
                    <a:gd name="connsiteX4" fmla="*/ 260657 w 284393"/>
                    <a:gd name="connsiteY4" fmla="*/ 671436 h 671436"/>
                    <a:gd name="connsiteX5" fmla="*/ 254875 w 284393"/>
                    <a:gd name="connsiteY5" fmla="*/ 651144 h 671436"/>
                    <a:gd name="connsiteX6" fmla="*/ 232209 w 284393"/>
                    <a:gd name="connsiteY6" fmla="*/ 546523 h 671436"/>
                    <a:gd name="connsiteX7" fmla="*/ 663 w 284393"/>
                    <a:gd name="connsiteY7" fmla="*/ 58966 h 671436"/>
                    <a:gd name="connsiteX0" fmla="*/ 287 w 276514"/>
                    <a:gd name="connsiteY0" fmla="*/ 0 h 671436"/>
                    <a:gd name="connsiteX1" fmla="*/ 276514 w 276514"/>
                    <a:gd name="connsiteY1" fmla="*/ 0 h 671436"/>
                    <a:gd name="connsiteX2" fmla="*/ 276514 w 276514"/>
                    <a:gd name="connsiteY2" fmla="*/ 664834 h 671436"/>
                    <a:gd name="connsiteX3" fmla="*/ 271993 w 276514"/>
                    <a:gd name="connsiteY3" fmla="*/ 668776 h 671436"/>
                    <a:gd name="connsiteX4" fmla="*/ 252778 w 276514"/>
                    <a:gd name="connsiteY4" fmla="*/ 671436 h 671436"/>
                    <a:gd name="connsiteX5" fmla="*/ 246996 w 276514"/>
                    <a:gd name="connsiteY5" fmla="*/ 651144 h 671436"/>
                    <a:gd name="connsiteX6" fmla="*/ 224330 w 276514"/>
                    <a:gd name="connsiteY6" fmla="*/ 546523 h 671436"/>
                    <a:gd name="connsiteX7" fmla="*/ 287 w 276514"/>
                    <a:gd name="connsiteY7" fmla="*/ 0 h 671436"/>
                    <a:gd name="connsiteX0" fmla="*/ 437 w 276664"/>
                    <a:gd name="connsiteY0" fmla="*/ 0 h 671436"/>
                    <a:gd name="connsiteX1" fmla="*/ 276664 w 276664"/>
                    <a:gd name="connsiteY1" fmla="*/ 0 h 671436"/>
                    <a:gd name="connsiteX2" fmla="*/ 276664 w 276664"/>
                    <a:gd name="connsiteY2" fmla="*/ 664834 h 671436"/>
                    <a:gd name="connsiteX3" fmla="*/ 272143 w 276664"/>
                    <a:gd name="connsiteY3" fmla="*/ 668776 h 671436"/>
                    <a:gd name="connsiteX4" fmla="*/ 252928 w 276664"/>
                    <a:gd name="connsiteY4" fmla="*/ 671436 h 671436"/>
                    <a:gd name="connsiteX5" fmla="*/ 247146 w 276664"/>
                    <a:gd name="connsiteY5" fmla="*/ 651144 h 671436"/>
                    <a:gd name="connsiteX6" fmla="*/ 224480 w 276664"/>
                    <a:gd name="connsiteY6" fmla="*/ 546523 h 671436"/>
                    <a:gd name="connsiteX7" fmla="*/ 437 w 276664"/>
                    <a:gd name="connsiteY7" fmla="*/ 0 h 671436"/>
                    <a:gd name="connsiteX0" fmla="*/ 6388 w 282615"/>
                    <a:gd name="connsiteY0" fmla="*/ 0 h 671436"/>
                    <a:gd name="connsiteX1" fmla="*/ 282615 w 282615"/>
                    <a:gd name="connsiteY1" fmla="*/ 0 h 671436"/>
                    <a:gd name="connsiteX2" fmla="*/ 282615 w 282615"/>
                    <a:gd name="connsiteY2" fmla="*/ 664834 h 671436"/>
                    <a:gd name="connsiteX3" fmla="*/ 278094 w 282615"/>
                    <a:gd name="connsiteY3" fmla="*/ 668776 h 671436"/>
                    <a:gd name="connsiteX4" fmla="*/ 258879 w 282615"/>
                    <a:gd name="connsiteY4" fmla="*/ 671436 h 671436"/>
                    <a:gd name="connsiteX5" fmla="*/ 253097 w 282615"/>
                    <a:gd name="connsiteY5" fmla="*/ 651144 h 671436"/>
                    <a:gd name="connsiteX6" fmla="*/ 230431 w 282615"/>
                    <a:gd name="connsiteY6" fmla="*/ 546523 h 671436"/>
                    <a:gd name="connsiteX7" fmla="*/ 6388 w 282615"/>
                    <a:gd name="connsiteY7" fmla="*/ 0 h 671436"/>
                    <a:gd name="connsiteX0" fmla="*/ 7995 w 284222"/>
                    <a:gd name="connsiteY0" fmla="*/ 0 h 671436"/>
                    <a:gd name="connsiteX1" fmla="*/ 284222 w 284222"/>
                    <a:gd name="connsiteY1" fmla="*/ 0 h 671436"/>
                    <a:gd name="connsiteX2" fmla="*/ 284222 w 284222"/>
                    <a:gd name="connsiteY2" fmla="*/ 664834 h 671436"/>
                    <a:gd name="connsiteX3" fmla="*/ 279701 w 284222"/>
                    <a:gd name="connsiteY3" fmla="*/ 668776 h 671436"/>
                    <a:gd name="connsiteX4" fmla="*/ 260486 w 284222"/>
                    <a:gd name="connsiteY4" fmla="*/ 671436 h 671436"/>
                    <a:gd name="connsiteX5" fmla="*/ 254704 w 284222"/>
                    <a:gd name="connsiteY5" fmla="*/ 651144 h 671436"/>
                    <a:gd name="connsiteX6" fmla="*/ 232038 w 284222"/>
                    <a:gd name="connsiteY6" fmla="*/ 546523 h 671436"/>
                    <a:gd name="connsiteX7" fmla="*/ 7995 w 284222"/>
                    <a:gd name="connsiteY7" fmla="*/ 0 h 671436"/>
                    <a:gd name="connsiteX0" fmla="*/ 5226 w 281453"/>
                    <a:gd name="connsiteY0" fmla="*/ 0 h 671436"/>
                    <a:gd name="connsiteX1" fmla="*/ 281453 w 281453"/>
                    <a:gd name="connsiteY1" fmla="*/ 0 h 671436"/>
                    <a:gd name="connsiteX2" fmla="*/ 281453 w 281453"/>
                    <a:gd name="connsiteY2" fmla="*/ 664834 h 671436"/>
                    <a:gd name="connsiteX3" fmla="*/ 276932 w 281453"/>
                    <a:gd name="connsiteY3" fmla="*/ 668776 h 671436"/>
                    <a:gd name="connsiteX4" fmla="*/ 257717 w 281453"/>
                    <a:gd name="connsiteY4" fmla="*/ 671436 h 671436"/>
                    <a:gd name="connsiteX5" fmla="*/ 251935 w 281453"/>
                    <a:gd name="connsiteY5" fmla="*/ 651144 h 671436"/>
                    <a:gd name="connsiteX6" fmla="*/ 229269 w 281453"/>
                    <a:gd name="connsiteY6" fmla="*/ 546523 h 671436"/>
                    <a:gd name="connsiteX7" fmla="*/ 5226 w 281453"/>
                    <a:gd name="connsiteY7" fmla="*/ 0 h 671436"/>
                    <a:gd name="connsiteX0" fmla="*/ 5692 w 281919"/>
                    <a:gd name="connsiteY0" fmla="*/ 0 h 671436"/>
                    <a:gd name="connsiteX1" fmla="*/ 281919 w 281919"/>
                    <a:gd name="connsiteY1" fmla="*/ 0 h 671436"/>
                    <a:gd name="connsiteX2" fmla="*/ 281919 w 281919"/>
                    <a:gd name="connsiteY2" fmla="*/ 664834 h 671436"/>
                    <a:gd name="connsiteX3" fmla="*/ 277398 w 281919"/>
                    <a:gd name="connsiteY3" fmla="*/ 668776 h 671436"/>
                    <a:gd name="connsiteX4" fmla="*/ 258183 w 281919"/>
                    <a:gd name="connsiteY4" fmla="*/ 671436 h 671436"/>
                    <a:gd name="connsiteX5" fmla="*/ 252401 w 281919"/>
                    <a:gd name="connsiteY5" fmla="*/ 651144 h 671436"/>
                    <a:gd name="connsiteX6" fmla="*/ 229735 w 281919"/>
                    <a:gd name="connsiteY6" fmla="*/ 546523 h 671436"/>
                    <a:gd name="connsiteX7" fmla="*/ 5692 w 281919"/>
                    <a:gd name="connsiteY7" fmla="*/ 0 h 671436"/>
                    <a:gd name="connsiteX0" fmla="*/ 3725 w 279952"/>
                    <a:gd name="connsiteY0" fmla="*/ 0 h 671436"/>
                    <a:gd name="connsiteX1" fmla="*/ 279952 w 279952"/>
                    <a:gd name="connsiteY1" fmla="*/ 0 h 671436"/>
                    <a:gd name="connsiteX2" fmla="*/ 279952 w 279952"/>
                    <a:gd name="connsiteY2" fmla="*/ 664834 h 671436"/>
                    <a:gd name="connsiteX3" fmla="*/ 275431 w 279952"/>
                    <a:gd name="connsiteY3" fmla="*/ 668776 h 671436"/>
                    <a:gd name="connsiteX4" fmla="*/ 256216 w 279952"/>
                    <a:gd name="connsiteY4" fmla="*/ 671436 h 671436"/>
                    <a:gd name="connsiteX5" fmla="*/ 250434 w 279952"/>
                    <a:gd name="connsiteY5" fmla="*/ 651144 h 671436"/>
                    <a:gd name="connsiteX6" fmla="*/ 227768 w 279952"/>
                    <a:gd name="connsiteY6" fmla="*/ 546523 h 671436"/>
                    <a:gd name="connsiteX7" fmla="*/ 3725 w 279952"/>
                    <a:gd name="connsiteY7" fmla="*/ 0 h 671436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</a:cxnLst>
                  <a:rect l="l" t="t" r="r" b="b"/>
                  <a:pathLst>
                    <a:path w="279952" h="671436">
                      <a:moveTo>
                        <a:pt x="3725" y="0"/>
                      </a:moveTo>
                      <a:lnTo>
                        <a:pt x="279952" y="0"/>
                      </a:lnTo>
                      <a:lnTo>
                        <a:pt x="279952" y="664834"/>
                      </a:lnTo>
                      <a:lnTo>
                        <a:pt x="275431" y="668776"/>
                      </a:lnTo>
                      <a:lnTo>
                        <a:pt x="256216" y="671436"/>
                      </a:lnTo>
                      <a:lnTo>
                        <a:pt x="250434" y="651144"/>
                      </a:lnTo>
                      <a:cubicBezTo>
                        <a:pt x="241691" y="616409"/>
                        <a:pt x="234081" y="581475"/>
                        <a:pt x="227768" y="546523"/>
                      </a:cubicBezTo>
                      <a:cubicBezTo>
                        <a:pt x="65205" y="473719"/>
                        <a:pt x="-19260" y="241106"/>
                        <a:pt x="3725" y="0"/>
                      </a:cubicBezTo>
                      <a:close/>
                    </a:path>
                  </a:pathLst>
                </a:custGeom>
                <a:solidFill>
                  <a:srgbClr val="6DC0FF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wrap="square" rtlCol="0" anchor="ctr">
                  <a:noAutofit/>
                </a:bodyPr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/>
                    <a:ea typeface="+mn-ea"/>
                    <a:cs typeface="+mn-cs"/>
                  </a:endParaRPr>
                </a:p>
              </p:txBody>
            </p:sp>
            <p:sp>
              <p:nvSpPr>
                <p:cNvPr id="73" name="Freeform 51"/>
                <p:cNvSpPr/>
                <p:nvPr/>
              </p:nvSpPr>
              <p:spPr>
                <a:xfrm>
                  <a:off x="2121846" y="2573447"/>
                  <a:ext cx="1597574" cy="1776194"/>
                </a:xfrm>
                <a:custGeom>
                  <a:avLst/>
                  <a:gdLst>
                    <a:gd name="connsiteX0" fmla="*/ 770609 w 1777580"/>
                    <a:gd name="connsiteY0" fmla="*/ 6 h 1960707"/>
                    <a:gd name="connsiteX1" fmla="*/ 862877 w 1777580"/>
                    <a:gd name="connsiteY1" fmla="*/ 183180 h 1960707"/>
                    <a:gd name="connsiteX2" fmla="*/ 852831 w 1777580"/>
                    <a:gd name="connsiteY2" fmla="*/ 210002 h 1960707"/>
                    <a:gd name="connsiteX3" fmla="*/ 854381 w 1777580"/>
                    <a:gd name="connsiteY3" fmla="*/ 221198 h 1960707"/>
                    <a:gd name="connsiteX4" fmla="*/ 1524732 w 1777580"/>
                    <a:gd name="connsiteY4" fmla="*/ 221198 h 1960707"/>
                    <a:gd name="connsiteX5" fmla="*/ 1524732 w 1777580"/>
                    <a:gd name="connsiteY5" fmla="*/ 884057 h 1960707"/>
                    <a:gd name="connsiteX6" fmla="*/ 1544663 w 1777580"/>
                    <a:gd name="connsiteY6" fmla="*/ 896499 h 1960707"/>
                    <a:gd name="connsiteX7" fmla="*/ 1592479 w 1777580"/>
                    <a:gd name="connsiteY7" fmla="*/ 885474 h 1960707"/>
                    <a:gd name="connsiteX8" fmla="*/ 1704675 w 1777580"/>
                    <a:gd name="connsiteY8" fmla="*/ 836231 h 1960707"/>
                    <a:gd name="connsiteX9" fmla="*/ 1594402 w 1777580"/>
                    <a:gd name="connsiteY9" fmla="*/ 1065416 h 1960707"/>
                    <a:gd name="connsiteX10" fmla="*/ 1525546 w 1777580"/>
                    <a:gd name="connsiteY10" fmla="*/ 1075461 h 1960707"/>
                    <a:gd name="connsiteX11" fmla="*/ 1524732 w 1777580"/>
                    <a:gd name="connsiteY11" fmla="*/ 1076929 h 1960707"/>
                    <a:gd name="connsiteX12" fmla="*/ 1524732 w 1777580"/>
                    <a:gd name="connsiteY12" fmla="*/ 1727271 h 1960707"/>
                    <a:gd name="connsiteX13" fmla="*/ 849755 w 1777580"/>
                    <a:gd name="connsiteY13" fmla="*/ 1727271 h 1960707"/>
                    <a:gd name="connsiteX14" fmla="*/ 849431 w 1777580"/>
                    <a:gd name="connsiteY14" fmla="*/ 1727791 h 1960707"/>
                    <a:gd name="connsiteX15" fmla="*/ 860456 w 1777580"/>
                    <a:gd name="connsiteY15" fmla="*/ 1775607 h 1960707"/>
                    <a:gd name="connsiteX16" fmla="*/ 680514 w 1777580"/>
                    <a:gd name="connsiteY16" fmla="*/ 1777529 h 1960707"/>
                    <a:gd name="connsiteX17" fmla="*/ 687435 w 1777580"/>
                    <a:gd name="connsiteY17" fmla="*/ 1728128 h 1960707"/>
                    <a:gd name="connsiteX18" fmla="*/ 686688 w 1777580"/>
                    <a:gd name="connsiteY18" fmla="*/ 1727271 h 1960707"/>
                    <a:gd name="connsiteX19" fmla="*/ 302850 w 1777580"/>
                    <a:gd name="connsiteY19" fmla="*/ 1727271 h 1960707"/>
                    <a:gd name="connsiteX20" fmla="*/ 304569 w 1777580"/>
                    <a:gd name="connsiteY20" fmla="*/ 1714962 h 1960707"/>
                    <a:gd name="connsiteX21" fmla="*/ 288549 w 1777580"/>
                    <a:gd name="connsiteY21" fmla="*/ 1510809 h 1960707"/>
                    <a:gd name="connsiteX22" fmla="*/ 23686 w 1777580"/>
                    <a:gd name="connsiteY22" fmla="*/ 975770 h 1960707"/>
                    <a:gd name="connsiteX23" fmla="*/ 0 w 1777580"/>
                    <a:gd name="connsiteY23" fmla="*/ 892634 h 1960707"/>
                    <a:gd name="connsiteX24" fmla="*/ 18659 w 1777580"/>
                    <a:gd name="connsiteY24" fmla="*/ 890052 h 1960707"/>
                    <a:gd name="connsiteX25" fmla="*/ 18659 w 1777580"/>
                    <a:gd name="connsiteY25" fmla="*/ 221198 h 1960707"/>
                    <a:gd name="connsiteX26" fmla="*/ 694590 w 1777580"/>
                    <a:gd name="connsiteY26" fmla="*/ 221198 h 1960707"/>
                    <a:gd name="connsiteX27" fmla="*/ 695273 w 1777580"/>
                    <a:gd name="connsiteY27" fmla="*/ 208497 h 1960707"/>
                    <a:gd name="connsiteX28" fmla="*/ 682935 w 1777580"/>
                    <a:gd name="connsiteY28" fmla="*/ 185102 h 1960707"/>
                    <a:gd name="connsiteX29" fmla="*/ 770609 w 1777580"/>
                    <a:gd name="connsiteY29" fmla="*/ 6 h 1960707"/>
                    <a:gd name="connsiteX0" fmla="*/ 770609 w 1777580"/>
                    <a:gd name="connsiteY0" fmla="*/ 6 h 1972560"/>
                    <a:gd name="connsiteX1" fmla="*/ 862877 w 1777580"/>
                    <a:gd name="connsiteY1" fmla="*/ 183180 h 1972560"/>
                    <a:gd name="connsiteX2" fmla="*/ 852831 w 1777580"/>
                    <a:gd name="connsiteY2" fmla="*/ 210002 h 1972560"/>
                    <a:gd name="connsiteX3" fmla="*/ 854381 w 1777580"/>
                    <a:gd name="connsiteY3" fmla="*/ 221198 h 1972560"/>
                    <a:gd name="connsiteX4" fmla="*/ 1524732 w 1777580"/>
                    <a:gd name="connsiteY4" fmla="*/ 221198 h 1972560"/>
                    <a:gd name="connsiteX5" fmla="*/ 1524732 w 1777580"/>
                    <a:gd name="connsiteY5" fmla="*/ 884057 h 1972560"/>
                    <a:gd name="connsiteX6" fmla="*/ 1544663 w 1777580"/>
                    <a:gd name="connsiteY6" fmla="*/ 896499 h 1972560"/>
                    <a:gd name="connsiteX7" fmla="*/ 1592479 w 1777580"/>
                    <a:gd name="connsiteY7" fmla="*/ 885474 h 1972560"/>
                    <a:gd name="connsiteX8" fmla="*/ 1704675 w 1777580"/>
                    <a:gd name="connsiteY8" fmla="*/ 836231 h 1972560"/>
                    <a:gd name="connsiteX9" fmla="*/ 1594402 w 1777580"/>
                    <a:gd name="connsiteY9" fmla="*/ 1065416 h 1972560"/>
                    <a:gd name="connsiteX10" fmla="*/ 1525546 w 1777580"/>
                    <a:gd name="connsiteY10" fmla="*/ 1075461 h 1972560"/>
                    <a:gd name="connsiteX11" fmla="*/ 1524732 w 1777580"/>
                    <a:gd name="connsiteY11" fmla="*/ 1076929 h 1972560"/>
                    <a:gd name="connsiteX12" fmla="*/ 1524732 w 1777580"/>
                    <a:gd name="connsiteY12" fmla="*/ 1727271 h 1972560"/>
                    <a:gd name="connsiteX13" fmla="*/ 849755 w 1777580"/>
                    <a:gd name="connsiteY13" fmla="*/ 1727271 h 1972560"/>
                    <a:gd name="connsiteX14" fmla="*/ 849431 w 1777580"/>
                    <a:gd name="connsiteY14" fmla="*/ 1727791 h 1972560"/>
                    <a:gd name="connsiteX15" fmla="*/ 860456 w 1777580"/>
                    <a:gd name="connsiteY15" fmla="*/ 1775607 h 1972560"/>
                    <a:gd name="connsiteX16" fmla="*/ 680514 w 1777580"/>
                    <a:gd name="connsiteY16" fmla="*/ 1777529 h 1972560"/>
                    <a:gd name="connsiteX17" fmla="*/ 687435 w 1777580"/>
                    <a:gd name="connsiteY17" fmla="*/ 1728128 h 1972560"/>
                    <a:gd name="connsiteX18" fmla="*/ 686688 w 1777580"/>
                    <a:gd name="connsiteY18" fmla="*/ 1727271 h 1972560"/>
                    <a:gd name="connsiteX19" fmla="*/ 302850 w 1777580"/>
                    <a:gd name="connsiteY19" fmla="*/ 1727271 h 1972560"/>
                    <a:gd name="connsiteX20" fmla="*/ 304569 w 1777580"/>
                    <a:gd name="connsiteY20" fmla="*/ 1714962 h 1972560"/>
                    <a:gd name="connsiteX21" fmla="*/ 288549 w 1777580"/>
                    <a:gd name="connsiteY21" fmla="*/ 1510809 h 1972560"/>
                    <a:gd name="connsiteX22" fmla="*/ 23686 w 1777580"/>
                    <a:gd name="connsiteY22" fmla="*/ 975770 h 1972560"/>
                    <a:gd name="connsiteX23" fmla="*/ 0 w 1777580"/>
                    <a:gd name="connsiteY23" fmla="*/ 892634 h 1972560"/>
                    <a:gd name="connsiteX24" fmla="*/ 18659 w 1777580"/>
                    <a:gd name="connsiteY24" fmla="*/ 890052 h 1972560"/>
                    <a:gd name="connsiteX25" fmla="*/ 18659 w 1777580"/>
                    <a:gd name="connsiteY25" fmla="*/ 221198 h 1972560"/>
                    <a:gd name="connsiteX26" fmla="*/ 694590 w 1777580"/>
                    <a:gd name="connsiteY26" fmla="*/ 221198 h 1972560"/>
                    <a:gd name="connsiteX27" fmla="*/ 695273 w 1777580"/>
                    <a:gd name="connsiteY27" fmla="*/ 208497 h 1972560"/>
                    <a:gd name="connsiteX28" fmla="*/ 682935 w 1777580"/>
                    <a:gd name="connsiteY28" fmla="*/ 185102 h 1972560"/>
                    <a:gd name="connsiteX29" fmla="*/ 770609 w 1777580"/>
                    <a:gd name="connsiteY29" fmla="*/ 6 h 1972560"/>
                    <a:gd name="connsiteX0" fmla="*/ 770609 w 1777580"/>
                    <a:gd name="connsiteY0" fmla="*/ 6 h 1976318"/>
                    <a:gd name="connsiteX1" fmla="*/ 862877 w 1777580"/>
                    <a:gd name="connsiteY1" fmla="*/ 183180 h 1976318"/>
                    <a:gd name="connsiteX2" fmla="*/ 852831 w 1777580"/>
                    <a:gd name="connsiteY2" fmla="*/ 210002 h 1976318"/>
                    <a:gd name="connsiteX3" fmla="*/ 854381 w 1777580"/>
                    <a:gd name="connsiteY3" fmla="*/ 221198 h 1976318"/>
                    <a:gd name="connsiteX4" fmla="*/ 1524732 w 1777580"/>
                    <a:gd name="connsiteY4" fmla="*/ 221198 h 1976318"/>
                    <a:gd name="connsiteX5" fmla="*/ 1524732 w 1777580"/>
                    <a:gd name="connsiteY5" fmla="*/ 884057 h 1976318"/>
                    <a:gd name="connsiteX6" fmla="*/ 1544663 w 1777580"/>
                    <a:gd name="connsiteY6" fmla="*/ 896499 h 1976318"/>
                    <a:gd name="connsiteX7" fmla="*/ 1592479 w 1777580"/>
                    <a:gd name="connsiteY7" fmla="*/ 885474 h 1976318"/>
                    <a:gd name="connsiteX8" fmla="*/ 1704675 w 1777580"/>
                    <a:gd name="connsiteY8" fmla="*/ 836231 h 1976318"/>
                    <a:gd name="connsiteX9" fmla="*/ 1594402 w 1777580"/>
                    <a:gd name="connsiteY9" fmla="*/ 1065416 h 1976318"/>
                    <a:gd name="connsiteX10" fmla="*/ 1525546 w 1777580"/>
                    <a:gd name="connsiteY10" fmla="*/ 1075461 h 1976318"/>
                    <a:gd name="connsiteX11" fmla="*/ 1524732 w 1777580"/>
                    <a:gd name="connsiteY11" fmla="*/ 1076929 h 1976318"/>
                    <a:gd name="connsiteX12" fmla="*/ 1524732 w 1777580"/>
                    <a:gd name="connsiteY12" fmla="*/ 1727271 h 1976318"/>
                    <a:gd name="connsiteX13" fmla="*/ 849755 w 1777580"/>
                    <a:gd name="connsiteY13" fmla="*/ 1727271 h 1976318"/>
                    <a:gd name="connsiteX14" fmla="*/ 849431 w 1777580"/>
                    <a:gd name="connsiteY14" fmla="*/ 1727791 h 1976318"/>
                    <a:gd name="connsiteX15" fmla="*/ 860456 w 1777580"/>
                    <a:gd name="connsiteY15" fmla="*/ 1775607 h 1976318"/>
                    <a:gd name="connsiteX16" fmla="*/ 680514 w 1777580"/>
                    <a:gd name="connsiteY16" fmla="*/ 1777529 h 1976318"/>
                    <a:gd name="connsiteX17" fmla="*/ 687435 w 1777580"/>
                    <a:gd name="connsiteY17" fmla="*/ 1728128 h 1976318"/>
                    <a:gd name="connsiteX18" fmla="*/ 686688 w 1777580"/>
                    <a:gd name="connsiteY18" fmla="*/ 1727271 h 1976318"/>
                    <a:gd name="connsiteX19" fmla="*/ 302850 w 1777580"/>
                    <a:gd name="connsiteY19" fmla="*/ 1727271 h 1976318"/>
                    <a:gd name="connsiteX20" fmla="*/ 304569 w 1777580"/>
                    <a:gd name="connsiteY20" fmla="*/ 1714962 h 1976318"/>
                    <a:gd name="connsiteX21" fmla="*/ 288549 w 1777580"/>
                    <a:gd name="connsiteY21" fmla="*/ 1510809 h 1976318"/>
                    <a:gd name="connsiteX22" fmla="*/ 23686 w 1777580"/>
                    <a:gd name="connsiteY22" fmla="*/ 975770 h 1976318"/>
                    <a:gd name="connsiteX23" fmla="*/ 0 w 1777580"/>
                    <a:gd name="connsiteY23" fmla="*/ 892634 h 1976318"/>
                    <a:gd name="connsiteX24" fmla="*/ 18659 w 1777580"/>
                    <a:gd name="connsiteY24" fmla="*/ 890052 h 1976318"/>
                    <a:gd name="connsiteX25" fmla="*/ 18659 w 1777580"/>
                    <a:gd name="connsiteY25" fmla="*/ 221198 h 1976318"/>
                    <a:gd name="connsiteX26" fmla="*/ 694590 w 1777580"/>
                    <a:gd name="connsiteY26" fmla="*/ 221198 h 1976318"/>
                    <a:gd name="connsiteX27" fmla="*/ 695273 w 1777580"/>
                    <a:gd name="connsiteY27" fmla="*/ 208497 h 1976318"/>
                    <a:gd name="connsiteX28" fmla="*/ 682935 w 1777580"/>
                    <a:gd name="connsiteY28" fmla="*/ 185102 h 1976318"/>
                    <a:gd name="connsiteX29" fmla="*/ 770609 w 1777580"/>
                    <a:gd name="connsiteY29" fmla="*/ 6 h 1976318"/>
                    <a:gd name="connsiteX0" fmla="*/ 770609 w 1777580"/>
                    <a:gd name="connsiteY0" fmla="*/ 8 h 1976320"/>
                    <a:gd name="connsiteX1" fmla="*/ 871531 w 1777580"/>
                    <a:gd name="connsiteY1" fmla="*/ 180298 h 1976320"/>
                    <a:gd name="connsiteX2" fmla="*/ 852831 w 1777580"/>
                    <a:gd name="connsiteY2" fmla="*/ 210004 h 1976320"/>
                    <a:gd name="connsiteX3" fmla="*/ 854381 w 1777580"/>
                    <a:gd name="connsiteY3" fmla="*/ 221200 h 1976320"/>
                    <a:gd name="connsiteX4" fmla="*/ 1524732 w 1777580"/>
                    <a:gd name="connsiteY4" fmla="*/ 221200 h 1976320"/>
                    <a:gd name="connsiteX5" fmla="*/ 1524732 w 1777580"/>
                    <a:gd name="connsiteY5" fmla="*/ 884059 h 1976320"/>
                    <a:gd name="connsiteX6" fmla="*/ 1544663 w 1777580"/>
                    <a:gd name="connsiteY6" fmla="*/ 896501 h 1976320"/>
                    <a:gd name="connsiteX7" fmla="*/ 1592479 w 1777580"/>
                    <a:gd name="connsiteY7" fmla="*/ 885476 h 1976320"/>
                    <a:gd name="connsiteX8" fmla="*/ 1704675 w 1777580"/>
                    <a:gd name="connsiteY8" fmla="*/ 836233 h 1976320"/>
                    <a:gd name="connsiteX9" fmla="*/ 1594402 w 1777580"/>
                    <a:gd name="connsiteY9" fmla="*/ 1065418 h 1976320"/>
                    <a:gd name="connsiteX10" fmla="*/ 1525546 w 1777580"/>
                    <a:gd name="connsiteY10" fmla="*/ 1075463 h 1976320"/>
                    <a:gd name="connsiteX11" fmla="*/ 1524732 w 1777580"/>
                    <a:gd name="connsiteY11" fmla="*/ 1076931 h 1976320"/>
                    <a:gd name="connsiteX12" fmla="*/ 1524732 w 1777580"/>
                    <a:gd name="connsiteY12" fmla="*/ 1727273 h 1976320"/>
                    <a:gd name="connsiteX13" fmla="*/ 849755 w 1777580"/>
                    <a:gd name="connsiteY13" fmla="*/ 1727273 h 1976320"/>
                    <a:gd name="connsiteX14" fmla="*/ 849431 w 1777580"/>
                    <a:gd name="connsiteY14" fmla="*/ 1727793 h 1976320"/>
                    <a:gd name="connsiteX15" fmla="*/ 860456 w 1777580"/>
                    <a:gd name="connsiteY15" fmla="*/ 1775609 h 1976320"/>
                    <a:gd name="connsiteX16" fmla="*/ 680514 w 1777580"/>
                    <a:gd name="connsiteY16" fmla="*/ 1777531 h 1976320"/>
                    <a:gd name="connsiteX17" fmla="*/ 687435 w 1777580"/>
                    <a:gd name="connsiteY17" fmla="*/ 1728130 h 1976320"/>
                    <a:gd name="connsiteX18" fmla="*/ 686688 w 1777580"/>
                    <a:gd name="connsiteY18" fmla="*/ 1727273 h 1976320"/>
                    <a:gd name="connsiteX19" fmla="*/ 302850 w 1777580"/>
                    <a:gd name="connsiteY19" fmla="*/ 1727273 h 1976320"/>
                    <a:gd name="connsiteX20" fmla="*/ 304569 w 1777580"/>
                    <a:gd name="connsiteY20" fmla="*/ 1714964 h 1976320"/>
                    <a:gd name="connsiteX21" fmla="*/ 288549 w 1777580"/>
                    <a:gd name="connsiteY21" fmla="*/ 1510811 h 1976320"/>
                    <a:gd name="connsiteX22" fmla="*/ 23686 w 1777580"/>
                    <a:gd name="connsiteY22" fmla="*/ 975772 h 1976320"/>
                    <a:gd name="connsiteX23" fmla="*/ 0 w 1777580"/>
                    <a:gd name="connsiteY23" fmla="*/ 892636 h 1976320"/>
                    <a:gd name="connsiteX24" fmla="*/ 18659 w 1777580"/>
                    <a:gd name="connsiteY24" fmla="*/ 890054 h 1976320"/>
                    <a:gd name="connsiteX25" fmla="*/ 18659 w 1777580"/>
                    <a:gd name="connsiteY25" fmla="*/ 221200 h 1976320"/>
                    <a:gd name="connsiteX26" fmla="*/ 694590 w 1777580"/>
                    <a:gd name="connsiteY26" fmla="*/ 221200 h 1976320"/>
                    <a:gd name="connsiteX27" fmla="*/ 695273 w 1777580"/>
                    <a:gd name="connsiteY27" fmla="*/ 208499 h 1976320"/>
                    <a:gd name="connsiteX28" fmla="*/ 682935 w 1777580"/>
                    <a:gd name="connsiteY28" fmla="*/ 185104 h 1976320"/>
                    <a:gd name="connsiteX29" fmla="*/ 770609 w 1777580"/>
                    <a:gd name="connsiteY29" fmla="*/ 8 h 1976320"/>
                    <a:gd name="connsiteX0" fmla="*/ 770609 w 1777580"/>
                    <a:gd name="connsiteY0" fmla="*/ 14 h 1976326"/>
                    <a:gd name="connsiteX1" fmla="*/ 871531 w 1777580"/>
                    <a:gd name="connsiteY1" fmla="*/ 180304 h 1976326"/>
                    <a:gd name="connsiteX2" fmla="*/ 852831 w 1777580"/>
                    <a:gd name="connsiteY2" fmla="*/ 210010 h 1976326"/>
                    <a:gd name="connsiteX3" fmla="*/ 854381 w 1777580"/>
                    <a:gd name="connsiteY3" fmla="*/ 221206 h 1976326"/>
                    <a:gd name="connsiteX4" fmla="*/ 1524732 w 1777580"/>
                    <a:gd name="connsiteY4" fmla="*/ 221206 h 1976326"/>
                    <a:gd name="connsiteX5" fmla="*/ 1524732 w 1777580"/>
                    <a:gd name="connsiteY5" fmla="*/ 884065 h 1976326"/>
                    <a:gd name="connsiteX6" fmla="*/ 1544663 w 1777580"/>
                    <a:gd name="connsiteY6" fmla="*/ 896507 h 1976326"/>
                    <a:gd name="connsiteX7" fmla="*/ 1592479 w 1777580"/>
                    <a:gd name="connsiteY7" fmla="*/ 885482 h 1976326"/>
                    <a:gd name="connsiteX8" fmla="*/ 1704675 w 1777580"/>
                    <a:gd name="connsiteY8" fmla="*/ 836239 h 1976326"/>
                    <a:gd name="connsiteX9" fmla="*/ 1594402 w 1777580"/>
                    <a:gd name="connsiteY9" fmla="*/ 1065424 h 1976326"/>
                    <a:gd name="connsiteX10" fmla="*/ 1525546 w 1777580"/>
                    <a:gd name="connsiteY10" fmla="*/ 1075469 h 1976326"/>
                    <a:gd name="connsiteX11" fmla="*/ 1524732 w 1777580"/>
                    <a:gd name="connsiteY11" fmla="*/ 1076937 h 1976326"/>
                    <a:gd name="connsiteX12" fmla="*/ 1524732 w 1777580"/>
                    <a:gd name="connsiteY12" fmla="*/ 1727279 h 1976326"/>
                    <a:gd name="connsiteX13" fmla="*/ 849755 w 1777580"/>
                    <a:gd name="connsiteY13" fmla="*/ 1727279 h 1976326"/>
                    <a:gd name="connsiteX14" fmla="*/ 849431 w 1777580"/>
                    <a:gd name="connsiteY14" fmla="*/ 1727799 h 1976326"/>
                    <a:gd name="connsiteX15" fmla="*/ 860456 w 1777580"/>
                    <a:gd name="connsiteY15" fmla="*/ 1775615 h 1976326"/>
                    <a:gd name="connsiteX16" fmla="*/ 680514 w 1777580"/>
                    <a:gd name="connsiteY16" fmla="*/ 1777537 h 1976326"/>
                    <a:gd name="connsiteX17" fmla="*/ 687435 w 1777580"/>
                    <a:gd name="connsiteY17" fmla="*/ 1728136 h 1976326"/>
                    <a:gd name="connsiteX18" fmla="*/ 686688 w 1777580"/>
                    <a:gd name="connsiteY18" fmla="*/ 1727279 h 1976326"/>
                    <a:gd name="connsiteX19" fmla="*/ 302850 w 1777580"/>
                    <a:gd name="connsiteY19" fmla="*/ 1727279 h 1976326"/>
                    <a:gd name="connsiteX20" fmla="*/ 304569 w 1777580"/>
                    <a:gd name="connsiteY20" fmla="*/ 1714970 h 1976326"/>
                    <a:gd name="connsiteX21" fmla="*/ 288549 w 1777580"/>
                    <a:gd name="connsiteY21" fmla="*/ 1510817 h 1976326"/>
                    <a:gd name="connsiteX22" fmla="*/ 23686 w 1777580"/>
                    <a:gd name="connsiteY22" fmla="*/ 975778 h 1976326"/>
                    <a:gd name="connsiteX23" fmla="*/ 0 w 1777580"/>
                    <a:gd name="connsiteY23" fmla="*/ 892642 h 1976326"/>
                    <a:gd name="connsiteX24" fmla="*/ 18659 w 1777580"/>
                    <a:gd name="connsiteY24" fmla="*/ 890060 h 1976326"/>
                    <a:gd name="connsiteX25" fmla="*/ 18659 w 1777580"/>
                    <a:gd name="connsiteY25" fmla="*/ 221206 h 1976326"/>
                    <a:gd name="connsiteX26" fmla="*/ 694590 w 1777580"/>
                    <a:gd name="connsiteY26" fmla="*/ 221206 h 1976326"/>
                    <a:gd name="connsiteX27" fmla="*/ 695273 w 1777580"/>
                    <a:gd name="connsiteY27" fmla="*/ 208505 h 1976326"/>
                    <a:gd name="connsiteX28" fmla="*/ 682935 w 1777580"/>
                    <a:gd name="connsiteY28" fmla="*/ 185110 h 1976326"/>
                    <a:gd name="connsiteX29" fmla="*/ 770609 w 1777580"/>
                    <a:gd name="connsiteY29" fmla="*/ 14 h 1976326"/>
                    <a:gd name="connsiteX0" fmla="*/ 770609 w 1777580"/>
                    <a:gd name="connsiteY0" fmla="*/ 14 h 1976326"/>
                    <a:gd name="connsiteX1" fmla="*/ 871531 w 1777580"/>
                    <a:gd name="connsiteY1" fmla="*/ 180304 h 1976326"/>
                    <a:gd name="connsiteX2" fmla="*/ 852831 w 1777580"/>
                    <a:gd name="connsiteY2" fmla="*/ 210010 h 1976326"/>
                    <a:gd name="connsiteX3" fmla="*/ 854381 w 1777580"/>
                    <a:gd name="connsiteY3" fmla="*/ 221206 h 1976326"/>
                    <a:gd name="connsiteX4" fmla="*/ 1524732 w 1777580"/>
                    <a:gd name="connsiteY4" fmla="*/ 221206 h 1976326"/>
                    <a:gd name="connsiteX5" fmla="*/ 1524732 w 1777580"/>
                    <a:gd name="connsiteY5" fmla="*/ 884065 h 1976326"/>
                    <a:gd name="connsiteX6" fmla="*/ 1544663 w 1777580"/>
                    <a:gd name="connsiteY6" fmla="*/ 896507 h 1976326"/>
                    <a:gd name="connsiteX7" fmla="*/ 1592479 w 1777580"/>
                    <a:gd name="connsiteY7" fmla="*/ 885482 h 1976326"/>
                    <a:gd name="connsiteX8" fmla="*/ 1704675 w 1777580"/>
                    <a:gd name="connsiteY8" fmla="*/ 836239 h 1976326"/>
                    <a:gd name="connsiteX9" fmla="*/ 1594402 w 1777580"/>
                    <a:gd name="connsiteY9" fmla="*/ 1065424 h 1976326"/>
                    <a:gd name="connsiteX10" fmla="*/ 1525546 w 1777580"/>
                    <a:gd name="connsiteY10" fmla="*/ 1075469 h 1976326"/>
                    <a:gd name="connsiteX11" fmla="*/ 1524732 w 1777580"/>
                    <a:gd name="connsiteY11" fmla="*/ 1076937 h 1976326"/>
                    <a:gd name="connsiteX12" fmla="*/ 1524732 w 1777580"/>
                    <a:gd name="connsiteY12" fmla="*/ 1727279 h 1976326"/>
                    <a:gd name="connsiteX13" fmla="*/ 849755 w 1777580"/>
                    <a:gd name="connsiteY13" fmla="*/ 1727279 h 1976326"/>
                    <a:gd name="connsiteX14" fmla="*/ 849431 w 1777580"/>
                    <a:gd name="connsiteY14" fmla="*/ 1727799 h 1976326"/>
                    <a:gd name="connsiteX15" fmla="*/ 860456 w 1777580"/>
                    <a:gd name="connsiteY15" fmla="*/ 1775615 h 1976326"/>
                    <a:gd name="connsiteX16" fmla="*/ 680514 w 1777580"/>
                    <a:gd name="connsiteY16" fmla="*/ 1777537 h 1976326"/>
                    <a:gd name="connsiteX17" fmla="*/ 687435 w 1777580"/>
                    <a:gd name="connsiteY17" fmla="*/ 1728136 h 1976326"/>
                    <a:gd name="connsiteX18" fmla="*/ 686688 w 1777580"/>
                    <a:gd name="connsiteY18" fmla="*/ 1727279 h 1976326"/>
                    <a:gd name="connsiteX19" fmla="*/ 302850 w 1777580"/>
                    <a:gd name="connsiteY19" fmla="*/ 1727279 h 1976326"/>
                    <a:gd name="connsiteX20" fmla="*/ 304569 w 1777580"/>
                    <a:gd name="connsiteY20" fmla="*/ 1714970 h 1976326"/>
                    <a:gd name="connsiteX21" fmla="*/ 288549 w 1777580"/>
                    <a:gd name="connsiteY21" fmla="*/ 1510817 h 1976326"/>
                    <a:gd name="connsiteX22" fmla="*/ 23686 w 1777580"/>
                    <a:gd name="connsiteY22" fmla="*/ 975778 h 1976326"/>
                    <a:gd name="connsiteX23" fmla="*/ 0 w 1777580"/>
                    <a:gd name="connsiteY23" fmla="*/ 892642 h 1976326"/>
                    <a:gd name="connsiteX24" fmla="*/ 18659 w 1777580"/>
                    <a:gd name="connsiteY24" fmla="*/ 890060 h 1976326"/>
                    <a:gd name="connsiteX25" fmla="*/ 18659 w 1777580"/>
                    <a:gd name="connsiteY25" fmla="*/ 221206 h 1976326"/>
                    <a:gd name="connsiteX26" fmla="*/ 694590 w 1777580"/>
                    <a:gd name="connsiteY26" fmla="*/ 221206 h 1976326"/>
                    <a:gd name="connsiteX27" fmla="*/ 695273 w 1777580"/>
                    <a:gd name="connsiteY27" fmla="*/ 208505 h 1976326"/>
                    <a:gd name="connsiteX28" fmla="*/ 682935 w 1777580"/>
                    <a:gd name="connsiteY28" fmla="*/ 185110 h 1976326"/>
                    <a:gd name="connsiteX29" fmla="*/ 770609 w 1777580"/>
                    <a:gd name="connsiteY29" fmla="*/ 14 h 1976326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  <a:cxn ang="0">
                      <a:pos x="connsiteX24" y="connsiteY24"/>
                    </a:cxn>
                    <a:cxn ang="0">
                      <a:pos x="connsiteX25" y="connsiteY25"/>
                    </a:cxn>
                    <a:cxn ang="0">
                      <a:pos x="connsiteX26" y="connsiteY26"/>
                    </a:cxn>
                    <a:cxn ang="0">
                      <a:pos x="connsiteX27" y="connsiteY27"/>
                    </a:cxn>
                    <a:cxn ang="0">
                      <a:pos x="connsiteX28" y="connsiteY28"/>
                    </a:cxn>
                    <a:cxn ang="0">
                      <a:pos x="connsiteX29" y="connsiteY29"/>
                    </a:cxn>
                  </a:cxnLst>
                  <a:rect l="l" t="t" r="r" b="b"/>
                  <a:pathLst>
                    <a:path w="1777580" h="1976326">
                      <a:moveTo>
                        <a:pt x="770609" y="14"/>
                      </a:moveTo>
                      <a:cubicBezTo>
                        <a:pt x="802042" y="-787"/>
                        <a:pt x="997235" y="31255"/>
                        <a:pt x="871531" y="180304"/>
                      </a:cubicBezTo>
                      <a:cubicBezTo>
                        <a:pt x="866062" y="190075"/>
                        <a:pt x="854022" y="201838"/>
                        <a:pt x="852831" y="210010"/>
                      </a:cubicBezTo>
                      <a:lnTo>
                        <a:pt x="854381" y="221206"/>
                      </a:lnTo>
                      <a:lnTo>
                        <a:pt x="1524732" y="221206"/>
                      </a:lnTo>
                      <a:lnTo>
                        <a:pt x="1524732" y="884065"/>
                      </a:lnTo>
                      <a:lnTo>
                        <a:pt x="1544663" y="896507"/>
                      </a:lnTo>
                      <a:cubicBezTo>
                        <a:pt x="1560565" y="901688"/>
                        <a:pt x="1577946" y="898503"/>
                        <a:pt x="1592479" y="885482"/>
                      </a:cubicBezTo>
                      <a:cubicBezTo>
                        <a:pt x="1638389" y="842603"/>
                        <a:pt x="1675805" y="829953"/>
                        <a:pt x="1704675" y="836239"/>
                      </a:cubicBezTo>
                      <a:cubicBezTo>
                        <a:pt x="1829779" y="863476"/>
                        <a:pt x="1794419" y="1246258"/>
                        <a:pt x="1594402" y="1065424"/>
                      </a:cubicBezTo>
                      <a:cubicBezTo>
                        <a:pt x="1565087" y="1049016"/>
                        <a:pt x="1543809" y="1051360"/>
                        <a:pt x="1525546" y="1075469"/>
                      </a:cubicBezTo>
                      <a:lnTo>
                        <a:pt x="1524732" y="1076937"/>
                      </a:lnTo>
                      <a:lnTo>
                        <a:pt x="1524732" y="1727279"/>
                      </a:lnTo>
                      <a:lnTo>
                        <a:pt x="849755" y="1727279"/>
                      </a:lnTo>
                      <a:lnTo>
                        <a:pt x="849431" y="1727799"/>
                      </a:lnTo>
                      <a:cubicBezTo>
                        <a:pt x="844251" y="1743701"/>
                        <a:pt x="846538" y="1761938"/>
                        <a:pt x="860456" y="1775615"/>
                      </a:cubicBezTo>
                      <a:cubicBezTo>
                        <a:pt x="1120144" y="2030798"/>
                        <a:pt x="457949" y="2054709"/>
                        <a:pt x="680514" y="1777537"/>
                      </a:cubicBezTo>
                      <a:cubicBezTo>
                        <a:pt x="691453" y="1757994"/>
                        <a:pt x="694058" y="1742023"/>
                        <a:pt x="687435" y="1728136"/>
                      </a:cubicBezTo>
                      <a:lnTo>
                        <a:pt x="686688" y="1727279"/>
                      </a:lnTo>
                      <a:lnTo>
                        <a:pt x="302850" y="1727279"/>
                      </a:lnTo>
                      <a:lnTo>
                        <a:pt x="304569" y="1714970"/>
                      </a:lnTo>
                      <a:cubicBezTo>
                        <a:pt x="311930" y="1623956"/>
                        <a:pt x="303438" y="1543396"/>
                        <a:pt x="288549" y="1510817"/>
                      </a:cubicBezTo>
                      <a:cubicBezTo>
                        <a:pt x="188806" y="1372033"/>
                        <a:pt x="88774" y="1180723"/>
                        <a:pt x="23686" y="975778"/>
                      </a:cubicBezTo>
                      <a:lnTo>
                        <a:pt x="0" y="892642"/>
                      </a:lnTo>
                      <a:lnTo>
                        <a:pt x="18659" y="890060"/>
                      </a:lnTo>
                      <a:lnTo>
                        <a:pt x="18659" y="221206"/>
                      </a:lnTo>
                      <a:lnTo>
                        <a:pt x="694590" y="221206"/>
                      </a:lnTo>
                      <a:cubicBezTo>
                        <a:pt x="694818" y="216972"/>
                        <a:pt x="695045" y="212739"/>
                        <a:pt x="695273" y="208505"/>
                      </a:cubicBezTo>
                      <a:cubicBezTo>
                        <a:pt x="693497" y="200356"/>
                        <a:pt x="689445" y="192377"/>
                        <a:pt x="682935" y="185110"/>
                      </a:cubicBezTo>
                      <a:cubicBezTo>
                        <a:pt x="548398" y="42494"/>
                        <a:pt x="739176" y="815"/>
                        <a:pt x="770609" y="14"/>
                      </a:cubicBezTo>
                      <a:close/>
                    </a:path>
                  </a:pathLst>
                </a:custGeom>
                <a:solidFill>
                  <a:srgbClr val="A5A5A5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wrap="square" rtlCol="0" anchor="ctr">
                  <a:noAutofit/>
                </a:bodyPr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/>
                    <a:ea typeface="+mn-ea"/>
                    <a:cs typeface="+mn-cs"/>
                  </a:endParaRPr>
                </a:p>
              </p:txBody>
            </p:sp>
            <p:sp>
              <p:nvSpPr>
                <p:cNvPr id="74" name="Freeform 52"/>
                <p:cNvSpPr/>
                <p:nvPr/>
              </p:nvSpPr>
              <p:spPr>
                <a:xfrm>
                  <a:off x="1932390" y="4121249"/>
                  <a:ext cx="1559785" cy="1353560"/>
                </a:xfrm>
                <a:custGeom>
                  <a:avLst/>
                  <a:gdLst>
                    <a:gd name="connsiteX0" fmla="*/ 514362 w 1735534"/>
                    <a:gd name="connsiteY0" fmla="*/ 0 h 1506072"/>
                    <a:gd name="connsiteX1" fmla="*/ 893064 w 1735534"/>
                    <a:gd name="connsiteY1" fmla="*/ 0 h 1506072"/>
                    <a:gd name="connsiteX2" fmla="*/ 898238 w 1735534"/>
                    <a:gd name="connsiteY2" fmla="*/ 5933 h 1506072"/>
                    <a:gd name="connsiteX3" fmla="*/ 891317 w 1735534"/>
                    <a:gd name="connsiteY3" fmla="*/ 55335 h 1506072"/>
                    <a:gd name="connsiteX4" fmla="*/ 1071259 w 1735534"/>
                    <a:gd name="connsiteY4" fmla="*/ 53412 h 1506072"/>
                    <a:gd name="connsiteX5" fmla="*/ 1060234 w 1735534"/>
                    <a:gd name="connsiteY5" fmla="*/ 5596 h 1506072"/>
                    <a:gd name="connsiteX6" fmla="*/ 1063727 w 1735534"/>
                    <a:gd name="connsiteY6" fmla="*/ 0 h 1506072"/>
                    <a:gd name="connsiteX7" fmla="*/ 1735534 w 1735534"/>
                    <a:gd name="connsiteY7" fmla="*/ 0 h 1506072"/>
                    <a:gd name="connsiteX8" fmla="*/ 1735534 w 1735534"/>
                    <a:gd name="connsiteY8" fmla="*/ 664216 h 1506072"/>
                    <a:gd name="connsiteX9" fmla="*/ 1730305 w 1735534"/>
                    <a:gd name="connsiteY9" fmla="*/ 668777 h 1506072"/>
                    <a:gd name="connsiteX10" fmla="*/ 1680903 w 1735534"/>
                    <a:gd name="connsiteY10" fmla="*/ 661856 h 1506072"/>
                    <a:gd name="connsiteX11" fmla="*/ 1682826 w 1735534"/>
                    <a:gd name="connsiteY11" fmla="*/ 841798 h 1506072"/>
                    <a:gd name="connsiteX12" fmla="*/ 1730642 w 1735534"/>
                    <a:gd name="connsiteY12" fmla="*/ 830773 h 1506072"/>
                    <a:gd name="connsiteX13" fmla="*/ 1735534 w 1735534"/>
                    <a:gd name="connsiteY13" fmla="*/ 833827 h 1506072"/>
                    <a:gd name="connsiteX14" fmla="*/ 1735534 w 1735534"/>
                    <a:gd name="connsiteY14" fmla="*/ 1506072 h 1506072"/>
                    <a:gd name="connsiteX15" fmla="*/ 1064610 w 1735534"/>
                    <a:gd name="connsiteY15" fmla="*/ 1506072 h 1506072"/>
                    <a:gd name="connsiteX16" fmla="*/ 1063634 w 1735534"/>
                    <a:gd name="connsiteY16" fmla="*/ 1499022 h 1506072"/>
                    <a:gd name="connsiteX17" fmla="*/ 1073680 w 1735534"/>
                    <a:gd name="connsiteY17" fmla="*/ 1472201 h 1506072"/>
                    <a:gd name="connsiteX18" fmla="*/ 893738 w 1735534"/>
                    <a:gd name="connsiteY18" fmla="*/ 1474123 h 1506072"/>
                    <a:gd name="connsiteX19" fmla="*/ 906076 w 1735534"/>
                    <a:gd name="connsiteY19" fmla="*/ 1497518 h 1506072"/>
                    <a:gd name="connsiteX20" fmla="*/ 905616 w 1735534"/>
                    <a:gd name="connsiteY20" fmla="*/ 1506072 h 1506072"/>
                    <a:gd name="connsiteX21" fmla="*/ 229462 w 1735534"/>
                    <a:gd name="connsiteY21" fmla="*/ 1506072 h 1506072"/>
                    <a:gd name="connsiteX22" fmla="*/ 229462 w 1735534"/>
                    <a:gd name="connsiteY22" fmla="*/ 830587 h 1506072"/>
                    <a:gd name="connsiteX23" fmla="*/ 208496 w 1735534"/>
                    <a:gd name="connsiteY23" fmla="*/ 829460 h 1506072"/>
                    <a:gd name="connsiteX24" fmla="*/ 185101 w 1735534"/>
                    <a:gd name="connsiteY24" fmla="*/ 841798 h 1506072"/>
                    <a:gd name="connsiteX25" fmla="*/ 183179 w 1735534"/>
                    <a:gd name="connsiteY25" fmla="*/ 661856 h 1506072"/>
                    <a:gd name="connsiteX26" fmla="*/ 210000 w 1735534"/>
                    <a:gd name="connsiteY26" fmla="*/ 671902 h 1506072"/>
                    <a:gd name="connsiteX27" fmla="*/ 229462 w 1735534"/>
                    <a:gd name="connsiteY27" fmla="*/ 669208 h 1506072"/>
                    <a:gd name="connsiteX28" fmla="*/ 229462 w 1735534"/>
                    <a:gd name="connsiteY28" fmla="*/ 374058 h 1506072"/>
                    <a:gd name="connsiteX29" fmla="*/ 302670 w 1735534"/>
                    <a:gd name="connsiteY29" fmla="*/ 361208 h 1506072"/>
                    <a:gd name="connsiteX30" fmla="*/ 502375 w 1735534"/>
                    <a:gd name="connsiteY30" fmla="*/ 85876 h 1506072"/>
                    <a:gd name="connsiteX0" fmla="*/ 514362 w 1735534"/>
                    <a:gd name="connsiteY0" fmla="*/ 0 h 1506072"/>
                    <a:gd name="connsiteX1" fmla="*/ 893064 w 1735534"/>
                    <a:gd name="connsiteY1" fmla="*/ 0 h 1506072"/>
                    <a:gd name="connsiteX2" fmla="*/ 898238 w 1735534"/>
                    <a:gd name="connsiteY2" fmla="*/ 5933 h 1506072"/>
                    <a:gd name="connsiteX3" fmla="*/ 911981 w 1735534"/>
                    <a:gd name="connsiteY3" fmla="*/ 50169 h 1506072"/>
                    <a:gd name="connsiteX4" fmla="*/ 1071259 w 1735534"/>
                    <a:gd name="connsiteY4" fmla="*/ 53412 h 1506072"/>
                    <a:gd name="connsiteX5" fmla="*/ 1060234 w 1735534"/>
                    <a:gd name="connsiteY5" fmla="*/ 5596 h 1506072"/>
                    <a:gd name="connsiteX6" fmla="*/ 1063727 w 1735534"/>
                    <a:gd name="connsiteY6" fmla="*/ 0 h 1506072"/>
                    <a:gd name="connsiteX7" fmla="*/ 1735534 w 1735534"/>
                    <a:gd name="connsiteY7" fmla="*/ 0 h 1506072"/>
                    <a:gd name="connsiteX8" fmla="*/ 1735534 w 1735534"/>
                    <a:gd name="connsiteY8" fmla="*/ 664216 h 1506072"/>
                    <a:gd name="connsiteX9" fmla="*/ 1730305 w 1735534"/>
                    <a:gd name="connsiteY9" fmla="*/ 668777 h 1506072"/>
                    <a:gd name="connsiteX10" fmla="*/ 1680903 w 1735534"/>
                    <a:gd name="connsiteY10" fmla="*/ 661856 h 1506072"/>
                    <a:gd name="connsiteX11" fmla="*/ 1682826 w 1735534"/>
                    <a:gd name="connsiteY11" fmla="*/ 841798 h 1506072"/>
                    <a:gd name="connsiteX12" fmla="*/ 1730642 w 1735534"/>
                    <a:gd name="connsiteY12" fmla="*/ 830773 h 1506072"/>
                    <a:gd name="connsiteX13" fmla="*/ 1735534 w 1735534"/>
                    <a:gd name="connsiteY13" fmla="*/ 833827 h 1506072"/>
                    <a:gd name="connsiteX14" fmla="*/ 1735534 w 1735534"/>
                    <a:gd name="connsiteY14" fmla="*/ 1506072 h 1506072"/>
                    <a:gd name="connsiteX15" fmla="*/ 1064610 w 1735534"/>
                    <a:gd name="connsiteY15" fmla="*/ 1506072 h 1506072"/>
                    <a:gd name="connsiteX16" fmla="*/ 1063634 w 1735534"/>
                    <a:gd name="connsiteY16" fmla="*/ 1499022 h 1506072"/>
                    <a:gd name="connsiteX17" fmla="*/ 1073680 w 1735534"/>
                    <a:gd name="connsiteY17" fmla="*/ 1472201 h 1506072"/>
                    <a:gd name="connsiteX18" fmla="*/ 893738 w 1735534"/>
                    <a:gd name="connsiteY18" fmla="*/ 1474123 h 1506072"/>
                    <a:gd name="connsiteX19" fmla="*/ 906076 w 1735534"/>
                    <a:gd name="connsiteY19" fmla="*/ 1497518 h 1506072"/>
                    <a:gd name="connsiteX20" fmla="*/ 905616 w 1735534"/>
                    <a:gd name="connsiteY20" fmla="*/ 1506072 h 1506072"/>
                    <a:gd name="connsiteX21" fmla="*/ 229462 w 1735534"/>
                    <a:gd name="connsiteY21" fmla="*/ 1506072 h 1506072"/>
                    <a:gd name="connsiteX22" fmla="*/ 229462 w 1735534"/>
                    <a:gd name="connsiteY22" fmla="*/ 830587 h 1506072"/>
                    <a:gd name="connsiteX23" fmla="*/ 208496 w 1735534"/>
                    <a:gd name="connsiteY23" fmla="*/ 829460 h 1506072"/>
                    <a:gd name="connsiteX24" fmla="*/ 185101 w 1735534"/>
                    <a:gd name="connsiteY24" fmla="*/ 841798 h 1506072"/>
                    <a:gd name="connsiteX25" fmla="*/ 183179 w 1735534"/>
                    <a:gd name="connsiteY25" fmla="*/ 661856 h 1506072"/>
                    <a:gd name="connsiteX26" fmla="*/ 210000 w 1735534"/>
                    <a:gd name="connsiteY26" fmla="*/ 671902 h 1506072"/>
                    <a:gd name="connsiteX27" fmla="*/ 229462 w 1735534"/>
                    <a:gd name="connsiteY27" fmla="*/ 669208 h 1506072"/>
                    <a:gd name="connsiteX28" fmla="*/ 229462 w 1735534"/>
                    <a:gd name="connsiteY28" fmla="*/ 374058 h 1506072"/>
                    <a:gd name="connsiteX29" fmla="*/ 302670 w 1735534"/>
                    <a:gd name="connsiteY29" fmla="*/ 361208 h 1506072"/>
                    <a:gd name="connsiteX30" fmla="*/ 502375 w 1735534"/>
                    <a:gd name="connsiteY30" fmla="*/ 85876 h 1506072"/>
                    <a:gd name="connsiteX31" fmla="*/ 514362 w 1735534"/>
                    <a:gd name="connsiteY31" fmla="*/ 0 h 1506072"/>
                    <a:gd name="connsiteX0" fmla="*/ 514362 w 1735534"/>
                    <a:gd name="connsiteY0" fmla="*/ 0 h 1506072"/>
                    <a:gd name="connsiteX1" fmla="*/ 893064 w 1735534"/>
                    <a:gd name="connsiteY1" fmla="*/ 0 h 1506072"/>
                    <a:gd name="connsiteX2" fmla="*/ 898238 w 1735534"/>
                    <a:gd name="connsiteY2" fmla="*/ 5933 h 1506072"/>
                    <a:gd name="connsiteX3" fmla="*/ 911981 w 1735534"/>
                    <a:gd name="connsiteY3" fmla="*/ 50169 h 1506072"/>
                    <a:gd name="connsiteX4" fmla="*/ 1065490 w 1735534"/>
                    <a:gd name="connsiteY4" fmla="*/ 50527 h 1506072"/>
                    <a:gd name="connsiteX5" fmla="*/ 1060234 w 1735534"/>
                    <a:gd name="connsiteY5" fmla="*/ 5596 h 1506072"/>
                    <a:gd name="connsiteX6" fmla="*/ 1063727 w 1735534"/>
                    <a:gd name="connsiteY6" fmla="*/ 0 h 1506072"/>
                    <a:gd name="connsiteX7" fmla="*/ 1735534 w 1735534"/>
                    <a:gd name="connsiteY7" fmla="*/ 0 h 1506072"/>
                    <a:gd name="connsiteX8" fmla="*/ 1735534 w 1735534"/>
                    <a:gd name="connsiteY8" fmla="*/ 664216 h 1506072"/>
                    <a:gd name="connsiteX9" fmla="*/ 1730305 w 1735534"/>
                    <a:gd name="connsiteY9" fmla="*/ 668777 h 1506072"/>
                    <a:gd name="connsiteX10" fmla="*/ 1680903 w 1735534"/>
                    <a:gd name="connsiteY10" fmla="*/ 661856 h 1506072"/>
                    <a:gd name="connsiteX11" fmla="*/ 1682826 w 1735534"/>
                    <a:gd name="connsiteY11" fmla="*/ 841798 h 1506072"/>
                    <a:gd name="connsiteX12" fmla="*/ 1730642 w 1735534"/>
                    <a:gd name="connsiteY12" fmla="*/ 830773 h 1506072"/>
                    <a:gd name="connsiteX13" fmla="*/ 1735534 w 1735534"/>
                    <a:gd name="connsiteY13" fmla="*/ 833827 h 1506072"/>
                    <a:gd name="connsiteX14" fmla="*/ 1735534 w 1735534"/>
                    <a:gd name="connsiteY14" fmla="*/ 1506072 h 1506072"/>
                    <a:gd name="connsiteX15" fmla="*/ 1064610 w 1735534"/>
                    <a:gd name="connsiteY15" fmla="*/ 1506072 h 1506072"/>
                    <a:gd name="connsiteX16" fmla="*/ 1063634 w 1735534"/>
                    <a:gd name="connsiteY16" fmla="*/ 1499022 h 1506072"/>
                    <a:gd name="connsiteX17" fmla="*/ 1073680 w 1735534"/>
                    <a:gd name="connsiteY17" fmla="*/ 1472201 h 1506072"/>
                    <a:gd name="connsiteX18" fmla="*/ 893738 w 1735534"/>
                    <a:gd name="connsiteY18" fmla="*/ 1474123 h 1506072"/>
                    <a:gd name="connsiteX19" fmla="*/ 906076 w 1735534"/>
                    <a:gd name="connsiteY19" fmla="*/ 1497518 h 1506072"/>
                    <a:gd name="connsiteX20" fmla="*/ 905616 w 1735534"/>
                    <a:gd name="connsiteY20" fmla="*/ 1506072 h 1506072"/>
                    <a:gd name="connsiteX21" fmla="*/ 229462 w 1735534"/>
                    <a:gd name="connsiteY21" fmla="*/ 1506072 h 1506072"/>
                    <a:gd name="connsiteX22" fmla="*/ 229462 w 1735534"/>
                    <a:gd name="connsiteY22" fmla="*/ 830587 h 1506072"/>
                    <a:gd name="connsiteX23" fmla="*/ 208496 w 1735534"/>
                    <a:gd name="connsiteY23" fmla="*/ 829460 h 1506072"/>
                    <a:gd name="connsiteX24" fmla="*/ 185101 w 1735534"/>
                    <a:gd name="connsiteY24" fmla="*/ 841798 h 1506072"/>
                    <a:gd name="connsiteX25" fmla="*/ 183179 w 1735534"/>
                    <a:gd name="connsiteY25" fmla="*/ 661856 h 1506072"/>
                    <a:gd name="connsiteX26" fmla="*/ 210000 w 1735534"/>
                    <a:gd name="connsiteY26" fmla="*/ 671902 h 1506072"/>
                    <a:gd name="connsiteX27" fmla="*/ 229462 w 1735534"/>
                    <a:gd name="connsiteY27" fmla="*/ 669208 h 1506072"/>
                    <a:gd name="connsiteX28" fmla="*/ 229462 w 1735534"/>
                    <a:gd name="connsiteY28" fmla="*/ 374058 h 1506072"/>
                    <a:gd name="connsiteX29" fmla="*/ 302670 w 1735534"/>
                    <a:gd name="connsiteY29" fmla="*/ 361208 h 1506072"/>
                    <a:gd name="connsiteX30" fmla="*/ 502375 w 1735534"/>
                    <a:gd name="connsiteY30" fmla="*/ 85876 h 1506072"/>
                    <a:gd name="connsiteX31" fmla="*/ 514362 w 1735534"/>
                    <a:gd name="connsiteY31" fmla="*/ 0 h 1506072"/>
                    <a:gd name="connsiteX0" fmla="*/ 514362 w 1735534"/>
                    <a:gd name="connsiteY0" fmla="*/ 0 h 1506072"/>
                    <a:gd name="connsiteX1" fmla="*/ 893064 w 1735534"/>
                    <a:gd name="connsiteY1" fmla="*/ 0 h 1506072"/>
                    <a:gd name="connsiteX2" fmla="*/ 898238 w 1735534"/>
                    <a:gd name="connsiteY2" fmla="*/ 5933 h 1506072"/>
                    <a:gd name="connsiteX3" fmla="*/ 911981 w 1735534"/>
                    <a:gd name="connsiteY3" fmla="*/ 50169 h 1506072"/>
                    <a:gd name="connsiteX4" fmla="*/ 1065490 w 1735534"/>
                    <a:gd name="connsiteY4" fmla="*/ 50527 h 1506072"/>
                    <a:gd name="connsiteX5" fmla="*/ 1060234 w 1735534"/>
                    <a:gd name="connsiteY5" fmla="*/ 5596 h 1506072"/>
                    <a:gd name="connsiteX6" fmla="*/ 1063727 w 1735534"/>
                    <a:gd name="connsiteY6" fmla="*/ 0 h 1506072"/>
                    <a:gd name="connsiteX7" fmla="*/ 1735534 w 1735534"/>
                    <a:gd name="connsiteY7" fmla="*/ 0 h 1506072"/>
                    <a:gd name="connsiteX8" fmla="*/ 1735534 w 1735534"/>
                    <a:gd name="connsiteY8" fmla="*/ 664216 h 1506072"/>
                    <a:gd name="connsiteX9" fmla="*/ 1730305 w 1735534"/>
                    <a:gd name="connsiteY9" fmla="*/ 668777 h 1506072"/>
                    <a:gd name="connsiteX10" fmla="*/ 1680903 w 1735534"/>
                    <a:gd name="connsiteY10" fmla="*/ 661856 h 1506072"/>
                    <a:gd name="connsiteX11" fmla="*/ 1682826 w 1735534"/>
                    <a:gd name="connsiteY11" fmla="*/ 841798 h 1506072"/>
                    <a:gd name="connsiteX12" fmla="*/ 1730642 w 1735534"/>
                    <a:gd name="connsiteY12" fmla="*/ 830773 h 1506072"/>
                    <a:gd name="connsiteX13" fmla="*/ 1735534 w 1735534"/>
                    <a:gd name="connsiteY13" fmla="*/ 833827 h 1506072"/>
                    <a:gd name="connsiteX14" fmla="*/ 1735534 w 1735534"/>
                    <a:gd name="connsiteY14" fmla="*/ 1506072 h 1506072"/>
                    <a:gd name="connsiteX15" fmla="*/ 1064610 w 1735534"/>
                    <a:gd name="connsiteY15" fmla="*/ 1506072 h 1506072"/>
                    <a:gd name="connsiteX16" fmla="*/ 1063634 w 1735534"/>
                    <a:gd name="connsiteY16" fmla="*/ 1499022 h 1506072"/>
                    <a:gd name="connsiteX17" fmla="*/ 1073680 w 1735534"/>
                    <a:gd name="connsiteY17" fmla="*/ 1472201 h 1506072"/>
                    <a:gd name="connsiteX18" fmla="*/ 893738 w 1735534"/>
                    <a:gd name="connsiteY18" fmla="*/ 1474123 h 1506072"/>
                    <a:gd name="connsiteX19" fmla="*/ 906076 w 1735534"/>
                    <a:gd name="connsiteY19" fmla="*/ 1497518 h 1506072"/>
                    <a:gd name="connsiteX20" fmla="*/ 905616 w 1735534"/>
                    <a:gd name="connsiteY20" fmla="*/ 1506072 h 1506072"/>
                    <a:gd name="connsiteX21" fmla="*/ 229462 w 1735534"/>
                    <a:gd name="connsiteY21" fmla="*/ 1506072 h 1506072"/>
                    <a:gd name="connsiteX22" fmla="*/ 229462 w 1735534"/>
                    <a:gd name="connsiteY22" fmla="*/ 830587 h 1506072"/>
                    <a:gd name="connsiteX23" fmla="*/ 208496 w 1735534"/>
                    <a:gd name="connsiteY23" fmla="*/ 829460 h 1506072"/>
                    <a:gd name="connsiteX24" fmla="*/ 185101 w 1735534"/>
                    <a:gd name="connsiteY24" fmla="*/ 841798 h 1506072"/>
                    <a:gd name="connsiteX25" fmla="*/ 183179 w 1735534"/>
                    <a:gd name="connsiteY25" fmla="*/ 661856 h 1506072"/>
                    <a:gd name="connsiteX26" fmla="*/ 210000 w 1735534"/>
                    <a:gd name="connsiteY26" fmla="*/ 671902 h 1506072"/>
                    <a:gd name="connsiteX27" fmla="*/ 229462 w 1735534"/>
                    <a:gd name="connsiteY27" fmla="*/ 669208 h 1506072"/>
                    <a:gd name="connsiteX28" fmla="*/ 229462 w 1735534"/>
                    <a:gd name="connsiteY28" fmla="*/ 374058 h 1506072"/>
                    <a:gd name="connsiteX29" fmla="*/ 302670 w 1735534"/>
                    <a:gd name="connsiteY29" fmla="*/ 361208 h 1506072"/>
                    <a:gd name="connsiteX30" fmla="*/ 502375 w 1735534"/>
                    <a:gd name="connsiteY30" fmla="*/ 85876 h 1506072"/>
                    <a:gd name="connsiteX31" fmla="*/ 514362 w 1735534"/>
                    <a:gd name="connsiteY31" fmla="*/ 0 h 1506072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  <a:cxn ang="0">
                      <a:pos x="connsiteX24" y="connsiteY24"/>
                    </a:cxn>
                    <a:cxn ang="0">
                      <a:pos x="connsiteX25" y="connsiteY25"/>
                    </a:cxn>
                    <a:cxn ang="0">
                      <a:pos x="connsiteX26" y="connsiteY26"/>
                    </a:cxn>
                    <a:cxn ang="0">
                      <a:pos x="connsiteX27" y="connsiteY27"/>
                    </a:cxn>
                    <a:cxn ang="0">
                      <a:pos x="connsiteX28" y="connsiteY28"/>
                    </a:cxn>
                    <a:cxn ang="0">
                      <a:pos x="connsiteX29" y="connsiteY29"/>
                    </a:cxn>
                    <a:cxn ang="0">
                      <a:pos x="connsiteX30" y="connsiteY30"/>
                    </a:cxn>
                    <a:cxn ang="0">
                      <a:pos x="connsiteX31" y="connsiteY31"/>
                    </a:cxn>
                  </a:cxnLst>
                  <a:rect l="l" t="t" r="r" b="b"/>
                  <a:pathLst>
                    <a:path w="1735534" h="1506072">
                      <a:moveTo>
                        <a:pt x="514362" y="0"/>
                      </a:moveTo>
                      <a:lnTo>
                        <a:pt x="893064" y="0"/>
                      </a:lnTo>
                      <a:lnTo>
                        <a:pt x="898238" y="5933"/>
                      </a:lnTo>
                      <a:cubicBezTo>
                        <a:pt x="904861" y="19821"/>
                        <a:pt x="922920" y="30626"/>
                        <a:pt x="911981" y="50169"/>
                      </a:cubicBezTo>
                      <a:cubicBezTo>
                        <a:pt x="689416" y="296344"/>
                        <a:pt x="1294181" y="295379"/>
                        <a:pt x="1065490" y="50527"/>
                      </a:cubicBezTo>
                      <a:cubicBezTo>
                        <a:pt x="1052469" y="35994"/>
                        <a:pt x="1055054" y="21498"/>
                        <a:pt x="1060234" y="5596"/>
                      </a:cubicBezTo>
                      <a:lnTo>
                        <a:pt x="1063727" y="0"/>
                      </a:lnTo>
                      <a:lnTo>
                        <a:pt x="1735534" y="0"/>
                      </a:lnTo>
                      <a:lnTo>
                        <a:pt x="1735534" y="664216"/>
                      </a:lnTo>
                      <a:lnTo>
                        <a:pt x="1730305" y="668777"/>
                      </a:lnTo>
                      <a:cubicBezTo>
                        <a:pt x="1716417" y="675399"/>
                        <a:pt x="1700446" y="672794"/>
                        <a:pt x="1680903" y="661856"/>
                      </a:cubicBezTo>
                      <a:cubicBezTo>
                        <a:pt x="1434728" y="439291"/>
                        <a:pt x="1452770" y="1058651"/>
                        <a:pt x="1682826" y="841798"/>
                      </a:cubicBezTo>
                      <a:cubicBezTo>
                        <a:pt x="1697359" y="828777"/>
                        <a:pt x="1714740" y="825592"/>
                        <a:pt x="1730642" y="830773"/>
                      </a:cubicBezTo>
                      <a:lnTo>
                        <a:pt x="1735534" y="833827"/>
                      </a:lnTo>
                      <a:lnTo>
                        <a:pt x="1735534" y="1506072"/>
                      </a:lnTo>
                      <a:lnTo>
                        <a:pt x="1064610" y="1506072"/>
                      </a:lnTo>
                      <a:lnTo>
                        <a:pt x="1063634" y="1499022"/>
                      </a:lnTo>
                      <a:cubicBezTo>
                        <a:pt x="1064825" y="1490851"/>
                        <a:pt x="1068211" y="1481972"/>
                        <a:pt x="1073680" y="1472201"/>
                      </a:cubicBezTo>
                      <a:cubicBezTo>
                        <a:pt x="1296245" y="1226026"/>
                        <a:pt x="665048" y="1229272"/>
                        <a:pt x="893738" y="1474123"/>
                      </a:cubicBezTo>
                      <a:cubicBezTo>
                        <a:pt x="900249" y="1481390"/>
                        <a:pt x="904300" y="1489369"/>
                        <a:pt x="906076" y="1497518"/>
                      </a:cubicBezTo>
                      <a:cubicBezTo>
                        <a:pt x="905923" y="1500369"/>
                        <a:pt x="905769" y="1503221"/>
                        <a:pt x="905616" y="1506072"/>
                      </a:cubicBezTo>
                      <a:lnTo>
                        <a:pt x="229462" y="1506072"/>
                      </a:lnTo>
                      <a:lnTo>
                        <a:pt x="229462" y="830587"/>
                      </a:lnTo>
                      <a:lnTo>
                        <a:pt x="208496" y="829460"/>
                      </a:lnTo>
                      <a:cubicBezTo>
                        <a:pt x="200347" y="831236"/>
                        <a:pt x="192368" y="835287"/>
                        <a:pt x="185101" y="841798"/>
                      </a:cubicBezTo>
                      <a:cubicBezTo>
                        <a:pt x="-59750" y="1070488"/>
                        <a:pt x="-62996" y="439291"/>
                        <a:pt x="183179" y="661856"/>
                      </a:cubicBezTo>
                      <a:cubicBezTo>
                        <a:pt x="192950" y="667325"/>
                        <a:pt x="201829" y="670711"/>
                        <a:pt x="210000" y="671902"/>
                      </a:cubicBezTo>
                      <a:lnTo>
                        <a:pt x="229462" y="669208"/>
                      </a:lnTo>
                      <a:lnTo>
                        <a:pt x="229462" y="374058"/>
                      </a:lnTo>
                      <a:lnTo>
                        <a:pt x="302670" y="361208"/>
                      </a:lnTo>
                      <a:cubicBezTo>
                        <a:pt x="417971" y="332389"/>
                        <a:pt x="477067" y="210960"/>
                        <a:pt x="502375" y="85876"/>
                      </a:cubicBezTo>
                      <a:lnTo>
                        <a:pt x="514362" y="0"/>
                      </a:lnTo>
                      <a:close/>
                    </a:path>
                  </a:pathLst>
                </a:custGeom>
                <a:solidFill>
                  <a:srgbClr val="6DC0FF">
                    <a:lumMod val="75000"/>
                  </a:srgbClr>
                </a:solidFill>
                <a:ln w="12700" cap="flat" cmpd="sng" algn="ctr">
                  <a:noFill/>
                  <a:prstDash val="solid"/>
                  <a:miter lim="800000"/>
                </a:ln>
                <a:effectLst>
                  <a:innerShdw blurRad="38100" dist="25400" dir="16200000">
                    <a:prstClr val="black">
                      <a:alpha val="50000"/>
                    </a:prstClr>
                  </a:innerShdw>
                </a:effectLst>
              </p:spPr>
              <p:txBody>
                <a:bodyPr wrap="square" rtlCol="0" anchor="ctr">
                  <a:noAutofit/>
                </a:bodyPr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/>
                    <a:ea typeface="+mn-ea"/>
                    <a:cs typeface="+mn-cs"/>
                  </a:endParaRPr>
                </a:p>
              </p:txBody>
            </p:sp>
            <p:sp>
              <p:nvSpPr>
                <p:cNvPr id="75" name="Freeform 53"/>
                <p:cNvSpPr/>
                <p:nvPr/>
              </p:nvSpPr>
              <p:spPr>
                <a:xfrm>
                  <a:off x="1493686" y="1258191"/>
                  <a:ext cx="649493" cy="1518622"/>
                </a:xfrm>
                <a:custGeom>
                  <a:avLst/>
                  <a:gdLst>
                    <a:gd name="connsiteX0" fmla="*/ 712398 w 722674"/>
                    <a:gd name="connsiteY0" fmla="*/ 1013120 h 1689732"/>
                    <a:gd name="connsiteX1" fmla="*/ 722674 w 722674"/>
                    <a:gd name="connsiteY1" fmla="*/ 1013672 h 1689732"/>
                    <a:gd name="connsiteX2" fmla="*/ 722674 w 722674"/>
                    <a:gd name="connsiteY2" fmla="*/ 1689732 h 1689732"/>
                    <a:gd name="connsiteX3" fmla="*/ 445802 w 722674"/>
                    <a:gd name="connsiteY3" fmla="*/ 1689732 h 1689732"/>
                    <a:gd name="connsiteX4" fmla="*/ 456035 w 722674"/>
                    <a:gd name="connsiteY4" fmla="*/ 1609311 h 1689732"/>
                    <a:gd name="connsiteX5" fmla="*/ 599630 w 722674"/>
                    <a:gd name="connsiteY5" fmla="*/ 1366457 h 1689732"/>
                    <a:gd name="connsiteX6" fmla="*/ 610005 w 722674"/>
                    <a:gd name="connsiteY6" fmla="*/ 1120142 h 1689732"/>
                    <a:gd name="connsiteX7" fmla="*/ 611343 w 722674"/>
                    <a:gd name="connsiteY7" fmla="*/ 1073083 h 1689732"/>
                    <a:gd name="connsiteX8" fmla="*/ 645927 w 722674"/>
                    <a:gd name="connsiteY8" fmla="*/ 1058679 h 1689732"/>
                    <a:gd name="connsiteX9" fmla="*/ 689003 w 722674"/>
                    <a:gd name="connsiteY9" fmla="*/ 1025458 h 1689732"/>
                    <a:gd name="connsiteX10" fmla="*/ 712398 w 722674"/>
                    <a:gd name="connsiteY10" fmla="*/ 1013120 h 1689732"/>
                    <a:gd name="connsiteX11" fmla="*/ 283181 w 722674"/>
                    <a:gd name="connsiteY11" fmla="*/ 183660 h 1689732"/>
                    <a:gd name="connsiteX12" fmla="*/ 722674 w 722674"/>
                    <a:gd name="connsiteY12" fmla="*/ 183660 h 1689732"/>
                    <a:gd name="connsiteX13" fmla="*/ 722674 w 722674"/>
                    <a:gd name="connsiteY13" fmla="*/ 854347 h 1689732"/>
                    <a:gd name="connsiteX14" fmla="*/ 713902 w 722674"/>
                    <a:gd name="connsiteY14" fmla="*/ 855561 h 1689732"/>
                    <a:gd name="connsiteX15" fmla="*/ 687080 w 722674"/>
                    <a:gd name="connsiteY15" fmla="*/ 845516 h 1689732"/>
                    <a:gd name="connsiteX16" fmla="*/ 643844 w 722674"/>
                    <a:gd name="connsiteY16" fmla="*/ 813372 h 1689732"/>
                    <a:gd name="connsiteX17" fmla="*/ 615109 w 722674"/>
                    <a:gd name="connsiteY17" fmla="*/ 802121 h 1689732"/>
                    <a:gd name="connsiteX18" fmla="*/ 611566 w 722674"/>
                    <a:gd name="connsiteY18" fmla="*/ 659458 h 1689732"/>
                    <a:gd name="connsiteX19" fmla="*/ 551424 w 722674"/>
                    <a:gd name="connsiteY19" fmla="*/ 288568 h 1689732"/>
                    <a:gd name="connsiteX20" fmla="*/ 345443 w 722674"/>
                    <a:gd name="connsiteY20" fmla="*/ 206951 h 1689732"/>
                    <a:gd name="connsiteX21" fmla="*/ 96174 w 722674"/>
                    <a:gd name="connsiteY21" fmla="*/ 0 h 1689732"/>
                    <a:gd name="connsiteX22" fmla="*/ 107263 w 722674"/>
                    <a:gd name="connsiteY22" fmla="*/ 22280 h 1689732"/>
                    <a:gd name="connsiteX23" fmla="*/ 92963 w 722674"/>
                    <a:gd name="connsiteY23" fmla="*/ 91262 h 1689732"/>
                    <a:gd name="connsiteX24" fmla="*/ 86021 w 722674"/>
                    <a:gd name="connsiteY24" fmla="*/ 100600 h 1689732"/>
                    <a:gd name="connsiteX25" fmla="*/ 29004 w 722674"/>
                    <a:gd name="connsiteY25" fmla="*/ 66451 h 1689732"/>
                    <a:gd name="connsiteX26" fmla="*/ 0 w 722674"/>
                    <a:gd name="connsiteY26" fmla="*/ 34494 h 1689732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  <a:cxn ang="0">
                      <a:pos x="connsiteX24" y="connsiteY24"/>
                    </a:cxn>
                    <a:cxn ang="0">
                      <a:pos x="connsiteX25" y="connsiteY25"/>
                    </a:cxn>
                    <a:cxn ang="0">
                      <a:pos x="connsiteX26" y="connsiteY26"/>
                    </a:cxn>
                  </a:cxnLst>
                  <a:rect l="l" t="t" r="r" b="b"/>
                  <a:pathLst>
                    <a:path w="722674" h="1689732">
                      <a:moveTo>
                        <a:pt x="712398" y="1013120"/>
                      </a:moveTo>
                      <a:lnTo>
                        <a:pt x="722674" y="1013672"/>
                      </a:lnTo>
                      <a:lnTo>
                        <a:pt x="722674" y="1689732"/>
                      </a:lnTo>
                      <a:lnTo>
                        <a:pt x="445802" y="1689732"/>
                      </a:lnTo>
                      <a:lnTo>
                        <a:pt x="456035" y="1609311"/>
                      </a:lnTo>
                      <a:cubicBezTo>
                        <a:pt x="483557" y="1482405"/>
                        <a:pt x="539637" y="1383651"/>
                        <a:pt x="599630" y="1366457"/>
                      </a:cubicBezTo>
                      <a:cubicBezTo>
                        <a:pt x="602254" y="1301684"/>
                        <a:pt x="606544" y="1215889"/>
                        <a:pt x="610005" y="1120142"/>
                      </a:cubicBezTo>
                      <a:lnTo>
                        <a:pt x="611343" y="1073083"/>
                      </a:lnTo>
                      <a:lnTo>
                        <a:pt x="645927" y="1058679"/>
                      </a:lnTo>
                      <a:cubicBezTo>
                        <a:pt x="659341" y="1050686"/>
                        <a:pt x="673700" y="1039751"/>
                        <a:pt x="689003" y="1025458"/>
                      </a:cubicBezTo>
                      <a:cubicBezTo>
                        <a:pt x="696270" y="1018947"/>
                        <a:pt x="704248" y="1014896"/>
                        <a:pt x="712398" y="1013120"/>
                      </a:cubicBezTo>
                      <a:close/>
                      <a:moveTo>
                        <a:pt x="283181" y="183660"/>
                      </a:moveTo>
                      <a:lnTo>
                        <a:pt x="722674" y="183660"/>
                      </a:lnTo>
                      <a:lnTo>
                        <a:pt x="722674" y="854347"/>
                      </a:lnTo>
                      <a:lnTo>
                        <a:pt x="713902" y="855561"/>
                      </a:lnTo>
                      <a:cubicBezTo>
                        <a:pt x="705730" y="854371"/>
                        <a:pt x="696852" y="850985"/>
                        <a:pt x="687080" y="845516"/>
                      </a:cubicBezTo>
                      <a:cubicBezTo>
                        <a:pt x="671694" y="831606"/>
                        <a:pt x="657283" y="821031"/>
                        <a:pt x="643844" y="813372"/>
                      </a:cubicBezTo>
                      <a:lnTo>
                        <a:pt x="615109" y="802121"/>
                      </a:lnTo>
                      <a:lnTo>
                        <a:pt x="611566" y="659458"/>
                      </a:lnTo>
                      <a:cubicBezTo>
                        <a:pt x="604609" y="508410"/>
                        <a:pt x="587368" y="372327"/>
                        <a:pt x="551424" y="288568"/>
                      </a:cubicBezTo>
                      <a:cubicBezTo>
                        <a:pt x="517466" y="269390"/>
                        <a:pt x="435853" y="240198"/>
                        <a:pt x="345443" y="206951"/>
                      </a:cubicBezTo>
                      <a:close/>
                      <a:moveTo>
                        <a:pt x="96174" y="0"/>
                      </a:moveTo>
                      <a:lnTo>
                        <a:pt x="107263" y="22280"/>
                      </a:lnTo>
                      <a:cubicBezTo>
                        <a:pt x="111931" y="41395"/>
                        <a:pt x="108281" y="64384"/>
                        <a:pt x="92963" y="91262"/>
                      </a:cubicBezTo>
                      <a:lnTo>
                        <a:pt x="86021" y="100600"/>
                      </a:lnTo>
                      <a:lnTo>
                        <a:pt x="29004" y="66451"/>
                      </a:lnTo>
                      <a:cubicBezTo>
                        <a:pt x="14077" y="55293"/>
                        <a:pt x="3929" y="44567"/>
                        <a:pt x="0" y="34494"/>
                      </a:cubicBezTo>
                      <a:close/>
                    </a:path>
                  </a:pathLst>
                </a:custGeom>
                <a:solidFill>
                  <a:srgbClr val="A5A5A5">
                    <a:lumMod val="60000"/>
                    <a:lumOff val="40000"/>
                  </a:srgbClr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wrap="square" rtlCol="0" anchor="ctr">
                  <a:noAutofit/>
                </a:bodyPr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/>
                    <a:ea typeface="+mn-ea"/>
                    <a:cs typeface="+mn-cs"/>
                  </a:endParaRPr>
                </a:p>
              </p:txBody>
            </p:sp>
            <p:sp>
              <p:nvSpPr>
                <p:cNvPr id="76" name="Freeform 54"/>
                <p:cNvSpPr/>
                <p:nvPr/>
              </p:nvSpPr>
              <p:spPr>
                <a:xfrm>
                  <a:off x="2043122" y="1423252"/>
                  <a:ext cx="1649688" cy="1353560"/>
                </a:xfrm>
                <a:custGeom>
                  <a:avLst/>
                  <a:gdLst>
                    <a:gd name="connsiteX0" fmla="*/ 106254 w 1835566"/>
                    <a:gd name="connsiteY0" fmla="*/ 0 h 1506072"/>
                    <a:gd name="connsiteX1" fmla="*/ 776394 w 1835566"/>
                    <a:gd name="connsiteY1" fmla="*/ 0 h 1506072"/>
                    <a:gd name="connsiteX2" fmla="*/ 778155 w 1835566"/>
                    <a:gd name="connsiteY2" fmla="*/ 12722 h 1506072"/>
                    <a:gd name="connsiteX3" fmla="*/ 768109 w 1835566"/>
                    <a:gd name="connsiteY3" fmla="*/ 39543 h 1506072"/>
                    <a:gd name="connsiteX4" fmla="*/ 948051 w 1835566"/>
                    <a:gd name="connsiteY4" fmla="*/ 37621 h 1506072"/>
                    <a:gd name="connsiteX5" fmla="*/ 935713 w 1835566"/>
                    <a:gd name="connsiteY5" fmla="*/ 14226 h 1506072"/>
                    <a:gd name="connsiteX6" fmla="*/ 936478 w 1835566"/>
                    <a:gd name="connsiteY6" fmla="*/ 0 h 1506072"/>
                    <a:gd name="connsiteX7" fmla="*/ 1612326 w 1835566"/>
                    <a:gd name="connsiteY7" fmla="*/ 0 h 1506072"/>
                    <a:gd name="connsiteX8" fmla="*/ 1612326 w 1835566"/>
                    <a:gd name="connsiteY8" fmla="*/ 675821 h 1506072"/>
                    <a:gd name="connsiteX9" fmla="*/ 1627071 w 1835566"/>
                    <a:gd name="connsiteY9" fmla="*/ 676614 h 1506072"/>
                    <a:gd name="connsiteX10" fmla="*/ 1650466 w 1835566"/>
                    <a:gd name="connsiteY10" fmla="*/ 664276 h 1506072"/>
                    <a:gd name="connsiteX11" fmla="*/ 1652388 w 1835566"/>
                    <a:gd name="connsiteY11" fmla="*/ 844217 h 1506072"/>
                    <a:gd name="connsiteX12" fmla="*/ 1625567 w 1835566"/>
                    <a:gd name="connsiteY12" fmla="*/ 834172 h 1506072"/>
                    <a:gd name="connsiteX13" fmla="*/ 1612326 w 1835566"/>
                    <a:gd name="connsiteY13" fmla="*/ 836004 h 1506072"/>
                    <a:gd name="connsiteX14" fmla="*/ 1612326 w 1835566"/>
                    <a:gd name="connsiteY14" fmla="*/ 1506072 h 1506072"/>
                    <a:gd name="connsiteX15" fmla="*/ 942677 w 1835566"/>
                    <a:gd name="connsiteY15" fmla="*/ 1506072 h 1506072"/>
                    <a:gd name="connsiteX16" fmla="*/ 940425 w 1835566"/>
                    <a:gd name="connsiteY16" fmla="*/ 1489799 h 1506072"/>
                    <a:gd name="connsiteX17" fmla="*/ 950471 w 1835566"/>
                    <a:gd name="connsiteY17" fmla="*/ 1462978 h 1506072"/>
                    <a:gd name="connsiteX18" fmla="*/ 770529 w 1835566"/>
                    <a:gd name="connsiteY18" fmla="*/ 1464900 h 1506072"/>
                    <a:gd name="connsiteX19" fmla="*/ 782867 w 1835566"/>
                    <a:gd name="connsiteY19" fmla="*/ 1488295 h 1506072"/>
                    <a:gd name="connsiteX20" fmla="*/ 781912 w 1835566"/>
                    <a:gd name="connsiteY20" fmla="*/ 1506072 h 1506072"/>
                    <a:gd name="connsiteX21" fmla="*/ 106254 w 1835566"/>
                    <a:gd name="connsiteY21" fmla="*/ 1506072 h 1506072"/>
                    <a:gd name="connsiteX22" fmla="*/ 106254 w 1835566"/>
                    <a:gd name="connsiteY22" fmla="*/ 829739 h 1506072"/>
                    <a:gd name="connsiteX23" fmla="*/ 101054 w 1835566"/>
                    <a:gd name="connsiteY23" fmla="*/ 829460 h 1506072"/>
                    <a:gd name="connsiteX24" fmla="*/ 77659 w 1835566"/>
                    <a:gd name="connsiteY24" fmla="*/ 841798 h 1506072"/>
                    <a:gd name="connsiteX25" fmla="*/ 34583 w 1835566"/>
                    <a:gd name="connsiteY25" fmla="*/ 875019 h 1506072"/>
                    <a:gd name="connsiteX26" fmla="*/ 0 w 1835566"/>
                    <a:gd name="connsiteY26" fmla="*/ 889423 h 1506072"/>
                    <a:gd name="connsiteX27" fmla="*/ 2920 w 1835566"/>
                    <a:gd name="connsiteY27" fmla="*/ 786781 h 1506072"/>
                    <a:gd name="connsiteX28" fmla="*/ 4064 w 1835566"/>
                    <a:gd name="connsiteY28" fmla="*/ 630452 h 1506072"/>
                    <a:gd name="connsiteX29" fmla="*/ 3766 w 1835566"/>
                    <a:gd name="connsiteY29" fmla="*/ 618461 h 1506072"/>
                    <a:gd name="connsiteX30" fmla="*/ 32501 w 1835566"/>
                    <a:gd name="connsiteY30" fmla="*/ 629712 h 1506072"/>
                    <a:gd name="connsiteX31" fmla="*/ 75737 w 1835566"/>
                    <a:gd name="connsiteY31" fmla="*/ 661856 h 1506072"/>
                    <a:gd name="connsiteX32" fmla="*/ 102558 w 1835566"/>
                    <a:gd name="connsiteY32" fmla="*/ 671901 h 1506072"/>
                    <a:gd name="connsiteX33" fmla="*/ 106254 w 1835566"/>
                    <a:gd name="connsiteY33" fmla="*/ 671390 h 1506072"/>
                    <a:gd name="connsiteX0" fmla="*/ 106254 w 1835566"/>
                    <a:gd name="connsiteY0" fmla="*/ 0 h 1506072"/>
                    <a:gd name="connsiteX1" fmla="*/ 776394 w 1835566"/>
                    <a:gd name="connsiteY1" fmla="*/ 0 h 1506072"/>
                    <a:gd name="connsiteX2" fmla="*/ 778155 w 1835566"/>
                    <a:gd name="connsiteY2" fmla="*/ 12722 h 1506072"/>
                    <a:gd name="connsiteX3" fmla="*/ 768109 w 1835566"/>
                    <a:gd name="connsiteY3" fmla="*/ 39543 h 1506072"/>
                    <a:gd name="connsiteX4" fmla="*/ 948051 w 1835566"/>
                    <a:gd name="connsiteY4" fmla="*/ 37621 h 1506072"/>
                    <a:gd name="connsiteX5" fmla="*/ 935713 w 1835566"/>
                    <a:gd name="connsiteY5" fmla="*/ 14226 h 1506072"/>
                    <a:gd name="connsiteX6" fmla="*/ 936478 w 1835566"/>
                    <a:gd name="connsiteY6" fmla="*/ 0 h 1506072"/>
                    <a:gd name="connsiteX7" fmla="*/ 1612326 w 1835566"/>
                    <a:gd name="connsiteY7" fmla="*/ 0 h 1506072"/>
                    <a:gd name="connsiteX8" fmla="*/ 1612326 w 1835566"/>
                    <a:gd name="connsiteY8" fmla="*/ 675821 h 1506072"/>
                    <a:gd name="connsiteX9" fmla="*/ 1627071 w 1835566"/>
                    <a:gd name="connsiteY9" fmla="*/ 676614 h 1506072"/>
                    <a:gd name="connsiteX10" fmla="*/ 1650466 w 1835566"/>
                    <a:gd name="connsiteY10" fmla="*/ 664276 h 1506072"/>
                    <a:gd name="connsiteX11" fmla="*/ 1652388 w 1835566"/>
                    <a:gd name="connsiteY11" fmla="*/ 844217 h 1506072"/>
                    <a:gd name="connsiteX12" fmla="*/ 1625567 w 1835566"/>
                    <a:gd name="connsiteY12" fmla="*/ 834172 h 1506072"/>
                    <a:gd name="connsiteX13" fmla="*/ 1612326 w 1835566"/>
                    <a:gd name="connsiteY13" fmla="*/ 836004 h 1506072"/>
                    <a:gd name="connsiteX14" fmla="*/ 1612326 w 1835566"/>
                    <a:gd name="connsiteY14" fmla="*/ 1506072 h 1506072"/>
                    <a:gd name="connsiteX15" fmla="*/ 942677 w 1835566"/>
                    <a:gd name="connsiteY15" fmla="*/ 1506072 h 1506072"/>
                    <a:gd name="connsiteX16" fmla="*/ 940425 w 1835566"/>
                    <a:gd name="connsiteY16" fmla="*/ 1489799 h 1506072"/>
                    <a:gd name="connsiteX17" fmla="*/ 950471 w 1835566"/>
                    <a:gd name="connsiteY17" fmla="*/ 1462978 h 1506072"/>
                    <a:gd name="connsiteX18" fmla="*/ 770529 w 1835566"/>
                    <a:gd name="connsiteY18" fmla="*/ 1464900 h 1506072"/>
                    <a:gd name="connsiteX19" fmla="*/ 782867 w 1835566"/>
                    <a:gd name="connsiteY19" fmla="*/ 1488295 h 1506072"/>
                    <a:gd name="connsiteX20" fmla="*/ 781912 w 1835566"/>
                    <a:gd name="connsiteY20" fmla="*/ 1506072 h 1506072"/>
                    <a:gd name="connsiteX21" fmla="*/ 106254 w 1835566"/>
                    <a:gd name="connsiteY21" fmla="*/ 1506072 h 1506072"/>
                    <a:gd name="connsiteX22" fmla="*/ 106254 w 1835566"/>
                    <a:gd name="connsiteY22" fmla="*/ 829739 h 1506072"/>
                    <a:gd name="connsiteX23" fmla="*/ 101054 w 1835566"/>
                    <a:gd name="connsiteY23" fmla="*/ 829460 h 1506072"/>
                    <a:gd name="connsiteX24" fmla="*/ 77659 w 1835566"/>
                    <a:gd name="connsiteY24" fmla="*/ 841798 h 1506072"/>
                    <a:gd name="connsiteX25" fmla="*/ 34583 w 1835566"/>
                    <a:gd name="connsiteY25" fmla="*/ 875019 h 1506072"/>
                    <a:gd name="connsiteX26" fmla="*/ 0 w 1835566"/>
                    <a:gd name="connsiteY26" fmla="*/ 889423 h 1506072"/>
                    <a:gd name="connsiteX27" fmla="*/ 2920 w 1835566"/>
                    <a:gd name="connsiteY27" fmla="*/ 786781 h 1506072"/>
                    <a:gd name="connsiteX28" fmla="*/ 4064 w 1835566"/>
                    <a:gd name="connsiteY28" fmla="*/ 630452 h 1506072"/>
                    <a:gd name="connsiteX29" fmla="*/ 3766 w 1835566"/>
                    <a:gd name="connsiteY29" fmla="*/ 618461 h 1506072"/>
                    <a:gd name="connsiteX30" fmla="*/ 32501 w 1835566"/>
                    <a:gd name="connsiteY30" fmla="*/ 629712 h 1506072"/>
                    <a:gd name="connsiteX31" fmla="*/ 75737 w 1835566"/>
                    <a:gd name="connsiteY31" fmla="*/ 661856 h 1506072"/>
                    <a:gd name="connsiteX32" fmla="*/ 102558 w 1835566"/>
                    <a:gd name="connsiteY32" fmla="*/ 671901 h 1506072"/>
                    <a:gd name="connsiteX33" fmla="*/ 106254 w 1835566"/>
                    <a:gd name="connsiteY33" fmla="*/ 671390 h 1506072"/>
                    <a:gd name="connsiteX34" fmla="*/ 106254 w 1835566"/>
                    <a:gd name="connsiteY34" fmla="*/ 0 h 1506072"/>
                    <a:gd name="connsiteX0" fmla="*/ 106254 w 1835566"/>
                    <a:gd name="connsiteY0" fmla="*/ 0 h 1506072"/>
                    <a:gd name="connsiteX1" fmla="*/ 776394 w 1835566"/>
                    <a:gd name="connsiteY1" fmla="*/ 0 h 1506072"/>
                    <a:gd name="connsiteX2" fmla="*/ 778155 w 1835566"/>
                    <a:gd name="connsiteY2" fmla="*/ 12722 h 1506072"/>
                    <a:gd name="connsiteX3" fmla="*/ 768109 w 1835566"/>
                    <a:gd name="connsiteY3" fmla="*/ 39543 h 1506072"/>
                    <a:gd name="connsiteX4" fmla="*/ 948051 w 1835566"/>
                    <a:gd name="connsiteY4" fmla="*/ 37621 h 1506072"/>
                    <a:gd name="connsiteX5" fmla="*/ 935713 w 1835566"/>
                    <a:gd name="connsiteY5" fmla="*/ 14226 h 1506072"/>
                    <a:gd name="connsiteX6" fmla="*/ 936478 w 1835566"/>
                    <a:gd name="connsiteY6" fmla="*/ 0 h 1506072"/>
                    <a:gd name="connsiteX7" fmla="*/ 1612326 w 1835566"/>
                    <a:gd name="connsiteY7" fmla="*/ 0 h 1506072"/>
                    <a:gd name="connsiteX8" fmla="*/ 1612326 w 1835566"/>
                    <a:gd name="connsiteY8" fmla="*/ 675821 h 1506072"/>
                    <a:gd name="connsiteX9" fmla="*/ 1627071 w 1835566"/>
                    <a:gd name="connsiteY9" fmla="*/ 676614 h 1506072"/>
                    <a:gd name="connsiteX10" fmla="*/ 1650466 w 1835566"/>
                    <a:gd name="connsiteY10" fmla="*/ 664276 h 1506072"/>
                    <a:gd name="connsiteX11" fmla="*/ 1652388 w 1835566"/>
                    <a:gd name="connsiteY11" fmla="*/ 844217 h 1506072"/>
                    <a:gd name="connsiteX12" fmla="*/ 1625567 w 1835566"/>
                    <a:gd name="connsiteY12" fmla="*/ 834172 h 1506072"/>
                    <a:gd name="connsiteX13" fmla="*/ 1612326 w 1835566"/>
                    <a:gd name="connsiteY13" fmla="*/ 836004 h 1506072"/>
                    <a:gd name="connsiteX14" fmla="*/ 1612326 w 1835566"/>
                    <a:gd name="connsiteY14" fmla="*/ 1506072 h 1506072"/>
                    <a:gd name="connsiteX15" fmla="*/ 942677 w 1835566"/>
                    <a:gd name="connsiteY15" fmla="*/ 1506072 h 1506072"/>
                    <a:gd name="connsiteX16" fmla="*/ 940425 w 1835566"/>
                    <a:gd name="connsiteY16" fmla="*/ 1489799 h 1506072"/>
                    <a:gd name="connsiteX17" fmla="*/ 950471 w 1835566"/>
                    <a:gd name="connsiteY17" fmla="*/ 1462978 h 1506072"/>
                    <a:gd name="connsiteX18" fmla="*/ 770529 w 1835566"/>
                    <a:gd name="connsiteY18" fmla="*/ 1464900 h 1506072"/>
                    <a:gd name="connsiteX19" fmla="*/ 782867 w 1835566"/>
                    <a:gd name="connsiteY19" fmla="*/ 1488295 h 1506072"/>
                    <a:gd name="connsiteX20" fmla="*/ 781912 w 1835566"/>
                    <a:gd name="connsiteY20" fmla="*/ 1506072 h 1506072"/>
                    <a:gd name="connsiteX21" fmla="*/ 106254 w 1835566"/>
                    <a:gd name="connsiteY21" fmla="*/ 1506072 h 1506072"/>
                    <a:gd name="connsiteX22" fmla="*/ 106254 w 1835566"/>
                    <a:gd name="connsiteY22" fmla="*/ 829739 h 1506072"/>
                    <a:gd name="connsiteX23" fmla="*/ 101054 w 1835566"/>
                    <a:gd name="connsiteY23" fmla="*/ 829460 h 1506072"/>
                    <a:gd name="connsiteX24" fmla="*/ 77659 w 1835566"/>
                    <a:gd name="connsiteY24" fmla="*/ 841798 h 1506072"/>
                    <a:gd name="connsiteX25" fmla="*/ 34583 w 1835566"/>
                    <a:gd name="connsiteY25" fmla="*/ 875019 h 1506072"/>
                    <a:gd name="connsiteX26" fmla="*/ 0 w 1835566"/>
                    <a:gd name="connsiteY26" fmla="*/ 889423 h 1506072"/>
                    <a:gd name="connsiteX27" fmla="*/ 2920 w 1835566"/>
                    <a:gd name="connsiteY27" fmla="*/ 786781 h 1506072"/>
                    <a:gd name="connsiteX28" fmla="*/ 4064 w 1835566"/>
                    <a:gd name="connsiteY28" fmla="*/ 630452 h 1506072"/>
                    <a:gd name="connsiteX29" fmla="*/ 3766 w 1835566"/>
                    <a:gd name="connsiteY29" fmla="*/ 618461 h 1506072"/>
                    <a:gd name="connsiteX30" fmla="*/ 32501 w 1835566"/>
                    <a:gd name="connsiteY30" fmla="*/ 629712 h 1506072"/>
                    <a:gd name="connsiteX31" fmla="*/ 75737 w 1835566"/>
                    <a:gd name="connsiteY31" fmla="*/ 661856 h 1506072"/>
                    <a:gd name="connsiteX32" fmla="*/ 102558 w 1835566"/>
                    <a:gd name="connsiteY32" fmla="*/ 671901 h 1506072"/>
                    <a:gd name="connsiteX33" fmla="*/ 106254 w 1835566"/>
                    <a:gd name="connsiteY33" fmla="*/ 671390 h 1506072"/>
                    <a:gd name="connsiteX34" fmla="*/ 106254 w 1835566"/>
                    <a:gd name="connsiteY34" fmla="*/ 0 h 1506072"/>
                    <a:gd name="connsiteX0" fmla="*/ 106254 w 1835566"/>
                    <a:gd name="connsiteY0" fmla="*/ 0 h 1506072"/>
                    <a:gd name="connsiteX1" fmla="*/ 776394 w 1835566"/>
                    <a:gd name="connsiteY1" fmla="*/ 0 h 1506072"/>
                    <a:gd name="connsiteX2" fmla="*/ 778155 w 1835566"/>
                    <a:gd name="connsiteY2" fmla="*/ 12722 h 1506072"/>
                    <a:gd name="connsiteX3" fmla="*/ 768109 w 1835566"/>
                    <a:gd name="connsiteY3" fmla="*/ 39543 h 1506072"/>
                    <a:gd name="connsiteX4" fmla="*/ 948051 w 1835566"/>
                    <a:gd name="connsiteY4" fmla="*/ 37621 h 1506072"/>
                    <a:gd name="connsiteX5" fmla="*/ 935713 w 1835566"/>
                    <a:gd name="connsiteY5" fmla="*/ 14226 h 1506072"/>
                    <a:gd name="connsiteX6" fmla="*/ 936478 w 1835566"/>
                    <a:gd name="connsiteY6" fmla="*/ 0 h 1506072"/>
                    <a:gd name="connsiteX7" fmla="*/ 1612326 w 1835566"/>
                    <a:gd name="connsiteY7" fmla="*/ 0 h 1506072"/>
                    <a:gd name="connsiteX8" fmla="*/ 1612326 w 1835566"/>
                    <a:gd name="connsiteY8" fmla="*/ 675821 h 1506072"/>
                    <a:gd name="connsiteX9" fmla="*/ 1627071 w 1835566"/>
                    <a:gd name="connsiteY9" fmla="*/ 676614 h 1506072"/>
                    <a:gd name="connsiteX10" fmla="*/ 1650466 w 1835566"/>
                    <a:gd name="connsiteY10" fmla="*/ 664276 h 1506072"/>
                    <a:gd name="connsiteX11" fmla="*/ 1652388 w 1835566"/>
                    <a:gd name="connsiteY11" fmla="*/ 844217 h 1506072"/>
                    <a:gd name="connsiteX12" fmla="*/ 1625567 w 1835566"/>
                    <a:gd name="connsiteY12" fmla="*/ 834172 h 1506072"/>
                    <a:gd name="connsiteX13" fmla="*/ 1612326 w 1835566"/>
                    <a:gd name="connsiteY13" fmla="*/ 836004 h 1506072"/>
                    <a:gd name="connsiteX14" fmla="*/ 1612326 w 1835566"/>
                    <a:gd name="connsiteY14" fmla="*/ 1506072 h 1506072"/>
                    <a:gd name="connsiteX15" fmla="*/ 942677 w 1835566"/>
                    <a:gd name="connsiteY15" fmla="*/ 1506072 h 1506072"/>
                    <a:gd name="connsiteX16" fmla="*/ 940425 w 1835566"/>
                    <a:gd name="connsiteY16" fmla="*/ 1489799 h 1506072"/>
                    <a:gd name="connsiteX17" fmla="*/ 950471 w 1835566"/>
                    <a:gd name="connsiteY17" fmla="*/ 1462978 h 1506072"/>
                    <a:gd name="connsiteX18" fmla="*/ 770529 w 1835566"/>
                    <a:gd name="connsiteY18" fmla="*/ 1464900 h 1506072"/>
                    <a:gd name="connsiteX19" fmla="*/ 782867 w 1835566"/>
                    <a:gd name="connsiteY19" fmla="*/ 1488295 h 1506072"/>
                    <a:gd name="connsiteX20" fmla="*/ 781912 w 1835566"/>
                    <a:gd name="connsiteY20" fmla="*/ 1506072 h 1506072"/>
                    <a:gd name="connsiteX21" fmla="*/ 106254 w 1835566"/>
                    <a:gd name="connsiteY21" fmla="*/ 1506072 h 1506072"/>
                    <a:gd name="connsiteX22" fmla="*/ 106254 w 1835566"/>
                    <a:gd name="connsiteY22" fmla="*/ 829739 h 1506072"/>
                    <a:gd name="connsiteX23" fmla="*/ 101054 w 1835566"/>
                    <a:gd name="connsiteY23" fmla="*/ 829460 h 1506072"/>
                    <a:gd name="connsiteX24" fmla="*/ 77659 w 1835566"/>
                    <a:gd name="connsiteY24" fmla="*/ 841798 h 1506072"/>
                    <a:gd name="connsiteX25" fmla="*/ 34583 w 1835566"/>
                    <a:gd name="connsiteY25" fmla="*/ 875019 h 1506072"/>
                    <a:gd name="connsiteX26" fmla="*/ 0 w 1835566"/>
                    <a:gd name="connsiteY26" fmla="*/ 889423 h 1506072"/>
                    <a:gd name="connsiteX27" fmla="*/ 2920 w 1835566"/>
                    <a:gd name="connsiteY27" fmla="*/ 786781 h 1506072"/>
                    <a:gd name="connsiteX28" fmla="*/ 4064 w 1835566"/>
                    <a:gd name="connsiteY28" fmla="*/ 630452 h 1506072"/>
                    <a:gd name="connsiteX29" fmla="*/ 3766 w 1835566"/>
                    <a:gd name="connsiteY29" fmla="*/ 618461 h 1506072"/>
                    <a:gd name="connsiteX30" fmla="*/ 32501 w 1835566"/>
                    <a:gd name="connsiteY30" fmla="*/ 629712 h 1506072"/>
                    <a:gd name="connsiteX31" fmla="*/ 75737 w 1835566"/>
                    <a:gd name="connsiteY31" fmla="*/ 661856 h 1506072"/>
                    <a:gd name="connsiteX32" fmla="*/ 102558 w 1835566"/>
                    <a:gd name="connsiteY32" fmla="*/ 671901 h 1506072"/>
                    <a:gd name="connsiteX33" fmla="*/ 106254 w 1835566"/>
                    <a:gd name="connsiteY33" fmla="*/ 671390 h 1506072"/>
                    <a:gd name="connsiteX34" fmla="*/ 106254 w 1835566"/>
                    <a:gd name="connsiteY34" fmla="*/ 0 h 1506072"/>
                    <a:gd name="connsiteX0" fmla="*/ 106254 w 1835566"/>
                    <a:gd name="connsiteY0" fmla="*/ 0 h 1506072"/>
                    <a:gd name="connsiteX1" fmla="*/ 776394 w 1835566"/>
                    <a:gd name="connsiteY1" fmla="*/ 0 h 1506072"/>
                    <a:gd name="connsiteX2" fmla="*/ 778155 w 1835566"/>
                    <a:gd name="connsiteY2" fmla="*/ 12722 h 1506072"/>
                    <a:gd name="connsiteX3" fmla="*/ 768109 w 1835566"/>
                    <a:gd name="connsiteY3" fmla="*/ 39543 h 1506072"/>
                    <a:gd name="connsiteX4" fmla="*/ 948051 w 1835566"/>
                    <a:gd name="connsiteY4" fmla="*/ 37621 h 1506072"/>
                    <a:gd name="connsiteX5" fmla="*/ 935713 w 1835566"/>
                    <a:gd name="connsiteY5" fmla="*/ 14226 h 1506072"/>
                    <a:gd name="connsiteX6" fmla="*/ 936478 w 1835566"/>
                    <a:gd name="connsiteY6" fmla="*/ 0 h 1506072"/>
                    <a:gd name="connsiteX7" fmla="*/ 1612326 w 1835566"/>
                    <a:gd name="connsiteY7" fmla="*/ 0 h 1506072"/>
                    <a:gd name="connsiteX8" fmla="*/ 1612326 w 1835566"/>
                    <a:gd name="connsiteY8" fmla="*/ 675821 h 1506072"/>
                    <a:gd name="connsiteX9" fmla="*/ 1627071 w 1835566"/>
                    <a:gd name="connsiteY9" fmla="*/ 676614 h 1506072"/>
                    <a:gd name="connsiteX10" fmla="*/ 1650466 w 1835566"/>
                    <a:gd name="connsiteY10" fmla="*/ 664276 h 1506072"/>
                    <a:gd name="connsiteX11" fmla="*/ 1652388 w 1835566"/>
                    <a:gd name="connsiteY11" fmla="*/ 844217 h 1506072"/>
                    <a:gd name="connsiteX12" fmla="*/ 1625567 w 1835566"/>
                    <a:gd name="connsiteY12" fmla="*/ 834172 h 1506072"/>
                    <a:gd name="connsiteX13" fmla="*/ 1612326 w 1835566"/>
                    <a:gd name="connsiteY13" fmla="*/ 836004 h 1506072"/>
                    <a:gd name="connsiteX14" fmla="*/ 1612326 w 1835566"/>
                    <a:gd name="connsiteY14" fmla="*/ 1506072 h 1506072"/>
                    <a:gd name="connsiteX15" fmla="*/ 942677 w 1835566"/>
                    <a:gd name="connsiteY15" fmla="*/ 1506072 h 1506072"/>
                    <a:gd name="connsiteX16" fmla="*/ 940425 w 1835566"/>
                    <a:gd name="connsiteY16" fmla="*/ 1489799 h 1506072"/>
                    <a:gd name="connsiteX17" fmla="*/ 950471 w 1835566"/>
                    <a:gd name="connsiteY17" fmla="*/ 1462978 h 1506072"/>
                    <a:gd name="connsiteX18" fmla="*/ 770529 w 1835566"/>
                    <a:gd name="connsiteY18" fmla="*/ 1464900 h 1506072"/>
                    <a:gd name="connsiteX19" fmla="*/ 782867 w 1835566"/>
                    <a:gd name="connsiteY19" fmla="*/ 1488295 h 1506072"/>
                    <a:gd name="connsiteX20" fmla="*/ 781912 w 1835566"/>
                    <a:gd name="connsiteY20" fmla="*/ 1506072 h 1506072"/>
                    <a:gd name="connsiteX21" fmla="*/ 106254 w 1835566"/>
                    <a:gd name="connsiteY21" fmla="*/ 1506072 h 1506072"/>
                    <a:gd name="connsiteX22" fmla="*/ 106254 w 1835566"/>
                    <a:gd name="connsiteY22" fmla="*/ 829739 h 1506072"/>
                    <a:gd name="connsiteX23" fmla="*/ 101054 w 1835566"/>
                    <a:gd name="connsiteY23" fmla="*/ 829460 h 1506072"/>
                    <a:gd name="connsiteX24" fmla="*/ 77659 w 1835566"/>
                    <a:gd name="connsiteY24" fmla="*/ 841798 h 1506072"/>
                    <a:gd name="connsiteX25" fmla="*/ 34583 w 1835566"/>
                    <a:gd name="connsiteY25" fmla="*/ 875019 h 1506072"/>
                    <a:gd name="connsiteX26" fmla="*/ 0 w 1835566"/>
                    <a:gd name="connsiteY26" fmla="*/ 889423 h 1506072"/>
                    <a:gd name="connsiteX27" fmla="*/ 2920 w 1835566"/>
                    <a:gd name="connsiteY27" fmla="*/ 786781 h 1506072"/>
                    <a:gd name="connsiteX28" fmla="*/ 4064 w 1835566"/>
                    <a:gd name="connsiteY28" fmla="*/ 630452 h 1506072"/>
                    <a:gd name="connsiteX29" fmla="*/ 3766 w 1835566"/>
                    <a:gd name="connsiteY29" fmla="*/ 618461 h 1506072"/>
                    <a:gd name="connsiteX30" fmla="*/ 32501 w 1835566"/>
                    <a:gd name="connsiteY30" fmla="*/ 629712 h 1506072"/>
                    <a:gd name="connsiteX31" fmla="*/ 75737 w 1835566"/>
                    <a:gd name="connsiteY31" fmla="*/ 661856 h 1506072"/>
                    <a:gd name="connsiteX32" fmla="*/ 102558 w 1835566"/>
                    <a:gd name="connsiteY32" fmla="*/ 671901 h 1506072"/>
                    <a:gd name="connsiteX33" fmla="*/ 106254 w 1835566"/>
                    <a:gd name="connsiteY33" fmla="*/ 671390 h 1506072"/>
                    <a:gd name="connsiteX34" fmla="*/ 106254 w 1835566"/>
                    <a:gd name="connsiteY34" fmla="*/ 0 h 1506072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  <a:cxn ang="0">
                      <a:pos x="connsiteX24" y="connsiteY24"/>
                    </a:cxn>
                    <a:cxn ang="0">
                      <a:pos x="connsiteX25" y="connsiteY25"/>
                    </a:cxn>
                    <a:cxn ang="0">
                      <a:pos x="connsiteX26" y="connsiteY26"/>
                    </a:cxn>
                    <a:cxn ang="0">
                      <a:pos x="connsiteX27" y="connsiteY27"/>
                    </a:cxn>
                    <a:cxn ang="0">
                      <a:pos x="connsiteX28" y="connsiteY28"/>
                    </a:cxn>
                    <a:cxn ang="0">
                      <a:pos x="connsiteX29" y="connsiteY29"/>
                    </a:cxn>
                    <a:cxn ang="0">
                      <a:pos x="connsiteX30" y="connsiteY30"/>
                    </a:cxn>
                    <a:cxn ang="0">
                      <a:pos x="connsiteX31" y="connsiteY31"/>
                    </a:cxn>
                    <a:cxn ang="0">
                      <a:pos x="connsiteX32" y="connsiteY32"/>
                    </a:cxn>
                    <a:cxn ang="0">
                      <a:pos x="connsiteX33" y="connsiteY33"/>
                    </a:cxn>
                    <a:cxn ang="0">
                      <a:pos x="connsiteX34" y="connsiteY34"/>
                    </a:cxn>
                  </a:cxnLst>
                  <a:rect l="l" t="t" r="r" b="b"/>
                  <a:pathLst>
                    <a:path w="1835566" h="1506072">
                      <a:moveTo>
                        <a:pt x="106254" y="0"/>
                      </a:moveTo>
                      <a:lnTo>
                        <a:pt x="776394" y="0"/>
                      </a:lnTo>
                      <a:lnTo>
                        <a:pt x="778155" y="12722"/>
                      </a:lnTo>
                      <a:cubicBezTo>
                        <a:pt x="776964" y="20893"/>
                        <a:pt x="773579" y="29772"/>
                        <a:pt x="768109" y="39543"/>
                      </a:cubicBezTo>
                      <a:cubicBezTo>
                        <a:pt x="548249" y="266781"/>
                        <a:pt x="1149689" y="282472"/>
                        <a:pt x="948051" y="37621"/>
                      </a:cubicBezTo>
                      <a:cubicBezTo>
                        <a:pt x="941541" y="30354"/>
                        <a:pt x="937489" y="22376"/>
                        <a:pt x="935713" y="14226"/>
                      </a:cubicBezTo>
                      <a:lnTo>
                        <a:pt x="936478" y="0"/>
                      </a:lnTo>
                      <a:lnTo>
                        <a:pt x="1612326" y="0"/>
                      </a:lnTo>
                      <a:lnTo>
                        <a:pt x="1612326" y="675821"/>
                      </a:lnTo>
                      <a:lnTo>
                        <a:pt x="1627071" y="676614"/>
                      </a:lnTo>
                      <a:cubicBezTo>
                        <a:pt x="1635220" y="674837"/>
                        <a:pt x="1643199" y="670786"/>
                        <a:pt x="1650466" y="664276"/>
                      </a:cubicBezTo>
                      <a:cubicBezTo>
                        <a:pt x="1895317" y="435585"/>
                        <a:pt x="1898563" y="1066783"/>
                        <a:pt x="1652388" y="844217"/>
                      </a:cubicBezTo>
                      <a:cubicBezTo>
                        <a:pt x="1642617" y="838748"/>
                        <a:pt x="1633738" y="835362"/>
                        <a:pt x="1625567" y="834172"/>
                      </a:cubicBezTo>
                      <a:lnTo>
                        <a:pt x="1612326" y="836004"/>
                      </a:lnTo>
                      <a:lnTo>
                        <a:pt x="1612326" y="1506072"/>
                      </a:lnTo>
                      <a:lnTo>
                        <a:pt x="942677" y="1506072"/>
                      </a:lnTo>
                      <a:lnTo>
                        <a:pt x="940425" y="1489799"/>
                      </a:lnTo>
                      <a:cubicBezTo>
                        <a:pt x="941616" y="1481628"/>
                        <a:pt x="945002" y="1472749"/>
                        <a:pt x="950471" y="1462978"/>
                      </a:cubicBezTo>
                      <a:cubicBezTo>
                        <a:pt x="1162703" y="1242633"/>
                        <a:pt x="567669" y="1225215"/>
                        <a:pt x="770529" y="1464900"/>
                      </a:cubicBezTo>
                      <a:cubicBezTo>
                        <a:pt x="777040" y="1472167"/>
                        <a:pt x="781091" y="1480145"/>
                        <a:pt x="782867" y="1488295"/>
                      </a:cubicBezTo>
                      <a:cubicBezTo>
                        <a:pt x="782549" y="1494221"/>
                        <a:pt x="782230" y="1500146"/>
                        <a:pt x="781912" y="1506072"/>
                      </a:cubicBezTo>
                      <a:lnTo>
                        <a:pt x="106254" y="1506072"/>
                      </a:lnTo>
                      <a:lnTo>
                        <a:pt x="106254" y="829739"/>
                      </a:lnTo>
                      <a:lnTo>
                        <a:pt x="101054" y="829460"/>
                      </a:lnTo>
                      <a:cubicBezTo>
                        <a:pt x="92905" y="831236"/>
                        <a:pt x="84926" y="835287"/>
                        <a:pt x="77659" y="841798"/>
                      </a:cubicBezTo>
                      <a:cubicBezTo>
                        <a:pt x="62356" y="856091"/>
                        <a:pt x="47997" y="867026"/>
                        <a:pt x="34583" y="875019"/>
                      </a:cubicBezTo>
                      <a:lnTo>
                        <a:pt x="0" y="889423"/>
                      </a:lnTo>
                      <a:cubicBezTo>
                        <a:pt x="973" y="855209"/>
                        <a:pt x="1947" y="820995"/>
                        <a:pt x="2920" y="786781"/>
                      </a:cubicBezTo>
                      <a:cubicBezTo>
                        <a:pt x="3924" y="735314"/>
                        <a:pt x="4409" y="682744"/>
                        <a:pt x="4064" y="630452"/>
                      </a:cubicBezTo>
                      <a:cubicBezTo>
                        <a:pt x="3965" y="626455"/>
                        <a:pt x="3865" y="622458"/>
                        <a:pt x="3766" y="618461"/>
                      </a:cubicBezTo>
                      <a:lnTo>
                        <a:pt x="32501" y="629712"/>
                      </a:lnTo>
                      <a:cubicBezTo>
                        <a:pt x="45940" y="637371"/>
                        <a:pt x="60351" y="647946"/>
                        <a:pt x="75737" y="661856"/>
                      </a:cubicBezTo>
                      <a:cubicBezTo>
                        <a:pt x="85508" y="667325"/>
                        <a:pt x="94387" y="670711"/>
                        <a:pt x="102558" y="671901"/>
                      </a:cubicBezTo>
                      <a:lnTo>
                        <a:pt x="106254" y="671390"/>
                      </a:lnTo>
                      <a:lnTo>
                        <a:pt x="106254" y="0"/>
                      </a:lnTo>
                      <a:close/>
                    </a:path>
                  </a:pathLst>
                </a:custGeom>
                <a:solidFill>
                  <a:srgbClr val="005EA4"/>
                </a:solidFill>
                <a:ln w="12700" cap="flat" cmpd="sng" algn="ctr">
                  <a:noFill/>
                  <a:prstDash val="solid"/>
                  <a:miter lim="800000"/>
                </a:ln>
                <a:effectLst>
                  <a:innerShdw blurRad="38100" dist="25400" dir="5400000">
                    <a:prstClr val="black">
                      <a:alpha val="50000"/>
                    </a:prstClr>
                  </a:innerShdw>
                </a:effectLst>
              </p:spPr>
              <p:txBody>
                <a:bodyPr wrap="square" rtlCol="0" anchor="ctr">
                  <a:noAutofit/>
                </a:bodyPr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dirty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/>
                    <a:ea typeface="+mn-ea"/>
                    <a:cs typeface="+mn-cs"/>
                  </a:endParaRPr>
                </a:p>
              </p:txBody>
            </p:sp>
          </p:grpSp>
        </p:grpSp>
        <p:sp>
          <p:nvSpPr>
            <p:cNvPr id="103" name="TextBox 73"/>
            <p:cNvSpPr txBox="1"/>
            <p:nvPr/>
          </p:nvSpPr>
          <p:spPr>
            <a:xfrm flipH="1">
              <a:off x="2051720" y="4250299"/>
              <a:ext cx="1101066" cy="8309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lvl="0" algn="ctr" fontAlgn="auto">
                <a:spcBef>
                  <a:spcPts val="0"/>
                </a:spcBef>
                <a:spcAft>
                  <a:spcPts val="0"/>
                </a:spcAft>
              </a:pPr>
              <a:r>
                <a:rPr lang="tr-TR" sz="1600" b="1" dirty="0" smtClean="0">
                  <a:solidFill>
                    <a:schemeClr val="bg1"/>
                  </a:solidFill>
                  <a:latin typeface="Futura Bk BT" panose="020B0502020204020303" pitchFamily="34" charset="0"/>
                </a:rPr>
                <a:t>ÇP Deneyimi</a:t>
              </a:r>
              <a:endParaRPr lang="tr-TR" sz="1600" b="1" dirty="0">
                <a:solidFill>
                  <a:schemeClr val="bg1"/>
                </a:solidFill>
                <a:latin typeface="Futura Bk BT" panose="020B0502020204020303" pitchFamily="34" charset="0"/>
              </a:endParaRPr>
            </a:p>
            <a:p>
              <a:pPr algn="ctr" fontAlgn="auto">
                <a:spcBef>
                  <a:spcPts val="0"/>
                </a:spcBef>
                <a:spcAft>
                  <a:spcPts val="0"/>
                </a:spcAft>
              </a:pPr>
              <a:endParaRPr lang="en-US" sz="1600" b="1" dirty="0">
                <a:solidFill>
                  <a:schemeClr val="bg1"/>
                </a:solidFill>
                <a:latin typeface="Futura Bk BT" panose="020B0502020204020303" pitchFamily="34" charset="0"/>
                <a:cs typeface="Aharoni" panose="02010803020104030203" pitchFamily="2" charset="-79"/>
              </a:endParaRPr>
            </a:p>
          </p:txBody>
        </p:sp>
        <p:sp>
          <p:nvSpPr>
            <p:cNvPr id="104" name="TextBox 73"/>
            <p:cNvSpPr txBox="1"/>
            <p:nvPr/>
          </p:nvSpPr>
          <p:spPr>
            <a:xfrm flipH="1">
              <a:off x="1944215" y="3090446"/>
              <a:ext cx="1630526" cy="58477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lvl="0" algn="ctr" fontAlgn="auto">
                <a:spcBef>
                  <a:spcPts val="0"/>
                </a:spcBef>
                <a:spcAft>
                  <a:spcPts val="0"/>
                </a:spcAft>
              </a:pPr>
              <a:r>
                <a:rPr lang="tr-TR" sz="1600" b="1" dirty="0" smtClean="0">
                  <a:solidFill>
                    <a:schemeClr val="bg1"/>
                  </a:solidFill>
                  <a:latin typeface="Futura Bk BT" panose="020B0502020204020303" pitchFamily="34" charset="0"/>
                </a:rPr>
                <a:t>Uluslararası</a:t>
              </a:r>
            </a:p>
            <a:p>
              <a:pPr lvl="0" algn="ctr" fontAlgn="auto">
                <a:spcBef>
                  <a:spcPts val="0"/>
                </a:spcBef>
                <a:spcAft>
                  <a:spcPts val="0"/>
                </a:spcAft>
              </a:pPr>
              <a:r>
                <a:rPr lang="tr-TR" sz="1600" b="1" dirty="0" smtClean="0">
                  <a:solidFill>
                    <a:schemeClr val="bg1"/>
                  </a:solidFill>
                  <a:latin typeface="Futura Bk BT" panose="020B0502020204020303" pitchFamily="34" charset="0"/>
                </a:rPr>
                <a:t>Deneyim </a:t>
              </a:r>
              <a:endParaRPr lang="en-US" sz="1600" b="1" dirty="0">
                <a:solidFill>
                  <a:schemeClr val="bg1"/>
                </a:solidFill>
                <a:latin typeface="Futura Bk BT" panose="020B0502020204020303" pitchFamily="34" charset="0"/>
                <a:cs typeface="Aharoni" panose="02010803020104030203" pitchFamily="2" charset="-79"/>
              </a:endParaRPr>
            </a:p>
          </p:txBody>
        </p:sp>
        <p:sp>
          <p:nvSpPr>
            <p:cNvPr id="105" name="TextBox 73"/>
            <p:cNvSpPr txBox="1"/>
            <p:nvPr/>
          </p:nvSpPr>
          <p:spPr>
            <a:xfrm flipH="1">
              <a:off x="698628" y="5661248"/>
              <a:ext cx="1101066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lvl="0" algn="ctr" fontAlgn="auto">
                <a:spcBef>
                  <a:spcPts val="0"/>
                </a:spcBef>
                <a:spcAft>
                  <a:spcPts val="0"/>
                </a:spcAft>
              </a:pPr>
              <a:r>
                <a:rPr lang="tr-TR" sz="1600" b="1" dirty="0" smtClean="0">
                  <a:latin typeface="Futura Bk BT" panose="020B0502020204020303" pitchFamily="34" charset="0"/>
                </a:rPr>
                <a:t>Ekip</a:t>
              </a:r>
              <a:endParaRPr lang="en-US" sz="1600" b="1" dirty="0">
                <a:latin typeface="Futura Bk BT" panose="020B0502020204020303" pitchFamily="34" charset="0"/>
                <a:cs typeface="Aharoni" panose="02010803020104030203" pitchFamily="2" charset="-79"/>
              </a:endParaRPr>
            </a:p>
          </p:txBody>
        </p:sp>
        <p:sp>
          <p:nvSpPr>
            <p:cNvPr id="106" name="TextBox 73"/>
            <p:cNvSpPr txBox="1"/>
            <p:nvPr/>
          </p:nvSpPr>
          <p:spPr>
            <a:xfrm flipH="1">
              <a:off x="2125651" y="1908121"/>
              <a:ext cx="1101066" cy="58477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lvl="0" algn="ctr" fontAlgn="auto">
                <a:spcBef>
                  <a:spcPts val="0"/>
                </a:spcBef>
                <a:spcAft>
                  <a:spcPts val="0"/>
                </a:spcAft>
              </a:pPr>
              <a:r>
                <a:rPr lang="tr-TR" sz="1600" b="1" dirty="0" smtClean="0">
                  <a:solidFill>
                    <a:schemeClr val="bg1"/>
                  </a:solidFill>
                  <a:latin typeface="Futura Bk BT" panose="020B0502020204020303" pitchFamily="34" charset="0"/>
                </a:rPr>
                <a:t>Proje Fikri</a:t>
              </a:r>
              <a:endParaRPr lang="tr-TR" sz="1600" b="1" dirty="0">
                <a:solidFill>
                  <a:schemeClr val="bg1"/>
                </a:solidFill>
                <a:latin typeface="Futura Bk BT" panose="020B0502020204020303" pitchFamily="34" charset="0"/>
              </a:endParaRPr>
            </a:p>
            <a:p>
              <a:pPr algn="ctr" fontAlgn="auto">
                <a:spcBef>
                  <a:spcPts val="0"/>
                </a:spcBef>
                <a:spcAft>
                  <a:spcPts val="0"/>
                </a:spcAft>
              </a:pPr>
              <a:endParaRPr lang="en-US" sz="1600" b="1" dirty="0">
                <a:solidFill>
                  <a:schemeClr val="bg1"/>
                </a:solidFill>
                <a:latin typeface="Futura Bk BT" panose="020B0502020204020303" pitchFamily="34" charset="0"/>
                <a:cs typeface="Aharoni" panose="02010803020104030203" pitchFamily="2" charset="-79"/>
              </a:endParaRPr>
            </a:p>
          </p:txBody>
        </p:sp>
        <p:sp>
          <p:nvSpPr>
            <p:cNvPr id="107" name="TextBox 73"/>
            <p:cNvSpPr txBox="1"/>
            <p:nvPr/>
          </p:nvSpPr>
          <p:spPr>
            <a:xfrm flipH="1">
              <a:off x="3491880" y="5652537"/>
              <a:ext cx="1101066" cy="58477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lvl="0" algn="ctr" fontAlgn="auto">
                <a:spcBef>
                  <a:spcPts val="0"/>
                </a:spcBef>
                <a:spcAft>
                  <a:spcPts val="0"/>
                </a:spcAft>
              </a:pPr>
              <a:r>
                <a:rPr lang="tr-TR" sz="1600" b="1" dirty="0" smtClean="0">
                  <a:latin typeface="Futura Bk BT" panose="020B0502020204020303" pitchFamily="34" charset="0"/>
                </a:rPr>
                <a:t>Uzmanlık</a:t>
              </a:r>
              <a:endParaRPr lang="tr-TR" sz="1600" b="1" dirty="0">
                <a:latin typeface="Futura Bk BT" panose="020B0502020204020303" pitchFamily="34" charset="0"/>
              </a:endParaRPr>
            </a:p>
            <a:p>
              <a:pPr algn="ctr" fontAlgn="auto">
                <a:spcBef>
                  <a:spcPts val="0"/>
                </a:spcBef>
                <a:spcAft>
                  <a:spcPts val="0"/>
                </a:spcAft>
              </a:pPr>
              <a:endParaRPr lang="en-US" sz="1600" b="1" dirty="0">
                <a:latin typeface="Futura Bk BT" panose="020B0502020204020303" pitchFamily="34" charset="0"/>
                <a:cs typeface="Aharoni" panose="02010803020104030203" pitchFamily="2" charset="-79"/>
              </a:endParaRPr>
            </a:p>
          </p:txBody>
        </p:sp>
        <p:sp>
          <p:nvSpPr>
            <p:cNvPr id="108" name="TextBox 73"/>
            <p:cNvSpPr txBox="1"/>
            <p:nvPr/>
          </p:nvSpPr>
          <p:spPr>
            <a:xfrm flipH="1">
              <a:off x="2045834" y="5613027"/>
              <a:ext cx="1101066" cy="8309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lvl="0" algn="ctr" fontAlgn="auto">
                <a:spcBef>
                  <a:spcPts val="0"/>
                </a:spcBef>
                <a:spcAft>
                  <a:spcPts val="0"/>
                </a:spcAft>
              </a:pPr>
              <a:r>
                <a:rPr lang="tr-TR" sz="1600" b="1" dirty="0" smtClean="0">
                  <a:latin typeface="Futura Bk BT" panose="020B0502020204020303" pitchFamily="34" charset="0"/>
                </a:rPr>
                <a:t>ERA İşbirliği</a:t>
              </a:r>
              <a:endParaRPr lang="tr-TR" sz="1600" b="1" dirty="0">
                <a:latin typeface="Futura Bk BT" panose="020B0502020204020303" pitchFamily="34" charset="0"/>
              </a:endParaRPr>
            </a:p>
            <a:p>
              <a:pPr algn="ctr" fontAlgn="auto">
                <a:spcBef>
                  <a:spcPts val="0"/>
                </a:spcBef>
                <a:spcAft>
                  <a:spcPts val="0"/>
                </a:spcAft>
              </a:pPr>
              <a:endParaRPr lang="en-US" sz="1600" b="1" dirty="0">
                <a:latin typeface="Futura Bk BT" panose="020B0502020204020303" pitchFamily="34" charset="0"/>
                <a:cs typeface="Aharoni" panose="02010803020104030203" pitchFamily="2" charset="-79"/>
              </a:endParaRPr>
            </a:p>
          </p:txBody>
        </p:sp>
      </p:grpSp>
      <p:grpSp>
        <p:nvGrpSpPr>
          <p:cNvPr id="120" name="Grup 119"/>
          <p:cNvGrpSpPr/>
          <p:nvPr/>
        </p:nvGrpSpPr>
        <p:grpSpPr>
          <a:xfrm>
            <a:off x="4947441" y="4941168"/>
            <a:ext cx="4091107" cy="765505"/>
            <a:chOff x="5004048" y="6191887"/>
            <a:chExt cx="4091107" cy="765505"/>
          </a:xfrm>
        </p:grpSpPr>
        <p:sp>
          <p:nvSpPr>
            <p:cNvPr id="116" name="TextBox 79"/>
            <p:cNvSpPr txBox="1"/>
            <p:nvPr/>
          </p:nvSpPr>
          <p:spPr>
            <a:xfrm>
              <a:off x="5005057" y="6191887"/>
              <a:ext cx="4044440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tr-TR" sz="1600" b="1" i="0" u="sng" strike="noStrike" kern="0" cap="none" spc="0" normalizeH="0" baseline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Futura Bk BT" panose="020B0502020204020303" pitchFamily="34" charset="0"/>
                  <a:ea typeface="+mn-ea"/>
                </a:rPr>
                <a:t>Çağrı alanında uzmanlık</a:t>
              </a:r>
              <a:endParaRPr kumimoji="0" lang="en-US" sz="1600" b="1" i="0" u="sng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</a:endParaRPr>
            </a:p>
          </p:txBody>
        </p:sp>
        <p:sp>
          <p:nvSpPr>
            <p:cNvPr id="117" name="TextBox 80"/>
            <p:cNvSpPr txBox="1"/>
            <p:nvPr/>
          </p:nvSpPr>
          <p:spPr>
            <a:xfrm>
              <a:off x="5005057" y="6506530"/>
              <a:ext cx="3992812" cy="43088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tr-TR"/>
              </a:defPPr>
              <a:lvl1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100" b="0" i="0" u="none" strike="noStrike" kern="0" cap="none" spc="0" normalizeH="0" baseline="0">
                  <a:ln>
                    <a:noFill/>
                  </a:ln>
                  <a:effectLst/>
                  <a:uLnTx/>
                  <a:uFillTx/>
                  <a:latin typeface="Futura Bk BT" panose="020B0502020204020303" pitchFamily="34" charset="0"/>
                  <a:ea typeface="+mn-ea"/>
                  <a:cs typeface="Andalus" panose="02020603050405020304" pitchFamily="18" charset="-78"/>
                </a:defRPr>
              </a:lvl1pPr>
            </a:lstStyle>
            <a:p>
              <a:r>
                <a:rPr lang="tr-TR" dirty="0"/>
                <a:t>Başvurulan çağrı başlığında işlenen bilim ve teknoloji konularındaki yetkinlikleri</a:t>
              </a:r>
              <a:endParaRPr lang="en-US" dirty="0"/>
            </a:p>
          </p:txBody>
        </p:sp>
        <p:cxnSp>
          <p:nvCxnSpPr>
            <p:cNvPr id="118" name="Straight Connector 78"/>
            <p:cNvCxnSpPr/>
            <p:nvPr/>
          </p:nvCxnSpPr>
          <p:spPr>
            <a:xfrm>
              <a:off x="5004048" y="6957392"/>
              <a:ext cx="4091107" cy="0"/>
            </a:xfrm>
            <a:prstGeom prst="line">
              <a:avLst/>
            </a:prstGeom>
            <a:noFill/>
            <a:ln w="12700" cap="flat" cmpd="sng" algn="ctr">
              <a:solidFill>
                <a:sysClr val="windowText" lastClr="000000">
                  <a:lumMod val="65000"/>
                  <a:lumOff val="35000"/>
                </a:sysClr>
              </a:solidFill>
              <a:prstDash val="solid"/>
              <a:miter lim="800000"/>
              <a:headEnd type="oval"/>
            </a:ln>
            <a:effectLst/>
          </p:spPr>
        </p:cxnSp>
      </p:grpSp>
      <p:grpSp>
        <p:nvGrpSpPr>
          <p:cNvPr id="121" name="Grup 120"/>
          <p:cNvGrpSpPr/>
          <p:nvPr/>
        </p:nvGrpSpPr>
        <p:grpSpPr>
          <a:xfrm>
            <a:off x="4988647" y="5805264"/>
            <a:ext cx="4091107" cy="864096"/>
            <a:chOff x="5004048" y="6093296"/>
            <a:chExt cx="4091107" cy="864096"/>
          </a:xfrm>
        </p:grpSpPr>
        <p:sp>
          <p:nvSpPr>
            <p:cNvPr id="122" name="TextBox 79"/>
            <p:cNvSpPr txBox="1"/>
            <p:nvPr/>
          </p:nvSpPr>
          <p:spPr>
            <a:xfrm>
              <a:off x="5005057" y="6093296"/>
              <a:ext cx="4044440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tr-TR" sz="1600" b="1" u="sng" kern="0" dirty="0" smtClean="0">
                  <a:solidFill>
                    <a:prstClr val="black"/>
                  </a:solidFill>
                  <a:latin typeface="Futura Bk BT" panose="020B0502020204020303" pitchFamily="34" charset="0"/>
                  <a:ea typeface="+mn-ea"/>
                </a:rPr>
                <a:t>Ekip ve Konsorsiyum</a:t>
              </a:r>
              <a:endParaRPr kumimoji="0" lang="en-US" sz="1600" b="1" i="0" u="sng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</a:endParaRPr>
            </a:p>
          </p:txBody>
        </p:sp>
        <p:sp>
          <p:nvSpPr>
            <p:cNvPr id="123" name="TextBox 80"/>
            <p:cNvSpPr txBox="1"/>
            <p:nvPr/>
          </p:nvSpPr>
          <p:spPr>
            <a:xfrm>
              <a:off x="5005057" y="6453175"/>
              <a:ext cx="3992812" cy="43088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tr-TR"/>
              </a:defPPr>
              <a:lvl1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100" b="0" i="0" u="none" strike="noStrike" kern="0" cap="none" spc="0" normalizeH="0" baseline="0">
                  <a:ln>
                    <a:noFill/>
                  </a:ln>
                  <a:effectLst/>
                  <a:uLnTx/>
                  <a:uFillTx/>
                  <a:latin typeface="Futura Bk BT" panose="020B0502020204020303" pitchFamily="34" charset="0"/>
                  <a:ea typeface="+mn-ea"/>
                  <a:cs typeface="Andalus" panose="02020603050405020304" pitchFamily="18" charset="-78"/>
                </a:defRPr>
              </a:lvl1pPr>
            </a:lstStyle>
            <a:p>
              <a:pPr lvl="0"/>
              <a:r>
                <a:rPr lang="tr-TR" dirty="0"/>
                <a:t>Bilimsel proje hazırlama </a:t>
              </a:r>
              <a:r>
                <a:rPr lang="tr-TR" dirty="0" smtClean="0"/>
                <a:t>ekibinin kalitesi, yetkinliği, deneyim</a:t>
              </a:r>
            </a:p>
            <a:p>
              <a:pPr lvl="0"/>
              <a:r>
                <a:rPr lang="tr-TR" dirty="0" smtClean="0"/>
                <a:t>Konsorsiyum ortaklarının belirlenmiş olması</a:t>
              </a:r>
              <a:endParaRPr lang="tr-TR" dirty="0"/>
            </a:p>
          </p:txBody>
        </p:sp>
        <p:cxnSp>
          <p:nvCxnSpPr>
            <p:cNvPr id="124" name="Straight Connector 78"/>
            <p:cNvCxnSpPr/>
            <p:nvPr/>
          </p:nvCxnSpPr>
          <p:spPr>
            <a:xfrm>
              <a:off x="5004048" y="6957392"/>
              <a:ext cx="4091107" cy="0"/>
            </a:xfrm>
            <a:prstGeom prst="line">
              <a:avLst/>
            </a:prstGeom>
            <a:noFill/>
            <a:ln w="12700" cap="flat" cmpd="sng" algn="ctr">
              <a:solidFill>
                <a:sysClr val="windowText" lastClr="000000">
                  <a:lumMod val="65000"/>
                  <a:lumOff val="35000"/>
                </a:sysClr>
              </a:solidFill>
              <a:prstDash val="solid"/>
              <a:miter lim="800000"/>
              <a:headEnd type="oval"/>
            </a:ln>
            <a:effectLst/>
          </p:spPr>
        </p:cxnSp>
      </p:grpSp>
      <p:sp>
        <p:nvSpPr>
          <p:cNvPr id="126" name="Rectangle 77"/>
          <p:cNvSpPr/>
          <p:nvPr/>
        </p:nvSpPr>
        <p:spPr>
          <a:xfrm>
            <a:off x="9017122" y="5031286"/>
            <a:ext cx="78319" cy="649160"/>
          </a:xfrm>
          <a:prstGeom prst="rect">
            <a:avLst/>
          </a:prstGeom>
          <a:solidFill>
            <a:srgbClr val="6DC0FF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Futura Bk BT" panose="020B0502020204020303" pitchFamily="34" charset="0"/>
              <a:ea typeface="+mn-ea"/>
            </a:endParaRPr>
          </a:p>
        </p:txBody>
      </p:sp>
      <p:sp>
        <p:nvSpPr>
          <p:cNvPr id="129" name="Rectangle 77"/>
          <p:cNvSpPr/>
          <p:nvPr/>
        </p:nvSpPr>
        <p:spPr>
          <a:xfrm>
            <a:off x="9036496" y="5948192"/>
            <a:ext cx="78319" cy="649160"/>
          </a:xfrm>
          <a:prstGeom prst="rect">
            <a:avLst/>
          </a:prstGeom>
          <a:solidFill>
            <a:srgbClr val="6DC0FF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Futura Bk BT" panose="020B0502020204020303" pitchFamily="34" charset="0"/>
              <a:ea typeface="+mn-ea"/>
            </a:endParaRPr>
          </a:p>
        </p:txBody>
      </p:sp>
    </p:spTree>
    <p:extLst>
      <p:ext uri="{BB962C8B-B14F-4D97-AF65-F5344CB8AC3E}">
        <p14:creationId xmlns:p14="http://schemas.microsoft.com/office/powerpoint/2010/main" val="23030839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şlık 1"/>
          <p:cNvSpPr>
            <a:spLocks noGrp="1"/>
          </p:cNvSpPr>
          <p:nvPr>
            <p:ph type="title"/>
          </p:nvPr>
        </p:nvSpPr>
        <p:spPr>
          <a:xfrm>
            <a:off x="35496" y="10886"/>
            <a:ext cx="7776864" cy="706090"/>
          </a:xfrm>
        </p:spPr>
        <p:txBody>
          <a:bodyPr>
            <a:noAutofit/>
          </a:bodyPr>
          <a:lstStyle/>
          <a:p>
            <a:r>
              <a:rPr lang="tr-TR" sz="2400" dirty="0"/>
              <a:t>U2020 Koordinatörlüğü Destekleme  Programı – </a:t>
            </a:r>
            <a:r>
              <a:rPr lang="tr-TR" sz="2400" dirty="0" smtClean="0"/>
              <a:t>3</a:t>
            </a:r>
            <a:endParaRPr lang="tr-TR" sz="2400" dirty="0"/>
          </a:p>
        </p:txBody>
      </p:sp>
      <p:sp>
        <p:nvSpPr>
          <p:cNvPr id="4" name="Slayt Numarası Yer Tutucusu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41D7ED6A-D549-40C0-9D8C-C55F5275B6CF}" type="slidenum">
              <a:rPr lang="en-US" altLang="tr-TR" smtClean="0"/>
              <a:pPr>
                <a:defRPr/>
              </a:pPr>
              <a:t>11</a:t>
            </a:fld>
            <a:endParaRPr lang="en-US" altLang="tr-TR"/>
          </a:p>
        </p:txBody>
      </p:sp>
      <p:grpSp>
        <p:nvGrpSpPr>
          <p:cNvPr id="359" name="Group 25"/>
          <p:cNvGrpSpPr/>
          <p:nvPr/>
        </p:nvGrpSpPr>
        <p:grpSpPr>
          <a:xfrm>
            <a:off x="4484348" y="1354971"/>
            <a:ext cx="156880" cy="5545207"/>
            <a:chOff x="4424674" y="399270"/>
            <a:chExt cx="156880" cy="5545207"/>
          </a:xfrm>
        </p:grpSpPr>
        <p:sp>
          <p:nvSpPr>
            <p:cNvPr id="360" name="Rounded Rectangle 7"/>
            <p:cNvSpPr/>
            <p:nvPr/>
          </p:nvSpPr>
          <p:spPr>
            <a:xfrm>
              <a:off x="4498369" y="541706"/>
              <a:ext cx="9490" cy="5260115"/>
            </a:xfrm>
            <a:prstGeom prst="roundRect">
              <a:avLst>
                <a:gd name="adj" fmla="val 50000"/>
              </a:avLst>
            </a:prstGeom>
            <a:solidFill>
              <a:srgbClr val="FFFFFF"/>
            </a:solidFill>
            <a:ln w="12700" cap="flat" cmpd="sng" algn="ctr">
              <a:solidFill>
                <a:srgbClr val="FFFFFF"/>
              </a:solidFill>
              <a:prstDash val="solid"/>
              <a:miter lim="800000"/>
            </a:ln>
            <a:effectLst>
              <a:outerShdw blurRad="63500" sx="101000" sy="101000" algn="ctr" rotWithShape="0">
                <a:prstClr val="black">
                  <a:alpha val="25000"/>
                </a:prstClr>
              </a:outerShdw>
            </a:effec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61" name="Donut 8"/>
            <p:cNvSpPr/>
            <p:nvPr/>
          </p:nvSpPr>
          <p:spPr>
            <a:xfrm>
              <a:off x="4424674" y="399270"/>
              <a:ext cx="156880" cy="156880"/>
            </a:xfrm>
            <a:prstGeom prst="donut">
              <a:avLst>
                <a:gd name="adj" fmla="val 21809"/>
              </a:avLst>
            </a:prstGeom>
            <a:solidFill>
              <a:srgbClr val="FFFFFF">
                <a:lumMod val="95000"/>
              </a:srgbClr>
            </a:solidFill>
            <a:ln w="3175" cap="flat" cmpd="sng" algn="ctr">
              <a:solidFill>
                <a:srgbClr val="FFFFFF">
                  <a:lumMod val="75000"/>
                </a:srgbClr>
              </a:solidFill>
              <a:prstDash val="solid"/>
              <a:miter lim="800000"/>
            </a:ln>
            <a:effectLst>
              <a:outerShdw blurRad="38100" dist="25400" dir="16200000" rotWithShape="0">
                <a:prstClr val="black">
                  <a:alpha val="25000"/>
                </a:prstClr>
              </a:outerShdw>
            </a:effec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62" name="Donut 24"/>
            <p:cNvSpPr/>
            <p:nvPr/>
          </p:nvSpPr>
          <p:spPr>
            <a:xfrm>
              <a:off x="4424674" y="5787597"/>
              <a:ext cx="156880" cy="156880"/>
            </a:xfrm>
            <a:prstGeom prst="donut">
              <a:avLst>
                <a:gd name="adj" fmla="val 21809"/>
              </a:avLst>
            </a:prstGeom>
            <a:solidFill>
              <a:srgbClr val="FFFFFF">
                <a:lumMod val="95000"/>
              </a:srgbClr>
            </a:solidFill>
            <a:ln w="3175" cap="flat" cmpd="sng" algn="ctr">
              <a:solidFill>
                <a:srgbClr val="FFFFFF">
                  <a:lumMod val="75000"/>
                </a:srgbClr>
              </a:solidFill>
              <a:prstDash val="solid"/>
              <a:miter lim="800000"/>
            </a:ln>
            <a:effectLst>
              <a:outerShdw blurRad="38100" dist="25400" dir="5400000" algn="t" rotWithShape="0">
                <a:prstClr val="black">
                  <a:alpha val="25000"/>
                </a:prstClr>
              </a:outerShdw>
            </a:effec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363" name="Group 2"/>
          <p:cNvGrpSpPr/>
          <p:nvPr/>
        </p:nvGrpSpPr>
        <p:grpSpPr>
          <a:xfrm>
            <a:off x="-52069" y="948950"/>
            <a:ext cx="9196069" cy="6368482"/>
            <a:chOff x="-52069" y="384103"/>
            <a:chExt cx="9196069" cy="6368482"/>
          </a:xfrm>
        </p:grpSpPr>
        <p:grpSp>
          <p:nvGrpSpPr>
            <p:cNvPr id="364" name="Group 6"/>
            <p:cNvGrpSpPr/>
            <p:nvPr/>
          </p:nvGrpSpPr>
          <p:grpSpPr>
            <a:xfrm>
              <a:off x="4312124" y="384103"/>
              <a:ext cx="500012" cy="6368482"/>
              <a:chOff x="4324346" y="-238462"/>
              <a:chExt cx="500012" cy="6368482"/>
            </a:xfrm>
          </p:grpSpPr>
          <p:pic>
            <p:nvPicPr>
              <p:cNvPr id="474" name="Picture 4"/>
              <p:cNvPicPr>
                <a:picLocks noChangeAspect="1"/>
              </p:cNvPicPr>
              <p:nvPr/>
            </p:nvPicPr>
            <p:blipFill rotWithShape="1"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t="43250" r="8000" b="48331"/>
              <a:stretch/>
            </p:blipFill>
            <p:spPr>
              <a:xfrm rot="5400000">
                <a:off x="1749507" y="2567325"/>
                <a:ext cx="5880638" cy="269064"/>
              </a:xfrm>
              <a:prstGeom prst="rect">
                <a:avLst/>
              </a:prstGeom>
            </p:spPr>
          </p:pic>
          <p:pic>
            <p:nvPicPr>
              <p:cNvPr id="475" name="Picture 5"/>
              <p:cNvPicPr>
                <a:picLocks noChangeAspect="1"/>
              </p:cNvPicPr>
              <p:nvPr/>
            </p:nvPicPr>
            <p:blipFill rotWithShape="1"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t="43250" r="8000" b="48331"/>
              <a:stretch/>
            </p:blipFill>
            <p:spPr>
              <a:xfrm rot="16200000" flipH="1">
                <a:off x="1573844" y="2569976"/>
                <a:ext cx="5764766" cy="263762"/>
              </a:xfrm>
              <a:prstGeom prst="rect">
                <a:avLst/>
              </a:prstGeom>
            </p:spPr>
          </p:pic>
          <p:sp>
            <p:nvSpPr>
              <p:cNvPr id="476" name="Rounded Rectangle 1"/>
              <p:cNvSpPr/>
              <p:nvPr/>
            </p:nvSpPr>
            <p:spPr>
              <a:xfrm rot="10800000" flipV="1">
                <a:off x="4387797" y="0"/>
                <a:ext cx="364861" cy="6130020"/>
              </a:xfrm>
              <a:prstGeom prst="roundRect">
                <a:avLst>
                  <a:gd name="adj" fmla="val 50000"/>
                </a:avLst>
              </a:prstGeom>
              <a:gradFill flip="none" rotWithShape="1">
                <a:gsLst>
                  <a:gs pos="100000">
                    <a:srgbClr val="FFFFFF"/>
                  </a:gs>
                  <a:gs pos="0">
                    <a:srgbClr val="FFFFFF"/>
                  </a:gs>
                  <a:gs pos="74000">
                    <a:srgbClr val="FFFFFF">
                      <a:lumMod val="95000"/>
                    </a:srgbClr>
                  </a:gs>
                </a:gsLst>
                <a:path path="circle">
                  <a:fillToRect l="50000" t="50000" r="50000" b="50000"/>
                </a:path>
                <a:tileRect/>
              </a:gradFill>
              <a:ln w="12700" cap="flat" cmpd="sng" algn="ctr">
                <a:solidFill>
                  <a:srgbClr val="FFFFFF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grpSp>
          <p:nvGrpSpPr>
            <p:cNvPr id="365" name="Group 26"/>
            <p:cNvGrpSpPr/>
            <p:nvPr/>
          </p:nvGrpSpPr>
          <p:grpSpPr>
            <a:xfrm>
              <a:off x="4374490" y="1333203"/>
              <a:ext cx="367202" cy="367202"/>
              <a:chOff x="4392127" y="902691"/>
              <a:chExt cx="291216" cy="291216"/>
            </a:xfrm>
          </p:grpSpPr>
          <p:sp>
            <p:nvSpPr>
              <p:cNvPr id="472" name="Donut 9"/>
              <p:cNvSpPr/>
              <p:nvPr/>
            </p:nvSpPr>
            <p:spPr>
              <a:xfrm>
                <a:off x="4392127" y="902691"/>
                <a:ext cx="291216" cy="291216"/>
              </a:xfrm>
              <a:prstGeom prst="donut">
                <a:avLst>
                  <a:gd name="adj" fmla="val 21809"/>
                </a:avLst>
              </a:prstGeom>
              <a:solidFill>
                <a:srgbClr val="FFFFFF"/>
              </a:solidFill>
              <a:ln w="9525" cap="flat" cmpd="sng" algn="ctr">
                <a:solidFill>
                  <a:srgbClr val="FFFFFF">
                    <a:lumMod val="75000"/>
                  </a:srgbClr>
                </a:solidFill>
                <a:prstDash val="solid"/>
                <a:miter lim="800000"/>
              </a:ln>
              <a:effectLst>
                <a:outerShdw blurRad="25400" sx="101000" sy="101000" algn="ctr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473" name="Oval 472"/>
              <p:cNvSpPr/>
              <p:nvPr/>
            </p:nvSpPr>
            <p:spPr>
              <a:xfrm>
                <a:off x="4443810" y="954376"/>
                <a:ext cx="187850" cy="187846"/>
              </a:xfrm>
              <a:prstGeom prst="ellipse">
                <a:avLst/>
              </a:prstGeom>
              <a:gradFill flip="none" rotWithShape="1">
                <a:gsLst>
                  <a:gs pos="0">
                    <a:srgbClr val="00B0F0">
                      <a:lumMod val="0"/>
                      <a:lumOff val="100000"/>
                    </a:srgbClr>
                  </a:gs>
                  <a:gs pos="35000">
                    <a:srgbClr val="00B0F0">
                      <a:lumMod val="0"/>
                      <a:lumOff val="100000"/>
                    </a:srgbClr>
                  </a:gs>
                  <a:gs pos="100000">
                    <a:srgbClr val="00B0F0">
                      <a:lumMod val="100000"/>
                    </a:srgbClr>
                  </a:gs>
                </a:gsLst>
                <a:path path="circle">
                  <a:fillToRect l="50000" t="-80000" r="50000" b="180000"/>
                </a:path>
                <a:tileRect/>
              </a:gradFill>
              <a:ln w="6350" cap="flat" cmpd="sng" algn="ctr">
                <a:solidFill>
                  <a:srgbClr val="00B0F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grpSp>
          <p:nvGrpSpPr>
            <p:cNvPr id="366" name="Group 14"/>
            <p:cNvGrpSpPr/>
            <p:nvPr/>
          </p:nvGrpSpPr>
          <p:grpSpPr>
            <a:xfrm>
              <a:off x="4374490" y="2014034"/>
              <a:ext cx="367202" cy="367202"/>
              <a:chOff x="4392127" y="902691"/>
              <a:chExt cx="291216" cy="291216"/>
            </a:xfrm>
          </p:grpSpPr>
          <p:sp>
            <p:nvSpPr>
              <p:cNvPr id="470" name="Donut 15"/>
              <p:cNvSpPr/>
              <p:nvPr/>
            </p:nvSpPr>
            <p:spPr>
              <a:xfrm>
                <a:off x="4392127" y="902691"/>
                <a:ext cx="291216" cy="291216"/>
              </a:xfrm>
              <a:prstGeom prst="donut">
                <a:avLst>
                  <a:gd name="adj" fmla="val 21809"/>
                </a:avLst>
              </a:prstGeom>
              <a:solidFill>
                <a:srgbClr val="FFFFFF"/>
              </a:solidFill>
              <a:ln w="9525" cap="flat" cmpd="sng" algn="ctr">
                <a:solidFill>
                  <a:srgbClr val="FFFFFF">
                    <a:lumMod val="75000"/>
                  </a:srgbClr>
                </a:solidFill>
                <a:prstDash val="solid"/>
                <a:miter lim="800000"/>
              </a:ln>
              <a:effectLst>
                <a:outerShdw blurRad="25400" sx="101000" sy="101000" algn="ctr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471" name="Oval 470"/>
              <p:cNvSpPr/>
              <p:nvPr/>
            </p:nvSpPr>
            <p:spPr>
              <a:xfrm>
                <a:off x="4443810" y="954376"/>
                <a:ext cx="187850" cy="187846"/>
              </a:xfrm>
              <a:prstGeom prst="ellipse">
                <a:avLst/>
              </a:prstGeom>
              <a:gradFill flip="none" rotWithShape="1">
                <a:gsLst>
                  <a:gs pos="0">
                    <a:srgbClr val="00B0F0">
                      <a:lumMod val="0"/>
                      <a:lumOff val="100000"/>
                    </a:srgbClr>
                  </a:gs>
                  <a:gs pos="35000">
                    <a:srgbClr val="00B0F0">
                      <a:lumMod val="0"/>
                      <a:lumOff val="100000"/>
                    </a:srgbClr>
                  </a:gs>
                  <a:gs pos="100000">
                    <a:srgbClr val="0085FE"/>
                  </a:gs>
                </a:gsLst>
                <a:path path="circle">
                  <a:fillToRect l="50000" t="-80000" r="50000" b="180000"/>
                </a:path>
                <a:tileRect/>
              </a:gradFill>
              <a:ln w="6350" cap="flat" cmpd="sng" algn="ctr">
                <a:solidFill>
                  <a:srgbClr val="4D9EEC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grpSp>
          <p:nvGrpSpPr>
            <p:cNvPr id="367" name="Group 17"/>
            <p:cNvGrpSpPr/>
            <p:nvPr/>
          </p:nvGrpSpPr>
          <p:grpSpPr>
            <a:xfrm>
              <a:off x="4374490" y="2694865"/>
              <a:ext cx="367202" cy="367202"/>
              <a:chOff x="4392127" y="902691"/>
              <a:chExt cx="291216" cy="291216"/>
            </a:xfrm>
          </p:grpSpPr>
          <p:sp>
            <p:nvSpPr>
              <p:cNvPr id="468" name="Donut 18"/>
              <p:cNvSpPr/>
              <p:nvPr/>
            </p:nvSpPr>
            <p:spPr>
              <a:xfrm>
                <a:off x="4392127" y="902691"/>
                <a:ext cx="291216" cy="291216"/>
              </a:xfrm>
              <a:prstGeom prst="donut">
                <a:avLst>
                  <a:gd name="adj" fmla="val 21809"/>
                </a:avLst>
              </a:prstGeom>
              <a:solidFill>
                <a:srgbClr val="FFFFFF"/>
              </a:solidFill>
              <a:ln w="9525" cap="flat" cmpd="sng" algn="ctr">
                <a:solidFill>
                  <a:srgbClr val="FFFFFF">
                    <a:lumMod val="75000"/>
                  </a:srgbClr>
                </a:solidFill>
                <a:prstDash val="solid"/>
                <a:miter lim="800000"/>
              </a:ln>
              <a:effectLst>
                <a:outerShdw blurRad="25400" sx="101000" sy="101000" algn="ctr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469" name="Oval 468"/>
              <p:cNvSpPr/>
              <p:nvPr/>
            </p:nvSpPr>
            <p:spPr>
              <a:xfrm>
                <a:off x="4443810" y="954376"/>
                <a:ext cx="187850" cy="187846"/>
              </a:xfrm>
              <a:prstGeom prst="ellipse">
                <a:avLst/>
              </a:prstGeom>
              <a:gradFill flip="none" rotWithShape="1">
                <a:gsLst>
                  <a:gs pos="0">
                    <a:srgbClr val="00B0F0">
                      <a:lumMod val="0"/>
                      <a:lumOff val="100000"/>
                    </a:srgbClr>
                  </a:gs>
                  <a:gs pos="35000">
                    <a:srgbClr val="00B0F0">
                      <a:lumMod val="0"/>
                      <a:lumOff val="100000"/>
                    </a:srgbClr>
                  </a:gs>
                  <a:gs pos="100000">
                    <a:srgbClr val="2AAAAE"/>
                  </a:gs>
                </a:gsLst>
                <a:path path="circle">
                  <a:fillToRect l="50000" t="-80000" r="50000" b="180000"/>
                </a:path>
                <a:tileRect/>
              </a:gradFill>
              <a:ln w="6350" cap="flat" cmpd="sng" algn="ctr">
                <a:solidFill>
                  <a:srgbClr val="2AAAAE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grpSp>
          <p:nvGrpSpPr>
            <p:cNvPr id="368" name="Group 20"/>
            <p:cNvGrpSpPr/>
            <p:nvPr/>
          </p:nvGrpSpPr>
          <p:grpSpPr>
            <a:xfrm>
              <a:off x="4374490" y="3375696"/>
              <a:ext cx="367202" cy="367202"/>
              <a:chOff x="4392127" y="902691"/>
              <a:chExt cx="291216" cy="291216"/>
            </a:xfrm>
          </p:grpSpPr>
          <p:sp>
            <p:nvSpPr>
              <p:cNvPr id="466" name="Donut 21"/>
              <p:cNvSpPr/>
              <p:nvPr/>
            </p:nvSpPr>
            <p:spPr>
              <a:xfrm>
                <a:off x="4392127" y="902691"/>
                <a:ext cx="291216" cy="291216"/>
              </a:xfrm>
              <a:prstGeom prst="donut">
                <a:avLst>
                  <a:gd name="adj" fmla="val 21809"/>
                </a:avLst>
              </a:prstGeom>
              <a:solidFill>
                <a:srgbClr val="FFFFFF"/>
              </a:solidFill>
              <a:ln w="9525" cap="flat" cmpd="sng" algn="ctr">
                <a:solidFill>
                  <a:srgbClr val="FFFFFF">
                    <a:lumMod val="75000"/>
                  </a:srgbClr>
                </a:solidFill>
                <a:prstDash val="solid"/>
                <a:miter lim="800000"/>
              </a:ln>
              <a:effectLst>
                <a:outerShdw blurRad="25400" sx="101000" sy="101000" algn="ctr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467" name="Oval 466"/>
              <p:cNvSpPr/>
              <p:nvPr/>
            </p:nvSpPr>
            <p:spPr>
              <a:xfrm>
                <a:off x="4443804" y="954376"/>
                <a:ext cx="187850" cy="187846"/>
              </a:xfrm>
              <a:prstGeom prst="ellipse">
                <a:avLst/>
              </a:prstGeom>
              <a:gradFill flip="none" rotWithShape="1">
                <a:gsLst>
                  <a:gs pos="0">
                    <a:srgbClr val="00B0F0">
                      <a:lumMod val="0"/>
                      <a:lumOff val="100000"/>
                    </a:srgbClr>
                  </a:gs>
                  <a:gs pos="35000">
                    <a:srgbClr val="00B0F0">
                      <a:lumMod val="0"/>
                      <a:lumOff val="100000"/>
                    </a:srgbClr>
                  </a:gs>
                  <a:gs pos="100000">
                    <a:srgbClr val="00B0F0"/>
                  </a:gs>
                </a:gsLst>
                <a:path path="circle">
                  <a:fillToRect l="50000" t="-80000" r="50000" b="180000"/>
                </a:path>
                <a:tileRect/>
              </a:gradFill>
              <a:ln w="6350" cap="flat" cmpd="sng" algn="ctr">
                <a:solidFill>
                  <a:srgbClr val="4D9EEC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grpSp>
          <p:nvGrpSpPr>
            <p:cNvPr id="369" name="Group 75"/>
            <p:cNvGrpSpPr/>
            <p:nvPr/>
          </p:nvGrpSpPr>
          <p:grpSpPr>
            <a:xfrm>
              <a:off x="4374490" y="5418189"/>
              <a:ext cx="367202" cy="367202"/>
              <a:chOff x="4392127" y="902691"/>
              <a:chExt cx="291216" cy="291216"/>
            </a:xfrm>
          </p:grpSpPr>
          <p:sp>
            <p:nvSpPr>
              <p:cNvPr id="464" name="Donut 76"/>
              <p:cNvSpPr/>
              <p:nvPr/>
            </p:nvSpPr>
            <p:spPr>
              <a:xfrm>
                <a:off x="4392127" y="902691"/>
                <a:ext cx="291216" cy="291216"/>
              </a:xfrm>
              <a:prstGeom prst="donut">
                <a:avLst>
                  <a:gd name="adj" fmla="val 21809"/>
                </a:avLst>
              </a:prstGeom>
              <a:solidFill>
                <a:srgbClr val="FFFFFF"/>
              </a:solidFill>
              <a:ln w="9525" cap="flat" cmpd="sng" algn="ctr">
                <a:solidFill>
                  <a:srgbClr val="FFFFFF">
                    <a:lumMod val="75000"/>
                  </a:srgbClr>
                </a:solidFill>
                <a:prstDash val="solid"/>
                <a:miter lim="800000"/>
              </a:ln>
              <a:effectLst>
                <a:outerShdw blurRad="25400" sx="101000" sy="101000" algn="ctr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465" name="Oval 464"/>
              <p:cNvSpPr/>
              <p:nvPr/>
            </p:nvSpPr>
            <p:spPr>
              <a:xfrm>
                <a:off x="4443804" y="954376"/>
                <a:ext cx="187850" cy="187846"/>
              </a:xfrm>
              <a:prstGeom prst="ellipse">
                <a:avLst/>
              </a:prstGeom>
              <a:gradFill flip="none" rotWithShape="1">
                <a:gsLst>
                  <a:gs pos="0">
                    <a:srgbClr val="00B0F0">
                      <a:lumMod val="0"/>
                      <a:lumOff val="100000"/>
                    </a:srgbClr>
                  </a:gs>
                  <a:gs pos="35000">
                    <a:srgbClr val="00B0F0">
                      <a:lumMod val="0"/>
                      <a:lumOff val="100000"/>
                    </a:srgbClr>
                  </a:gs>
                  <a:gs pos="100000">
                    <a:srgbClr val="00B0F0"/>
                  </a:gs>
                </a:gsLst>
                <a:path path="circle">
                  <a:fillToRect l="50000" t="-80000" r="50000" b="180000"/>
                </a:path>
                <a:tileRect/>
              </a:gradFill>
              <a:ln w="6350" cap="flat" cmpd="sng" algn="ctr">
                <a:solidFill>
                  <a:srgbClr val="00B0F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grpSp>
          <p:nvGrpSpPr>
            <p:cNvPr id="370" name="Group 109"/>
            <p:cNvGrpSpPr/>
            <p:nvPr/>
          </p:nvGrpSpPr>
          <p:grpSpPr>
            <a:xfrm>
              <a:off x="4374490" y="4056527"/>
              <a:ext cx="367202" cy="367202"/>
              <a:chOff x="4392127" y="902691"/>
              <a:chExt cx="291216" cy="291216"/>
            </a:xfrm>
          </p:grpSpPr>
          <p:sp>
            <p:nvSpPr>
              <p:cNvPr id="462" name="Donut 110"/>
              <p:cNvSpPr/>
              <p:nvPr/>
            </p:nvSpPr>
            <p:spPr>
              <a:xfrm>
                <a:off x="4392127" y="902691"/>
                <a:ext cx="291216" cy="291216"/>
              </a:xfrm>
              <a:prstGeom prst="donut">
                <a:avLst>
                  <a:gd name="adj" fmla="val 21809"/>
                </a:avLst>
              </a:prstGeom>
              <a:solidFill>
                <a:srgbClr val="FFFFFF"/>
              </a:solidFill>
              <a:ln w="9525" cap="flat" cmpd="sng" algn="ctr">
                <a:solidFill>
                  <a:srgbClr val="FFFFFF">
                    <a:lumMod val="75000"/>
                  </a:srgbClr>
                </a:solidFill>
                <a:prstDash val="solid"/>
                <a:miter lim="800000"/>
              </a:ln>
              <a:effectLst>
                <a:outerShdw blurRad="25400" sx="101000" sy="101000" algn="ctr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463" name="Oval 462"/>
              <p:cNvSpPr/>
              <p:nvPr/>
            </p:nvSpPr>
            <p:spPr>
              <a:xfrm>
                <a:off x="4443804" y="954376"/>
                <a:ext cx="187850" cy="187846"/>
              </a:xfrm>
              <a:prstGeom prst="ellipse">
                <a:avLst/>
              </a:prstGeom>
              <a:gradFill flip="none" rotWithShape="1">
                <a:gsLst>
                  <a:gs pos="0">
                    <a:srgbClr val="00B0F0">
                      <a:lumMod val="0"/>
                      <a:lumOff val="100000"/>
                    </a:srgbClr>
                  </a:gs>
                  <a:gs pos="35000">
                    <a:srgbClr val="00B0F0">
                      <a:lumMod val="0"/>
                      <a:lumOff val="100000"/>
                    </a:srgbClr>
                  </a:gs>
                  <a:gs pos="100000">
                    <a:srgbClr val="0085FE"/>
                  </a:gs>
                </a:gsLst>
                <a:path path="circle">
                  <a:fillToRect l="50000" t="-80000" r="50000" b="180000"/>
                </a:path>
                <a:tileRect/>
              </a:gradFill>
              <a:ln w="6350" cap="flat" cmpd="sng" algn="ctr">
                <a:solidFill>
                  <a:srgbClr val="4D9EEC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grpSp>
          <p:nvGrpSpPr>
            <p:cNvPr id="371" name="Group 124"/>
            <p:cNvGrpSpPr/>
            <p:nvPr/>
          </p:nvGrpSpPr>
          <p:grpSpPr>
            <a:xfrm>
              <a:off x="4374490" y="4737358"/>
              <a:ext cx="367202" cy="367202"/>
              <a:chOff x="4392127" y="902691"/>
              <a:chExt cx="291216" cy="291216"/>
            </a:xfrm>
          </p:grpSpPr>
          <p:sp>
            <p:nvSpPr>
              <p:cNvPr id="460" name="Donut 125"/>
              <p:cNvSpPr/>
              <p:nvPr/>
            </p:nvSpPr>
            <p:spPr>
              <a:xfrm>
                <a:off x="4392127" y="902691"/>
                <a:ext cx="291216" cy="291216"/>
              </a:xfrm>
              <a:prstGeom prst="donut">
                <a:avLst>
                  <a:gd name="adj" fmla="val 21809"/>
                </a:avLst>
              </a:prstGeom>
              <a:solidFill>
                <a:srgbClr val="FFFFFF"/>
              </a:solidFill>
              <a:ln w="9525" cap="flat" cmpd="sng" algn="ctr">
                <a:solidFill>
                  <a:srgbClr val="FFFFFF">
                    <a:lumMod val="75000"/>
                  </a:srgbClr>
                </a:solidFill>
                <a:prstDash val="solid"/>
                <a:miter lim="800000"/>
              </a:ln>
              <a:effectLst>
                <a:outerShdw blurRad="25400" sx="101000" sy="101000" algn="ctr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461" name="Oval 460"/>
              <p:cNvSpPr/>
              <p:nvPr/>
            </p:nvSpPr>
            <p:spPr>
              <a:xfrm>
                <a:off x="4443804" y="954376"/>
                <a:ext cx="187850" cy="187846"/>
              </a:xfrm>
              <a:prstGeom prst="ellipse">
                <a:avLst/>
              </a:prstGeom>
              <a:gradFill flip="none" rotWithShape="1">
                <a:gsLst>
                  <a:gs pos="0">
                    <a:srgbClr val="00B0F0">
                      <a:lumMod val="0"/>
                      <a:lumOff val="100000"/>
                    </a:srgbClr>
                  </a:gs>
                  <a:gs pos="35000">
                    <a:srgbClr val="00B0F0">
                      <a:lumMod val="0"/>
                      <a:lumOff val="100000"/>
                    </a:srgbClr>
                  </a:gs>
                  <a:gs pos="100000">
                    <a:srgbClr val="2AAAAE"/>
                  </a:gs>
                </a:gsLst>
                <a:path path="circle">
                  <a:fillToRect l="50000" t="-80000" r="50000" b="180000"/>
                </a:path>
                <a:tileRect/>
              </a:gradFill>
              <a:ln w="6350" cap="flat" cmpd="sng" algn="ctr">
                <a:solidFill>
                  <a:srgbClr val="2AAAAE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grpSp>
          <p:nvGrpSpPr>
            <p:cNvPr id="372" name="Group 140"/>
            <p:cNvGrpSpPr/>
            <p:nvPr/>
          </p:nvGrpSpPr>
          <p:grpSpPr>
            <a:xfrm>
              <a:off x="5318441" y="1033474"/>
              <a:ext cx="3825559" cy="1121482"/>
              <a:chOff x="5318441" y="1213960"/>
              <a:chExt cx="3825559" cy="1121482"/>
            </a:xfrm>
          </p:grpSpPr>
          <p:grpSp>
            <p:nvGrpSpPr>
              <p:cNvPr id="448" name="Group 141"/>
              <p:cNvGrpSpPr/>
              <p:nvPr/>
            </p:nvGrpSpPr>
            <p:grpSpPr>
              <a:xfrm>
                <a:off x="5787328" y="1213960"/>
                <a:ext cx="3356672" cy="1121482"/>
                <a:chOff x="5787328" y="1213960"/>
                <a:chExt cx="3356672" cy="1121482"/>
              </a:xfrm>
            </p:grpSpPr>
            <p:sp>
              <p:nvSpPr>
                <p:cNvPr id="454" name="Rectangle 147"/>
                <p:cNvSpPr/>
                <p:nvPr/>
              </p:nvSpPr>
              <p:spPr>
                <a:xfrm>
                  <a:off x="5787328" y="1213960"/>
                  <a:ext cx="3356672" cy="1077712"/>
                </a:xfrm>
                <a:prstGeom prst="rect">
                  <a:avLst/>
                </a:prstGeom>
                <a:gradFill flip="none" rotWithShape="1">
                  <a:gsLst>
                    <a:gs pos="0">
                      <a:srgbClr val="00B0F0">
                        <a:lumMod val="20000"/>
                        <a:lumOff val="80000"/>
                        <a:alpha val="50000"/>
                      </a:srgbClr>
                    </a:gs>
                    <a:gs pos="100000">
                      <a:srgbClr val="00B0F0">
                        <a:lumMod val="40000"/>
                        <a:lumOff val="60000"/>
                      </a:srgbClr>
                    </a:gs>
                  </a:gsLst>
                  <a:lin ang="10800000" scaled="1"/>
                  <a:tileRect/>
                </a:gradFill>
                <a:ln w="635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grpSp>
              <p:nvGrpSpPr>
                <p:cNvPr id="455" name="Group 148"/>
                <p:cNvGrpSpPr/>
                <p:nvPr/>
              </p:nvGrpSpPr>
              <p:grpSpPr>
                <a:xfrm>
                  <a:off x="6385034" y="1430840"/>
                  <a:ext cx="2758965" cy="904602"/>
                  <a:chOff x="6385034" y="1162818"/>
                  <a:chExt cx="2758965" cy="904602"/>
                </a:xfrm>
              </p:grpSpPr>
              <p:grpSp>
                <p:nvGrpSpPr>
                  <p:cNvPr id="456" name="Group 149"/>
                  <p:cNvGrpSpPr/>
                  <p:nvPr/>
                </p:nvGrpSpPr>
                <p:grpSpPr>
                  <a:xfrm>
                    <a:off x="6385034" y="1162818"/>
                    <a:ext cx="2758965" cy="904602"/>
                    <a:chOff x="-1" y="1268885"/>
                    <a:chExt cx="2548089" cy="904602"/>
                  </a:xfrm>
                </p:grpSpPr>
                <p:sp>
                  <p:nvSpPr>
                    <p:cNvPr id="458" name="TextBox 151"/>
                    <p:cNvSpPr txBox="1"/>
                    <p:nvPr/>
                  </p:nvSpPr>
                  <p:spPr>
                    <a:xfrm>
                      <a:off x="0" y="1268885"/>
                      <a:ext cx="2286000" cy="369332"/>
                    </a:xfrm>
                    <a:prstGeom prst="rect">
                      <a:avLst/>
                    </a:prstGeom>
                    <a:noFill/>
                  </p:spPr>
                  <p:txBody>
                    <a:bodyPr wrap="square" rtlCol="0">
                      <a:spAutoFit/>
                    </a:bodyPr>
                    <a:lstStyle>
                      <a:defPPr>
                        <a:defRPr lang="tr-TR"/>
                      </a:defPPr>
                      <a:lvl1pPr marL="0" marR="0" lvl="0" indent="0" algn="r" defTabSz="91440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 kumimoji="0" sz="1800" b="1" i="0" u="none" strike="noStrike" kern="0" cap="none" spc="0" normalizeH="0" baseline="0">
                          <a:ln>
                            <a:noFill/>
                          </a:ln>
                          <a:solidFill>
                            <a:prstClr val="black">
                              <a:lumMod val="85000"/>
                              <a:lumOff val="15000"/>
                            </a:prstClr>
                          </a:solidFill>
                          <a:effectLst/>
                          <a:uLnTx/>
                          <a:uFillTx/>
                          <a:latin typeface="Futura Bk BT" panose="020B0502020204020303" pitchFamily="34" charset="0"/>
                          <a:ea typeface="+mn-ea"/>
                        </a:defRPr>
                      </a:lvl1pPr>
                    </a:lstStyle>
                    <a:p>
                      <a:pPr algn="l"/>
                      <a:r>
                        <a:rPr lang="tr-TR" dirty="0"/>
                        <a:t>Kim?</a:t>
                      </a:r>
                      <a:endParaRPr lang="en-US" dirty="0"/>
                    </a:p>
                  </p:txBody>
                </p:sp>
                <p:sp>
                  <p:nvSpPr>
                    <p:cNvPr id="459" name="TextBox 152"/>
                    <p:cNvSpPr txBox="1"/>
                    <p:nvPr/>
                  </p:nvSpPr>
                  <p:spPr>
                    <a:xfrm>
                      <a:off x="-1" y="1588712"/>
                      <a:ext cx="2548089" cy="584775"/>
                    </a:xfrm>
                    <a:prstGeom prst="rect">
                      <a:avLst/>
                    </a:prstGeom>
                    <a:noFill/>
                  </p:spPr>
                  <p:txBody>
                    <a:bodyPr wrap="square" rtlCol="0">
                      <a:spAutoFit/>
                    </a:bodyPr>
                    <a:lstStyle>
                      <a:defPPr>
                        <a:defRPr lang="tr-TR"/>
                      </a:defPPr>
                      <a:lvl1pPr>
                        <a:defRPr sz="1600">
                          <a:latin typeface="Futura Bk BT" panose="020B0502020204020303" pitchFamily="34" charset="0"/>
                        </a:defRPr>
                      </a:lvl1pPr>
                    </a:lstStyle>
                    <a:p>
                      <a:r>
                        <a:rPr lang="tr-TR" dirty="0"/>
                        <a:t>Koordinatör Adayı ve/veya araştırma </a:t>
                      </a:r>
                      <a:r>
                        <a:rPr lang="tr-TR" dirty="0" smtClean="0"/>
                        <a:t>ekibi üyeleri</a:t>
                      </a:r>
                      <a:endParaRPr lang="tr-TR" dirty="0"/>
                    </a:p>
                  </p:txBody>
                </p:sp>
              </p:grpSp>
              <p:cxnSp>
                <p:nvCxnSpPr>
                  <p:cNvPr id="457" name="Straight Connector 150"/>
                  <p:cNvCxnSpPr/>
                  <p:nvPr/>
                </p:nvCxnSpPr>
                <p:spPr>
                  <a:xfrm>
                    <a:off x="6423095" y="1493420"/>
                    <a:ext cx="2651312" cy="0"/>
                  </a:xfrm>
                  <a:prstGeom prst="line">
                    <a:avLst/>
                  </a:prstGeom>
                  <a:noFill/>
                  <a:ln w="6350" cap="flat" cmpd="sng" algn="ctr">
                    <a:solidFill>
                      <a:srgbClr val="000000">
                        <a:lumMod val="50000"/>
                        <a:lumOff val="50000"/>
                      </a:srgbClr>
                    </a:solidFill>
                    <a:prstDash val="solid"/>
                    <a:miter lim="800000"/>
                  </a:ln>
                  <a:effectLst/>
                </p:spPr>
              </p:cxnSp>
            </p:grpSp>
          </p:grpSp>
          <p:grpSp>
            <p:nvGrpSpPr>
              <p:cNvPr id="450" name="Group 143"/>
              <p:cNvGrpSpPr/>
              <p:nvPr/>
            </p:nvGrpSpPr>
            <p:grpSpPr>
              <a:xfrm>
                <a:off x="5318441" y="1217808"/>
                <a:ext cx="1070016" cy="1070016"/>
                <a:chOff x="5318441" y="1217808"/>
                <a:chExt cx="1070016" cy="1070016"/>
              </a:xfrm>
              <a:effectLst>
                <a:outerShdw blurRad="50800" dist="38100" algn="l" rotWithShape="0">
                  <a:prstClr val="black">
                    <a:alpha val="40000"/>
                  </a:prstClr>
                </a:outerShdw>
              </a:effectLst>
            </p:grpSpPr>
            <p:sp>
              <p:nvSpPr>
                <p:cNvPr id="452" name="Teardrop 145"/>
                <p:cNvSpPr/>
                <p:nvPr/>
              </p:nvSpPr>
              <p:spPr>
                <a:xfrm rot="13578758">
                  <a:off x="5318441" y="1217808"/>
                  <a:ext cx="1070016" cy="1070016"/>
                </a:xfrm>
                <a:prstGeom prst="teardrop">
                  <a:avLst>
                    <a:gd name="adj" fmla="val 142648"/>
                  </a:avLst>
                </a:prstGeom>
                <a:gradFill flip="none" rotWithShape="1">
                  <a:gsLst>
                    <a:gs pos="0">
                      <a:srgbClr val="00B0F0">
                        <a:lumMod val="0"/>
                        <a:lumOff val="100000"/>
                      </a:srgbClr>
                    </a:gs>
                    <a:gs pos="35000">
                      <a:srgbClr val="00B0F0">
                        <a:lumMod val="0"/>
                        <a:lumOff val="100000"/>
                      </a:srgbClr>
                    </a:gs>
                    <a:gs pos="100000">
                      <a:srgbClr val="FFFFFF">
                        <a:lumMod val="75000"/>
                      </a:srgbClr>
                    </a:gs>
                  </a:gsLst>
                  <a:path path="circle">
                    <a:fillToRect l="50000" t="-80000" r="50000" b="180000"/>
                  </a:path>
                  <a:tileRect/>
                </a:gradFill>
                <a:ln w="12700" cap="flat" cmpd="sng" algn="ctr">
                  <a:solidFill>
                    <a:srgbClr val="FFFFFF"/>
                  </a:solidFill>
                  <a:prstDash val="solid"/>
                  <a:miter lim="800000"/>
                </a:ln>
                <a:effectLst>
                  <a:outerShdw blurRad="50800" dist="25400" dir="10800000" algn="r" rotWithShape="0">
                    <a:prstClr val="black">
                      <a:alpha val="25000"/>
                    </a:prstClr>
                  </a:outerShdw>
                </a:effectLst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453" name="Oval 452"/>
                <p:cNvSpPr/>
                <p:nvPr/>
              </p:nvSpPr>
              <p:spPr>
                <a:xfrm>
                  <a:off x="5424970" y="1324337"/>
                  <a:ext cx="856958" cy="856958"/>
                </a:xfrm>
                <a:prstGeom prst="ellipse">
                  <a:avLst/>
                </a:prstGeom>
                <a:gradFill>
                  <a:gsLst>
                    <a:gs pos="0">
                      <a:srgbClr val="00B0F0">
                        <a:lumMod val="0"/>
                        <a:lumOff val="100000"/>
                      </a:srgbClr>
                    </a:gs>
                    <a:gs pos="35000">
                      <a:srgbClr val="00B0F0">
                        <a:lumMod val="0"/>
                        <a:lumOff val="100000"/>
                      </a:srgbClr>
                    </a:gs>
                    <a:gs pos="100000">
                      <a:srgbClr val="00B0F0">
                        <a:lumMod val="100000"/>
                      </a:srgbClr>
                    </a:gs>
                  </a:gsLst>
                  <a:path path="circle">
                    <a:fillToRect l="50000" t="-80000" r="50000" b="180000"/>
                  </a:path>
                </a:gradFill>
                <a:ln w="12700" cap="flat" cmpd="sng" algn="ctr">
                  <a:solidFill>
                    <a:srgbClr val="FFFFFF"/>
                  </a:solidFill>
                  <a:prstDash val="solid"/>
                  <a:miter lim="800000"/>
                </a:ln>
                <a:effectLst>
                  <a:outerShdw blurRad="63500" sx="102000" sy="102000" algn="ctr" rotWithShape="0">
                    <a:prstClr val="black">
                      <a:alpha val="40000"/>
                    </a:prstClr>
                  </a:outerShdw>
                </a:effectLst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</p:grpSp>
        </p:grpSp>
        <p:grpSp>
          <p:nvGrpSpPr>
            <p:cNvPr id="373" name="Group 153"/>
            <p:cNvGrpSpPr/>
            <p:nvPr/>
          </p:nvGrpSpPr>
          <p:grpSpPr>
            <a:xfrm>
              <a:off x="-31409" y="1691712"/>
              <a:ext cx="3814953" cy="1077712"/>
              <a:chOff x="-12734" y="2384848"/>
              <a:chExt cx="3814953" cy="1077712"/>
            </a:xfrm>
          </p:grpSpPr>
          <p:grpSp>
            <p:nvGrpSpPr>
              <p:cNvPr id="437" name="Group 154"/>
              <p:cNvGrpSpPr/>
              <p:nvPr/>
            </p:nvGrpSpPr>
            <p:grpSpPr>
              <a:xfrm>
                <a:off x="-12734" y="2384848"/>
                <a:ext cx="3346066" cy="1077712"/>
                <a:chOff x="-12734" y="2384848"/>
                <a:chExt cx="3346066" cy="1077712"/>
              </a:xfrm>
            </p:grpSpPr>
            <p:cxnSp>
              <p:nvCxnSpPr>
                <p:cNvPr id="443" name="Straight Connector 160"/>
                <p:cNvCxnSpPr/>
                <p:nvPr/>
              </p:nvCxnSpPr>
              <p:spPr>
                <a:xfrm flipH="1">
                  <a:off x="-12734" y="2909663"/>
                  <a:ext cx="2651312" cy="0"/>
                </a:xfrm>
                <a:prstGeom prst="line">
                  <a:avLst/>
                </a:prstGeom>
                <a:noFill/>
                <a:ln w="6350" cap="flat" cmpd="sng" algn="ctr">
                  <a:solidFill>
                    <a:srgbClr val="000000">
                      <a:lumMod val="50000"/>
                      <a:lumOff val="50000"/>
                    </a:srgbClr>
                  </a:solidFill>
                  <a:prstDash val="solid"/>
                  <a:miter lim="800000"/>
                </a:ln>
                <a:effectLst/>
              </p:spPr>
            </p:cxnSp>
            <p:sp>
              <p:nvSpPr>
                <p:cNvPr id="444" name="Rectangle 161"/>
                <p:cNvSpPr/>
                <p:nvPr/>
              </p:nvSpPr>
              <p:spPr>
                <a:xfrm flipH="1">
                  <a:off x="0" y="2384848"/>
                  <a:ext cx="3333332" cy="1077712"/>
                </a:xfrm>
                <a:prstGeom prst="rect">
                  <a:avLst/>
                </a:prstGeom>
                <a:gradFill flip="none" rotWithShape="1">
                  <a:gsLst>
                    <a:gs pos="0">
                      <a:srgbClr val="4D9EEC">
                        <a:lumMod val="20000"/>
                        <a:lumOff val="80000"/>
                        <a:alpha val="25000"/>
                      </a:srgbClr>
                    </a:gs>
                    <a:gs pos="100000">
                      <a:srgbClr val="4D9EEC">
                        <a:lumMod val="40000"/>
                        <a:lumOff val="60000"/>
                      </a:srgbClr>
                    </a:gs>
                  </a:gsLst>
                  <a:lin ang="10800000" scaled="1"/>
                  <a:tileRect/>
                </a:gradFill>
                <a:ln w="635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446" name="TextBox 163"/>
                <p:cNvSpPr txBox="1"/>
                <p:nvPr/>
              </p:nvSpPr>
              <p:spPr>
                <a:xfrm flipH="1">
                  <a:off x="201452" y="2589836"/>
                  <a:ext cx="2475186" cy="369332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marL="0" marR="0" lvl="0" indent="0" algn="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tr-TR" sz="1800" b="1" i="0" u="none" strike="noStrike" kern="0" cap="none" spc="0" normalizeH="0" baseline="0" noProof="0" dirty="0" smtClean="0">
                      <a:ln>
                        <a:noFill/>
                      </a:ln>
                      <a:solidFill>
                        <a:prstClr val="black">
                          <a:lumMod val="85000"/>
                          <a:lumOff val="15000"/>
                        </a:prstClr>
                      </a:solidFill>
                      <a:effectLst/>
                      <a:uLnTx/>
                      <a:uFillTx/>
                      <a:latin typeface="Futura Bk BT" panose="020B0502020204020303" pitchFamily="34" charset="0"/>
                      <a:ea typeface="+mn-ea"/>
                    </a:rPr>
                    <a:t>Nerede?</a:t>
                  </a:r>
                  <a:endParaRPr kumimoji="0" lang="en-US" sz="1800" b="1" i="0" u="none" strike="noStrike" kern="0" cap="none" spc="0" normalizeH="0" baseline="0" noProof="0" dirty="0" smtClean="0">
                    <a:ln>
                      <a:noFill/>
                    </a:ln>
                    <a:solidFill>
                      <a:prstClr val="black">
                        <a:lumMod val="85000"/>
                        <a:lumOff val="15000"/>
                      </a:prstClr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</p:grpSp>
          <p:grpSp>
            <p:nvGrpSpPr>
              <p:cNvPr id="438" name="Group 155"/>
              <p:cNvGrpSpPr/>
              <p:nvPr/>
            </p:nvGrpSpPr>
            <p:grpSpPr>
              <a:xfrm>
                <a:off x="2732203" y="2388696"/>
                <a:ext cx="1070016" cy="1070016"/>
                <a:chOff x="2732203" y="2388696"/>
                <a:chExt cx="1070016" cy="1070016"/>
              </a:xfrm>
            </p:grpSpPr>
            <p:grpSp>
              <p:nvGrpSpPr>
                <p:cNvPr id="439" name="Group 156"/>
                <p:cNvGrpSpPr/>
                <p:nvPr/>
              </p:nvGrpSpPr>
              <p:grpSpPr>
                <a:xfrm>
                  <a:off x="2732203" y="2388696"/>
                  <a:ext cx="1070016" cy="1070016"/>
                  <a:chOff x="2732203" y="2388696"/>
                  <a:chExt cx="1070016" cy="1070016"/>
                </a:xfrm>
                <a:effectLst>
                  <a:outerShdw blurRad="50800" dist="38100" dir="10800000" algn="r" rotWithShape="0">
                    <a:prstClr val="black">
                      <a:alpha val="40000"/>
                    </a:prstClr>
                  </a:outerShdw>
                </a:effectLst>
              </p:grpSpPr>
              <p:sp>
                <p:nvSpPr>
                  <p:cNvPr id="441" name="Teardrop 158"/>
                  <p:cNvSpPr/>
                  <p:nvPr/>
                </p:nvSpPr>
                <p:spPr>
                  <a:xfrm rot="8021242" flipH="1">
                    <a:off x="2732203" y="2388696"/>
                    <a:ext cx="1070016" cy="1070016"/>
                  </a:xfrm>
                  <a:prstGeom prst="teardrop">
                    <a:avLst>
                      <a:gd name="adj" fmla="val 142648"/>
                    </a:avLst>
                  </a:prstGeom>
                  <a:gradFill flip="none" rotWithShape="1">
                    <a:gsLst>
                      <a:gs pos="0">
                        <a:srgbClr val="00B0F0">
                          <a:lumMod val="0"/>
                          <a:lumOff val="100000"/>
                        </a:srgbClr>
                      </a:gs>
                      <a:gs pos="35000">
                        <a:srgbClr val="00B0F0">
                          <a:lumMod val="0"/>
                          <a:lumOff val="100000"/>
                        </a:srgbClr>
                      </a:gs>
                      <a:gs pos="100000">
                        <a:srgbClr val="FFFFFF">
                          <a:lumMod val="75000"/>
                        </a:srgbClr>
                      </a:gs>
                    </a:gsLst>
                    <a:path path="circle">
                      <a:fillToRect l="50000" t="-80000" r="50000" b="180000"/>
                    </a:path>
                    <a:tileRect/>
                  </a:gradFill>
                  <a:ln w="12700" cap="flat" cmpd="sng" algn="ctr">
                    <a:solidFill>
                      <a:srgbClr val="FFFFFF"/>
                    </a:solidFill>
                    <a:prstDash val="solid"/>
                    <a:miter lim="800000"/>
                  </a:ln>
                  <a:effectLst>
                    <a:outerShdw blurRad="50800" dist="25400" algn="l" rotWithShape="0">
                      <a:prstClr val="black">
                        <a:alpha val="25000"/>
                      </a:prstClr>
                    </a:outerShdw>
                  </a:effectLst>
                </p:spPr>
                <p:txBody>
                  <a:bodyPr rtlCol="0" anchor="ctr"/>
                  <a:lstStyle/>
                  <a:p>
                    <a:pPr marL="0" marR="0" lvl="0" indent="0" algn="ctr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800" b="0" i="0" u="none" strike="noStrike" kern="0" cap="none" spc="0" normalizeH="0" baseline="0" noProof="0" smtClean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 panose="020F0502020204030204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442" name="Oval 441"/>
                  <p:cNvSpPr/>
                  <p:nvPr/>
                </p:nvSpPr>
                <p:spPr>
                  <a:xfrm flipH="1">
                    <a:off x="2838732" y="2495225"/>
                    <a:ext cx="856958" cy="856958"/>
                  </a:xfrm>
                  <a:prstGeom prst="ellipse">
                    <a:avLst/>
                  </a:prstGeom>
                  <a:gradFill>
                    <a:gsLst>
                      <a:gs pos="0">
                        <a:srgbClr val="00B0F0">
                          <a:lumMod val="0"/>
                          <a:lumOff val="100000"/>
                        </a:srgbClr>
                      </a:gs>
                      <a:gs pos="35000">
                        <a:srgbClr val="00B0F0">
                          <a:lumMod val="0"/>
                          <a:lumOff val="100000"/>
                        </a:srgbClr>
                      </a:gs>
                      <a:gs pos="100000">
                        <a:srgbClr val="4D9EEC"/>
                      </a:gs>
                    </a:gsLst>
                    <a:path path="circle">
                      <a:fillToRect l="50000" t="-80000" r="50000" b="180000"/>
                    </a:path>
                  </a:gradFill>
                  <a:ln w="12700" cap="flat" cmpd="sng" algn="ctr">
                    <a:solidFill>
                      <a:srgbClr val="FFFFFF"/>
                    </a:solidFill>
                    <a:prstDash val="solid"/>
                    <a:miter lim="800000"/>
                  </a:ln>
                  <a:effectLst>
                    <a:outerShdw blurRad="63500" sx="102000" sy="102000" algn="ctr" rotWithShape="0">
                      <a:prstClr val="black">
                        <a:alpha val="40000"/>
                      </a:prstClr>
                    </a:outerShdw>
                  </a:effectLst>
                </p:spPr>
                <p:txBody>
                  <a:bodyPr rtlCol="0" anchor="ctr"/>
                  <a:lstStyle/>
                  <a:p>
                    <a:pPr marL="0" marR="0" lvl="0" indent="0" algn="ctr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800" b="0" i="0" u="none" strike="noStrike" kern="0" cap="none" spc="0" normalizeH="0" baseline="0" noProof="0" smtClean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 panose="020F0502020204030204"/>
                      <a:ea typeface="+mn-ea"/>
                      <a:cs typeface="+mn-cs"/>
                    </a:endParaRPr>
                  </a:p>
                </p:txBody>
              </p:sp>
            </p:grpSp>
            <p:sp>
              <p:nvSpPr>
                <p:cNvPr id="440" name="TextBox 157"/>
                <p:cNvSpPr txBox="1"/>
                <p:nvPr/>
              </p:nvSpPr>
              <p:spPr>
                <a:xfrm>
                  <a:off x="2963840" y="2622643"/>
                  <a:ext cx="573206" cy="584775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3200" b="1" i="0" u="none" strike="noStrike" kern="0" cap="none" spc="0" normalizeH="0" baseline="0" noProof="0" dirty="0" smtClean="0">
                    <a:ln>
                      <a:noFill/>
                    </a:ln>
                    <a:solidFill>
                      <a:srgbClr val="4D9EEC">
                        <a:lumMod val="50000"/>
                      </a:srgbClr>
                    </a:solidFill>
                    <a:effectLst>
                      <a:outerShdw dist="12700" dir="2700000" algn="tl" rotWithShape="0">
                        <a:prstClr val="white"/>
                      </a:outerShdw>
                    </a:effectLst>
                    <a:uLnTx/>
                    <a:uFillTx/>
                    <a:latin typeface="Agency FB" panose="020B0503020202020204" pitchFamily="34" charset="0"/>
                    <a:ea typeface="+mn-ea"/>
                  </a:endParaRPr>
                </a:p>
              </p:txBody>
            </p:sp>
          </p:grpSp>
        </p:grpSp>
        <p:grpSp>
          <p:nvGrpSpPr>
            <p:cNvPr id="374" name="Group 165"/>
            <p:cNvGrpSpPr/>
            <p:nvPr/>
          </p:nvGrpSpPr>
          <p:grpSpPr>
            <a:xfrm>
              <a:off x="5318441" y="2381236"/>
              <a:ext cx="3825559" cy="1121482"/>
              <a:chOff x="5318441" y="3585798"/>
              <a:chExt cx="3825559" cy="1121482"/>
            </a:xfrm>
          </p:grpSpPr>
          <p:grpSp>
            <p:nvGrpSpPr>
              <p:cNvPr id="425" name="Group 166"/>
              <p:cNvGrpSpPr/>
              <p:nvPr/>
            </p:nvGrpSpPr>
            <p:grpSpPr>
              <a:xfrm>
                <a:off x="5787328" y="3585798"/>
                <a:ext cx="3356672" cy="1121482"/>
                <a:chOff x="5787328" y="3585798"/>
                <a:chExt cx="3356672" cy="1121482"/>
              </a:xfrm>
            </p:grpSpPr>
            <p:sp>
              <p:nvSpPr>
                <p:cNvPr id="431" name="Rectangle 172"/>
                <p:cNvSpPr/>
                <p:nvPr/>
              </p:nvSpPr>
              <p:spPr>
                <a:xfrm>
                  <a:off x="5787328" y="3585798"/>
                  <a:ext cx="3356672" cy="1077712"/>
                </a:xfrm>
                <a:prstGeom prst="rect">
                  <a:avLst/>
                </a:prstGeom>
                <a:gradFill flip="none" rotWithShape="1">
                  <a:gsLst>
                    <a:gs pos="0">
                      <a:srgbClr val="2AAAAE">
                        <a:lumMod val="20000"/>
                        <a:lumOff val="80000"/>
                        <a:alpha val="25000"/>
                      </a:srgbClr>
                    </a:gs>
                    <a:gs pos="100000">
                      <a:srgbClr val="2AAAAE">
                        <a:lumMod val="40000"/>
                        <a:lumOff val="60000"/>
                      </a:srgbClr>
                    </a:gs>
                  </a:gsLst>
                  <a:lin ang="10800000" scaled="1"/>
                  <a:tileRect/>
                </a:gradFill>
                <a:ln w="635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grpSp>
              <p:nvGrpSpPr>
                <p:cNvPr id="432" name="Group 173"/>
                <p:cNvGrpSpPr/>
                <p:nvPr/>
              </p:nvGrpSpPr>
              <p:grpSpPr>
                <a:xfrm>
                  <a:off x="6385035" y="3802678"/>
                  <a:ext cx="2689372" cy="904602"/>
                  <a:chOff x="6385035" y="1162818"/>
                  <a:chExt cx="2689372" cy="904602"/>
                </a:xfrm>
              </p:grpSpPr>
              <p:grpSp>
                <p:nvGrpSpPr>
                  <p:cNvPr id="433" name="Group 174"/>
                  <p:cNvGrpSpPr/>
                  <p:nvPr/>
                </p:nvGrpSpPr>
                <p:grpSpPr>
                  <a:xfrm>
                    <a:off x="6385035" y="1162818"/>
                    <a:ext cx="2475186" cy="904602"/>
                    <a:chOff x="0" y="1268885"/>
                    <a:chExt cx="2286000" cy="904602"/>
                  </a:xfrm>
                </p:grpSpPr>
                <p:sp>
                  <p:nvSpPr>
                    <p:cNvPr id="435" name="TextBox 176"/>
                    <p:cNvSpPr txBox="1"/>
                    <p:nvPr/>
                  </p:nvSpPr>
                  <p:spPr>
                    <a:xfrm>
                      <a:off x="0" y="1268885"/>
                      <a:ext cx="2286000" cy="369332"/>
                    </a:xfrm>
                    <a:prstGeom prst="rect">
                      <a:avLst/>
                    </a:prstGeom>
                    <a:noFill/>
                  </p:spPr>
                  <p:txBody>
                    <a:bodyPr wrap="square" rtlCol="0">
                      <a:spAutoFit/>
                    </a:bodyPr>
                    <a:lstStyle>
                      <a:defPPr>
                        <a:defRPr lang="tr-TR"/>
                      </a:defPPr>
                      <a:lvl1pPr marL="0" marR="0" lvl="0" indent="0" defTabSz="91440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 kumimoji="0" sz="1800" b="1" i="0" u="none" strike="noStrike" kern="0" cap="none" spc="0" normalizeH="0" baseline="0">
                          <a:ln>
                            <a:noFill/>
                          </a:ln>
                          <a:solidFill>
                            <a:prstClr val="black">
                              <a:lumMod val="85000"/>
                              <a:lumOff val="15000"/>
                            </a:prstClr>
                          </a:solidFill>
                          <a:effectLst/>
                          <a:uLnTx/>
                          <a:uFillTx/>
                          <a:latin typeface="Futura Bk BT" panose="020B0502020204020303" pitchFamily="34" charset="0"/>
                          <a:ea typeface="+mn-ea"/>
                        </a:defRPr>
                      </a:lvl1pPr>
                    </a:lstStyle>
                    <a:p>
                      <a:r>
                        <a:rPr lang="tr-TR" dirty="0"/>
                        <a:t>Hangi kalemler?</a:t>
                      </a:r>
                      <a:endParaRPr lang="en-US" dirty="0"/>
                    </a:p>
                  </p:txBody>
                </p:sp>
                <p:sp>
                  <p:nvSpPr>
                    <p:cNvPr id="436" name="TextBox 177"/>
                    <p:cNvSpPr txBox="1"/>
                    <p:nvPr/>
                  </p:nvSpPr>
                  <p:spPr>
                    <a:xfrm>
                      <a:off x="0" y="1588712"/>
                      <a:ext cx="2286000" cy="584775"/>
                    </a:xfrm>
                    <a:prstGeom prst="rect">
                      <a:avLst/>
                    </a:prstGeom>
                    <a:noFill/>
                  </p:spPr>
                  <p:txBody>
                    <a:bodyPr wrap="square" rtlCol="0">
                      <a:spAutoFit/>
                    </a:bodyPr>
                    <a:lstStyle>
                      <a:defPPr>
                        <a:defRPr lang="tr-TR"/>
                      </a:defPPr>
                      <a:lvl1pPr>
                        <a:defRPr sz="1600">
                          <a:latin typeface="Futura Bk BT" panose="020B0502020204020303" pitchFamily="34" charset="0"/>
                        </a:defRPr>
                      </a:lvl1pPr>
                    </a:lstStyle>
                    <a:p>
                      <a:r>
                        <a:rPr lang="tr-TR" dirty="0"/>
                        <a:t>Seyahat ve konaklama giderleri</a:t>
                      </a:r>
                    </a:p>
                  </p:txBody>
                </p:sp>
              </p:grpSp>
              <p:cxnSp>
                <p:nvCxnSpPr>
                  <p:cNvPr id="434" name="Straight Connector 175"/>
                  <p:cNvCxnSpPr/>
                  <p:nvPr/>
                </p:nvCxnSpPr>
                <p:spPr>
                  <a:xfrm>
                    <a:off x="6423095" y="1493420"/>
                    <a:ext cx="2651312" cy="0"/>
                  </a:xfrm>
                  <a:prstGeom prst="line">
                    <a:avLst/>
                  </a:prstGeom>
                  <a:noFill/>
                  <a:ln w="6350" cap="flat" cmpd="sng" algn="ctr">
                    <a:solidFill>
                      <a:srgbClr val="000000">
                        <a:lumMod val="50000"/>
                        <a:lumOff val="50000"/>
                      </a:srgbClr>
                    </a:solidFill>
                    <a:prstDash val="solid"/>
                    <a:miter lim="800000"/>
                  </a:ln>
                  <a:effectLst/>
                </p:spPr>
              </p:cxnSp>
            </p:grpSp>
          </p:grpSp>
          <p:grpSp>
            <p:nvGrpSpPr>
              <p:cNvPr id="427" name="Group 168"/>
              <p:cNvGrpSpPr/>
              <p:nvPr/>
            </p:nvGrpSpPr>
            <p:grpSpPr>
              <a:xfrm>
                <a:off x="5318441" y="3603294"/>
                <a:ext cx="1070016" cy="1070016"/>
                <a:chOff x="5318441" y="3589646"/>
                <a:chExt cx="1070016" cy="1070016"/>
              </a:xfrm>
              <a:effectLst>
                <a:outerShdw blurRad="50800" dist="38100" algn="l" rotWithShape="0">
                  <a:prstClr val="black">
                    <a:alpha val="40000"/>
                  </a:prstClr>
                </a:outerShdw>
              </a:effectLst>
            </p:grpSpPr>
            <p:sp>
              <p:nvSpPr>
                <p:cNvPr id="429" name="Teardrop 170"/>
                <p:cNvSpPr/>
                <p:nvPr/>
              </p:nvSpPr>
              <p:spPr>
                <a:xfrm rot="13578758">
                  <a:off x="5318441" y="3589646"/>
                  <a:ext cx="1070016" cy="1070016"/>
                </a:xfrm>
                <a:prstGeom prst="teardrop">
                  <a:avLst>
                    <a:gd name="adj" fmla="val 142648"/>
                  </a:avLst>
                </a:prstGeom>
                <a:gradFill flip="none" rotWithShape="1">
                  <a:gsLst>
                    <a:gs pos="0">
                      <a:srgbClr val="00B0F0">
                        <a:lumMod val="0"/>
                        <a:lumOff val="100000"/>
                      </a:srgbClr>
                    </a:gs>
                    <a:gs pos="35000">
                      <a:srgbClr val="00B0F0">
                        <a:lumMod val="0"/>
                        <a:lumOff val="100000"/>
                      </a:srgbClr>
                    </a:gs>
                    <a:gs pos="100000">
                      <a:srgbClr val="FFFFFF">
                        <a:lumMod val="75000"/>
                      </a:srgbClr>
                    </a:gs>
                  </a:gsLst>
                  <a:path path="circle">
                    <a:fillToRect l="50000" t="-80000" r="50000" b="180000"/>
                  </a:path>
                  <a:tileRect/>
                </a:gradFill>
                <a:ln w="12700" cap="flat" cmpd="sng" algn="ctr">
                  <a:solidFill>
                    <a:srgbClr val="FFFFFF"/>
                  </a:solidFill>
                  <a:prstDash val="solid"/>
                  <a:miter lim="800000"/>
                </a:ln>
                <a:effectLst>
                  <a:outerShdw blurRad="50800" dist="25400" dir="10800000" algn="r" rotWithShape="0">
                    <a:prstClr val="black">
                      <a:alpha val="25000"/>
                    </a:prstClr>
                  </a:outerShdw>
                </a:effectLst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430" name="Oval 429"/>
                <p:cNvSpPr/>
                <p:nvPr/>
              </p:nvSpPr>
              <p:spPr>
                <a:xfrm>
                  <a:off x="5424970" y="3696175"/>
                  <a:ext cx="856958" cy="856958"/>
                </a:xfrm>
                <a:prstGeom prst="ellipse">
                  <a:avLst/>
                </a:prstGeom>
                <a:gradFill>
                  <a:gsLst>
                    <a:gs pos="0">
                      <a:srgbClr val="00B0F0">
                        <a:lumMod val="0"/>
                        <a:lumOff val="100000"/>
                      </a:srgbClr>
                    </a:gs>
                    <a:gs pos="35000">
                      <a:srgbClr val="00B0F0">
                        <a:lumMod val="0"/>
                        <a:lumOff val="100000"/>
                      </a:srgbClr>
                    </a:gs>
                    <a:gs pos="100000">
                      <a:srgbClr val="2AAAAE"/>
                    </a:gs>
                  </a:gsLst>
                  <a:path path="circle">
                    <a:fillToRect l="50000" t="-80000" r="50000" b="180000"/>
                  </a:path>
                </a:gradFill>
                <a:ln w="12700" cap="flat" cmpd="sng" algn="ctr">
                  <a:solidFill>
                    <a:srgbClr val="FFFFFF"/>
                  </a:solidFill>
                  <a:prstDash val="solid"/>
                  <a:miter lim="800000"/>
                </a:ln>
                <a:effectLst>
                  <a:outerShdw blurRad="63500" sx="102000" sy="102000" algn="ctr" rotWithShape="0">
                    <a:prstClr val="black">
                      <a:alpha val="40000"/>
                    </a:prstClr>
                  </a:outerShdw>
                </a:effectLst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</p:grpSp>
        </p:grpSp>
        <p:grpSp>
          <p:nvGrpSpPr>
            <p:cNvPr id="375" name="Group 178"/>
            <p:cNvGrpSpPr/>
            <p:nvPr/>
          </p:nvGrpSpPr>
          <p:grpSpPr>
            <a:xfrm>
              <a:off x="-31409" y="3037014"/>
              <a:ext cx="3814953" cy="1077712"/>
              <a:chOff x="-12734" y="4781682"/>
              <a:chExt cx="3814953" cy="1077712"/>
            </a:xfrm>
          </p:grpSpPr>
          <p:grpSp>
            <p:nvGrpSpPr>
              <p:cNvPr id="414" name="Group 179"/>
              <p:cNvGrpSpPr/>
              <p:nvPr/>
            </p:nvGrpSpPr>
            <p:grpSpPr>
              <a:xfrm>
                <a:off x="-12734" y="4781682"/>
                <a:ext cx="3346066" cy="1077712"/>
                <a:chOff x="-12734" y="4781682"/>
                <a:chExt cx="3346066" cy="1077712"/>
              </a:xfrm>
            </p:grpSpPr>
            <p:sp>
              <p:nvSpPr>
                <p:cNvPr id="420" name="Rectangle 185"/>
                <p:cNvSpPr/>
                <p:nvPr/>
              </p:nvSpPr>
              <p:spPr>
                <a:xfrm flipH="1">
                  <a:off x="0" y="4781682"/>
                  <a:ext cx="3333332" cy="1077712"/>
                </a:xfrm>
                <a:prstGeom prst="rect">
                  <a:avLst/>
                </a:prstGeom>
                <a:gradFill flip="none" rotWithShape="1">
                  <a:gsLst>
                    <a:gs pos="0">
                      <a:srgbClr val="00B0F0">
                        <a:lumMod val="20000"/>
                        <a:lumOff val="80000"/>
                        <a:alpha val="25000"/>
                      </a:srgbClr>
                    </a:gs>
                    <a:gs pos="100000">
                      <a:srgbClr val="00B0F0">
                        <a:lumMod val="40000"/>
                        <a:lumOff val="60000"/>
                      </a:srgbClr>
                    </a:gs>
                  </a:gsLst>
                  <a:lin ang="10800000" scaled="1"/>
                  <a:tileRect/>
                </a:gradFill>
                <a:ln w="635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grpSp>
              <p:nvGrpSpPr>
                <p:cNvPr id="421" name="Group 186"/>
                <p:cNvGrpSpPr/>
                <p:nvPr/>
              </p:nvGrpSpPr>
              <p:grpSpPr>
                <a:xfrm flipH="1">
                  <a:off x="201452" y="4986670"/>
                  <a:ext cx="2589023" cy="752793"/>
                  <a:chOff x="-105136" y="1268885"/>
                  <a:chExt cx="2391136" cy="752793"/>
                </a:xfrm>
              </p:grpSpPr>
              <p:sp>
                <p:nvSpPr>
                  <p:cNvPr id="423" name="TextBox 188"/>
                  <p:cNvSpPr txBox="1"/>
                  <p:nvPr/>
                </p:nvSpPr>
                <p:spPr>
                  <a:xfrm>
                    <a:off x="0" y="1268885"/>
                    <a:ext cx="2286000" cy="369332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algn="r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r>
                      <a:rPr lang="tr-TR" b="1" kern="0" dirty="0" smtClean="0">
                        <a:solidFill>
                          <a:prstClr val="black">
                            <a:lumMod val="85000"/>
                            <a:lumOff val="15000"/>
                          </a:prstClr>
                        </a:solidFill>
                        <a:latin typeface="Futura Bk BT" panose="020B0502020204020303" pitchFamily="34" charset="0"/>
                        <a:ea typeface="+mn-ea"/>
                      </a:rPr>
                      <a:t>Ne kadar?</a:t>
                    </a:r>
                    <a:endParaRPr kumimoji="0" lang="en-US" sz="1800" b="1" i="0" u="none" strike="noStrike" kern="0" cap="none" spc="0" normalizeH="0" baseline="0" noProof="0" dirty="0" smtClean="0">
                      <a:ln>
                        <a:noFill/>
                      </a:ln>
                      <a:solidFill>
                        <a:prstClr val="black">
                          <a:lumMod val="85000"/>
                          <a:lumOff val="15000"/>
                        </a:prstClr>
                      </a:solidFill>
                      <a:effectLst/>
                      <a:uLnTx/>
                      <a:uFillTx/>
                      <a:latin typeface="Futura Bk BT" panose="020B0502020204020303" pitchFamily="34" charset="0"/>
                      <a:ea typeface="+mn-ea"/>
                    </a:endParaRPr>
                  </a:p>
                </p:txBody>
              </p:sp>
              <p:sp>
                <p:nvSpPr>
                  <p:cNvPr id="424" name="TextBox 189"/>
                  <p:cNvSpPr txBox="1"/>
                  <p:nvPr/>
                </p:nvSpPr>
                <p:spPr>
                  <a:xfrm>
                    <a:off x="-105136" y="1683124"/>
                    <a:ext cx="1316443" cy="338554"/>
                  </a:xfrm>
                  <a:prstGeom prst="rect">
                    <a:avLst/>
                  </a:prstGeom>
                  <a:noFill/>
                </p:spPr>
                <p:txBody>
                  <a:bodyPr wrap="none" rtlCol="0">
                    <a:spAutoFit/>
                  </a:bodyPr>
                  <a:lstStyle>
                    <a:defPPr>
                      <a:defRPr lang="tr-TR"/>
                    </a:defPPr>
                    <a:lvl1pPr>
                      <a:defRPr sz="1600">
                        <a:latin typeface="Futura Bk BT" panose="020B0502020204020303" pitchFamily="34" charset="0"/>
                      </a:defRPr>
                    </a:lvl1pPr>
                  </a:lstStyle>
                  <a:p>
                    <a:r>
                      <a:rPr lang="tr-TR" dirty="0"/>
                      <a:t>En çok 2 </a:t>
                    </a:r>
                    <a:r>
                      <a:rPr lang="tr-TR" dirty="0" smtClean="0"/>
                      <a:t>gün</a:t>
                    </a:r>
                    <a:r>
                      <a:rPr lang="en-US" dirty="0" smtClean="0"/>
                      <a:t> </a:t>
                    </a:r>
                    <a:endParaRPr lang="en-US" dirty="0"/>
                  </a:p>
                </p:txBody>
              </p:sp>
            </p:grpSp>
            <p:cxnSp>
              <p:nvCxnSpPr>
                <p:cNvPr id="422" name="Straight Connector 187"/>
                <p:cNvCxnSpPr/>
                <p:nvPr/>
              </p:nvCxnSpPr>
              <p:spPr>
                <a:xfrm flipH="1">
                  <a:off x="-12734" y="5306497"/>
                  <a:ext cx="2651312" cy="0"/>
                </a:xfrm>
                <a:prstGeom prst="line">
                  <a:avLst/>
                </a:prstGeom>
                <a:noFill/>
                <a:ln w="6350" cap="flat" cmpd="sng" algn="ctr">
                  <a:solidFill>
                    <a:srgbClr val="000000">
                      <a:lumMod val="50000"/>
                      <a:lumOff val="50000"/>
                    </a:srgbClr>
                  </a:solidFill>
                  <a:prstDash val="solid"/>
                  <a:miter lim="800000"/>
                </a:ln>
                <a:effectLst/>
              </p:spPr>
            </p:cxnSp>
          </p:grpSp>
          <p:grpSp>
            <p:nvGrpSpPr>
              <p:cNvPr id="415" name="Group 180"/>
              <p:cNvGrpSpPr/>
              <p:nvPr/>
            </p:nvGrpSpPr>
            <p:grpSpPr>
              <a:xfrm>
                <a:off x="2732203" y="4785530"/>
                <a:ext cx="1070016" cy="1070016"/>
                <a:chOff x="2732203" y="4785530"/>
                <a:chExt cx="1070016" cy="1070016"/>
              </a:xfrm>
            </p:grpSpPr>
            <p:grpSp>
              <p:nvGrpSpPr>
                <p:cNvPr id="416" name="Group 181"/>
                <p:cNvGrpSpPr/>
                <p:nvPr/>
              </p:nvGrpSpPr>
              <p:grpSpPr>
                <a:xfrm>
                  <a:off x="2732203" y="4785530"/>
                  <a:ext cx="1070016" cy="1070016"/>
                  <a:chOff x="2732203" y="4785530"/>
                  <a:chExt cx="1070016" cy="1070016"/>
                </a:xfrm>
                <a:effectLst>
                  <a:outerShdw blurRad="50800" dist="38100" dir="10800000" algn="r" rotWithShape="0">
                    <a:prstClr val="black">
                      <a:alpha val="40000"/>
                    </a:prstClr>
                  </a:outerShdw>
                </a:effectLst>
              </p:grpSpPr>
              <p:sp>
                <p:nvSpPr>
                  <p:cNvPr id="418" name="Teardrop 183"/>
                  <p:cNvSpPr/>
                  <p:nvPr/>
                </p:nvSpPr>
                <p:spPr>
                  <a:xfrm rot="8021242" flipH="1">
                    <a:off x="2732203" y="4785530"/>
                    <a:ext cx="1070016" cy="1070016"/>
                  </a:xfrm>
                  <a:prstGeom prst="teardrop">
                    <a:avLst>
                      <a:gd name="adj" fmla="val 142648"/>
                    </a:avLst>
                  </a:prstGeom>
                  <a:gradFill flip="none" rotWithShape="1">
                    <a:gsLst>
                      <a:gs pos="0">
                        <a:srgbClr val="00B0F0">
                          <a:lumMod val="0"/>
                          <a:lumOff val="100000"/>
                        </a:srgbClr>
                      </a:gs>
                      <a:gs pos="35000">
                        <a:srgbClr val="00B0F0">
                          <a:lumMod val="0"/>
                          <a:lumOff val="100000"/>
                        </a:srgbClr>
                      </a:gs>
                      <a:gs pos="100000">
                        <a:srgbClr val="FFFFFF">
                          <a:lumMod val="75000"/>
                        </a:srgbClr>
                      </a:gs>
                    </a:gsLst>
                    <a:path path="circle">
                      <a:fillToRect l="50000" t="-80000" r="50000" b="180000"/>
                    </a:path>
                    <a:tileRect/>
                  </a:gradFill>
                  <a:ln w="12700" cap="flat" cmpd="sng" algn="ctr">
                    <a:solidFill>
                      <a:srgbClr val="FFFFFF"/>
                    </a:solidFill>
                    <a:prstDash val="solid"/>
                    <a:miter lim="800000"/>
                  </a:ln>
                  <a:effectLst>
                    <a:outerShdw blurRad="50800" dist="25400" algn="l" rotWithShape="0">
                      <a:prstClr val="black">
                        <a:alpha val="25000"/>
                      </a:prstClr>
                    </a:outerShdw>
                  </a:effectLst>
                </p:spPr>
                <p:txBody>
                  <a:bodyPr rtlCol="0" anchor="ctr"/>
                  <a:lstStyle/>
                  <a:p>
                    <a:pPr marL="0" marR="0" lvl="0" indent="0" algn="ctr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800" b="0" i="0" u="none" strike="noStrike" kern="0" cap="none" spc="0" normalizeH="0" baseline="0" noProof="0" smtClean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 panose="020F0502020204030204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419" name="Oval 418"/>
                  <p:cNvSpPr/>
                  <p:nvPr/>
                </p:nvSpPr>
                <p:spPr>
                  <a:xfrm flipH="1">
                    <a:off x="2838732" y="4892059"/>
                    <a:ext cx="856958" cy="856958"/>
                  </a:xfrm>
                  <a:prstGeom prst="ellipse">
                    <a:avLst/>
                  </a:prstGeom>
                  <a:gradFill>
                    <a:gsLst>
                      <a:gs pos="0">
                        <a:srgbClr val="00B0F0">
                          <a:lumMod val="0"/>
                          <a:lumOff val="100000"/>
                        </a:srgbClr>
                      </a:gs>
                      <a:gs pos="35000">
                        <a:srgbClr val="00B0F0">
                          <a:lumMod val="0"/>
                          <a:lumOff val="100000"/>
                        </a:srgbClr>
                      </a:gs>
                      <a:gs pos="100000">
                        <a:srgbClr val="00B0F0"/>
                      </a:gs>
                    </a:gsLst>
                    <a:path path="circle">
                      <a:fillToRect l="50000" t="-80000" r="50000" b="180000"/>
                    </a:path>
                  </a:gradFill>
                  <a:ln w="12700" cap="flat" cmpd="sng" algn="ctr">
                    <a:solidFill>
                      <a:srgbClr val="FFFFFF"/>
                    </a:solidFill>
                    <a:prstDash val="solid"/>
                    <a:miter lim="800000"/>
                  </a:ln>
                  <a:effectLst>
                    <a:outerShdw blurRad="63500" sx="102000" sy="102000" algn="ctr" rotWithShape="0">
                      <a:prstClr val="black">
                        <a:alpha val="40000"/>
                      </a:prstClr>
                    </a:outerShdw>
                  </a:effectLst>
                </p:spPr>
                <p:txBody>
                  <a:bodyPr rtlCol="0" anchor="ctr"/>
                  <a:lstStyle/>
                  <a:p>
                    <a:pPr marL="0" marR="0" lvl="0" indent="0" algn="ctr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800" b="0" i="0" u="none" strike="noStrike" kern="0" cap="none" spc="0" normalizeH="0" baseline="0" noProof="0" smtClean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 panose="020F0502020204030204"/>
                      <a:ea typeface="+mn-ea"/>
                      <a:cs typeface="+mn-cs"/>
                    </a:endParaRPr>
                  </a:p>
                </p:txBody>
              </p:sp>
            </p:grpSp>
            <p:sp>
              <p:nvSpPr>
                <p:cNvPr id="417" name="TextBox 182"/>
                <p:cNvSpPr txBox="1"/>
                <p:nvPr/>
              </p:nvSpPr>
              <p:spPr>
                <a:xfrm>
                  <a:off x="2954740" y="5015552"/>
                  <a:ext cx="573206" cy="584775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3200" b="1" i="0" u="none" strike="noStrike" kern="0" cap="none" spc="0" normalizeH="0" baseline="0" noProof="0" dirty="0" smtClean="0">
                    <a:ln>
                      <a:noFill/>
                    </a:ln>
                    <a:solidFill>
                      <a:srgbClr val="00B0F0">
                        <a:lumMod val="50000"/>
                      </a:srgbClr>
                    </a:solidFill>
                    <a:effectLst>
                      <a:outerShdw dist="12700" dir="2700000" algn="tl" rotWithShape="0">
                        <a:prstClr val="white"/>
                      </a:outerShdw>
                    </a:effectLst>
                    <a:uLnTx/>
                    <a:uFillTx/>
                    <a:latin typeface="Agency FB" panose="020B0503020202020204" pitchFamily="34" charset="0"/>
                    <a:ea typeface="+mn-ea"/>
                  </a:endParaRPr>
                </a:p>
              </p:txBody>
            </p:sp>
          </p:grpSp>
        </p:grpSp>
        <p:grpSp>
          <p:nvGrpSpPr>
            <p:cNvPr id="376" name="Group 190"/>
            <p:cNvGrpSpPr/>
            <p:nvPr/>
          </p:nvGrpSpPr>
          <p:grpSpPr>
            <a:xfrm>
              <a:off x="5318441" y="3764367"/>
              <a:ext cx="3825559" cy="1121482"/>
              <a:chOff x="5318441" y="3585798"/>
              <a:chExt cx="3825559" cy="1121482"/>
            </a:xfrm>
          </p:grpSpPr>
          <p:grpSp>
            <p:nvGrpSpPr>
              <p:cNvPr id="402" name="Group 191"/>
              <p:cNvGrpSpPr/>
              <p:nvPr/>
            </p:nvGrpSpPr>
            <p:grpSpPr>
              <a:xfrm>
                <a:off x="5787328" y="3585798"/>
                <a:ext cx="3356672" cy="1121482"/>
                <a:chOff x="5787328" y="3585798"/>
                <a:chExt cx="3356672" cy="1121482"/>
              </a:xfrm>
            </p:grpSpPr>
            <p:sp>
              <p:nvSpPr>
                <p:cNvPr id="408" name="Rectangle 197"/>
                <p:cNvSpPr/>
                <p:nvPr/>
              </p:nvSpPr>
              <p:spPr>
                <a:xfrm>
                  <a:off x="5787328" y="3585798"/>
                  <a:ext cx="3356672" cy="1077712"/>
                </a:xfrm>
                <a:prstGeom prst="rect">
                  <a:avLst/>
                </a:prstGeom>
                <a:gradFill flip="none" rotWithShape="1">
                  <a:gsLst>
                    <a:gs pos="0">
                      <a:srgbClr val="4D9EEC">
                        <a:lumMod val="20000"/>
                        <a:lumOff val="80000"/>
                        <a:alpha val="25000"/>
                      </a:srgbClr>
                    </a:gs>
                    <a:gs pos="100000">
                      <a:srgbClr val="4D9EEC">
                        <a:lumMod val="40000"/>
                        <a:lumOff val="60000"/>
                      </a:srgbClr>
                    </a:gs>
                  </a:gsLst>
                  <a:lin ang="10800000" scaled="1"/>
                  <a:tileRect/>
                </a:gradFill>
                <a:ln w="635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grpSp>
              <p:nvGrpSpPr>
                <p:cNvPr id="409" name="Group 198"/>
                <p:cNvGrpSpPr/>
                <p:nvPr/>
              </p:nvGrpSpPr>
              <p:grpSpPr>
                <a:xfrm>
                  <a:off x="6385035" y="3802678"/>
                  <a:ext cx="2689372" cy="904602"/>
                  <a:chOff x="6385035" y="1162818"/>
                  <a:chExt cx="2689372" cy="904602"/>
                </a:xfrm>
              </p:grpSpPr>
              <p:grpSp>
                <p:nvGrpSpPr>
                  <p:cNvPr id="410" name="Group 199"/>
                  <p:cNvGrpSpPr/>
                  <p:nvPr/>
                </p:nvGrpSpPr>
                <p:grpSpPr>
                  <a:xfrm>
                    <a:off x="6385035" y="1162818"/>
                    <a:ext cx="2689372" cy="904602"/>
                    <a:chOff x="0" y="1268885"/>
                    <a:chExt cx="2483815" cy="904602"/>
                  </a:xfrm>
                </p:grpSpPr>
                <p:sp>
                  <p:nvSpPr>
                    <p:cNvPr id="412" name="TextBox 201"/>
                    <p:cNvSpPr txBox="1"/>
                    <p:nvPr/>
                  </p:nvSpPr>
                  <p:spPr>
                    <a:xfrm>
                      <a:off x="0" y="1268885"/>
                      <a:ext cx="2286000" cy="369332"/>
                    </a:xfrm>
                    <a:prstGeom prst="rect">
                      <a:avLst/>
                    </a:prstGeom>
                    <a:noFill/>
                  </p:spPr>
                  <p:txBody>
                    <a:bodyPr wrap="square" rtlCol="0">
                      <a:spAutoFit/>
                    </a:bodyPr>
                    <a:lstStyle>
                      <a:defPPr>
                        <a:defRPr lang="tr-TR"/>
                      </a:defPPr>
                      <a:lvl1pPr marL="0" marR="0" lvl="0" indent="0" defTabSz="91440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 kumimoji="0" sz="1800" b="1" i="0" u="none" strike="noStrike" kern="0" cap="none" spc="0" normalizeH="0" baseline="0">
                          <a:ln>
                            <a:noFill/>
                          </a:ln>
                          <a:solidFill>
                            <a:prstClr val="black">
                              <a:lumMod val="85000"/>
                              <a:lumOff val="15000"/>
                            </a:prstClr>
                          </a:solidFill>
                          <a:effectLst/>
                          <a:uLnTx/>
                          <a:uFillTx/>
                          <a:latin typeface="Futura Bk BT" panose="020B0502020204020303" pitchFamily="34" charset="0"/>
                          <a:ea typeface="+mn-ea"/>
                        </a:defRPr>
                      </a:lvl1pPr>
                    </a:lstStyle>
                    <a:p>
                      <a:r>
                        <a:rPr lang="tr-TR" dirty="0"/>
                        <a:t>Amaç?</a:t>
                      </a:r>
                      <a:endParaRPr lang="en-US" dirty="0"/>
                    </a:p>
                  </p:txBody>
                </p:sp>
                <p:sp>
                  <p:nvSpPr>
                    <p:cNvPr id="413" name="TextBox 202"/>
                    <p:cNvSpPr txBox="1"/>
                    <p:nvPr/>
                  </p:nvSpPr>
                  <p:spPr>
                    <a:xfrm>
                      <a:off x="0" y="1588712"/>
                      <a:ext cx="2483815" cy="584775"/>
                    </a:xfrm>
                    <a:prstGeom prst="rect">
                      <a:avLst/>
                    </a:prstGeom>
                    <a:noFill/>
                  </p:spPr>
                  <p:txBody>
                    <a:bodyPr wrap="square" rtlCol="0">
                      <a:spAutoFit/>
                    </a:bodyPr>
                    <a:lstStyle>
                      <a:defPPr>
                        <a:defRPr lang="tr-TR"/>
                      </a:defPPr>
                      <a:lvl1pPr>
                        <a:defRPr sz="1600">
                          <a:latin typeface="Futura Bk BT" panose="020B0502020204020303" pitchFamily="34" charset="0"/>
                        </a:defRPr>
                      </a:lvl1pPr>
                    </a:lstStyle>
                    <a:p>
                      <a:r>
                        <a:rPr lang="tr-TR" dirty="0"/>
                        <a:t>Toplantılara katılım </a:t>
                      </a:r>
                      <a:r>
                        <a:rPr lang="tr-TR" dirty="0" smtClean="0"/>
                        <a:t>/Avrupa </a:t>
                      </a:r>
                      <a:r>
                        <a:rPr lang="tr-TR" dirty="0"/>
                        <a:t>Komisyonu ile toplantı </a:t>
                      </a:r>
                    </a:p>
                  </p:txBody>
                </p:sp>
              </p:grpSp>
              <p:cxnSp>
                <p:nvCxnSpPr>
                  <p:cNvPr id="411" name="Straight Connector 200"/>
                  <p:cNvCxnSpPr/>
                  <p:nvPr/>
                </p:nvCxnSpPr>
                <p:spPr>
                  <a:xfrm>
                    <a:off x="6423095" y="1493420"/>
                    <a:ext cx="2651312" cy="0"/>
                  </a:xfrm>
                  <a:prstGeom prst="line">
                    <a:avLst/>
                  </a:prstGeom>
                  <a:noFill/>
                  <a:ln w="6350" cap="flat" cmpd="sng" algn="ctr">
                    <a:solidFill>
                      <a:srgbClr val="000000">
                        <a:lumMod val="50000"/>
                        <a:lumOff val="50000"/>
                      </a:srgbClr>
                    </a:solidFill>
                    <a:prstDash val="solid"/>
                    <a:miter lim="800000"/>
                  </a:ln>
                  <a:effectLst/>
                </p:spPr>
              </p:cxnSp>
            </p:grpSp>
          </p:grpSp>
          <p:grpSp>
            <p:nvGrpSpPr>
              <p:cNvPr id="404" name="Group 193"/>
              <p:cNvGrpSpPr/>
              <p:nvPr/>
            </p:nvGrpSpPr>
            <p:grpSpPr>
              <a:xfrm>
                <a:off x="5318441" y="3603294"/>
                <a:ext cx="1070016" cy="1070016"/>
                <a:chOff x="5318441" y="3589646"/>
                <a:chExt cx="1070016" cy="1070016"/>
              </a:xfrm>
              <a:effectLst>
                <a:outerShdw blurRad="50800" dist="38100" algn="l" rotWithShape="0">
                  <a:prstClr val="black">
                    <a:alpha val="40000"/>
                  </a:prstClr>
                </a:outerShdw>
              </a:effectLst>
            </p:grpSpPr>
            <p:sp>
              <p:nvSpPr>
                <p:cNvPr id="406" name="Teardrop 195"/>
                <p:cNvSpPr/>
                <p:nvPr/>
              </p:nvSpPr>
              <p:spPr>
                <a:xfrm rot="13578758">
                  <a:off x="5318441" y="3589646"/>
                  <a:ext cx="1070016" cy="1070016"/>
                </a:xfrm>
                <a:prstGeom prst="teardrop">
                  <a:avLst>
                    <a:gd name="adj" fmla="val 142648"/>
                  </a:avLst>
                </a:prstGeom>
                <a:gradFill flip="none" rotWithShape="1">
                  <a:gsLst>
                    <a:gs pos="0">
                      <a:srgbClr val="00B0F0">
                        <a:lumMod val="0"/>
                        <a:lumOff val="100000"/>
                      </a:srgbClr>
                    </a:gs>
                    <a:gs pos="35000">
                      <a:srgbClr val="00B0F0">
                        <a:lumMod val="0"/>
                        <a:lumOff val="100000"/>
                      </a:srgbClr>
                    </a:gs>
                    <a:gs pos="100000">
                      <a:srgbClr val="FFFFFF">
                        <a:lumMod val="75000"/>
                      </a:srgbClr>
                    </a:gs>
                  </a:gsLst>
                  <a:path path="circle">
                    <a:fillToRect l="50000" t="-80000" r="50000" b="180000"/>
                  </a:path>
                  <a:tileRect/>
                </a:gradFill>
                <a:ln w="12700" cap="flat" cmpd="sng" algn="ctr">
                  <a:solidFill>
                    <a:srgbClr val="FFFFFF"/>
                  </a:solidFill>
                  <a:prstDash val="solid"/>
                  <a:miter lim="800000"/>
                </a:ln>
                <a:effectLst>
                  <a:outerShdw blurRad="50800" dist="25400" dir="10800000" algn="r" rotWithShape="0">
                    <a:prstClr val="black">
                      <a:alpha val="25000"/>
                    </a:prstClr>
                  </a:outerShdw>
                </a:effectLst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407" name="Oval 406"/>
                <p:cNvSpPr/>
                <p:nvPr/>
              </p:nvSpPr>
              <p:spPr>
                <a:xfrm>
                  <a:off x="5424970" y="3696175"/>
                  <a:ext cx="856958" cy="856958"/>
                </a:xfrm>
                <a:prstGeom prst="ellipse">
                  <a:avLst/>
                </a:prstGeom>
                <a:gradFill>
                  <a:gsLst>
                    <a:gs pos="0">
                      <a:srgbClr val="00B0F0">
                        <a:lumMod val="0"/>
                        <a:lumOff val="100000"/>
                      </a:srgbClr>
                    </a:gs>
                    <a:gs pos="35000">
                      <a:srgbClr val="00B0F0">
                        <a:lumMod val="0"/>
                        <a:lumOff val="100000"/>
                      </a:srgbClr>
                    </a:gs>
                    <a:gs pos="100000">
                      <a:srgbClr val="4D9EEC"/>
                    </a:gs>
                  </a:gsLst>
                  <a:path path="circle">
                    <a:fillToRect l="50000" t="-80000" r="50000" b="180000"/>
                  </a:path>
                </a:gradFill>
                <a:ln w="12700" cap="flat" cmpd="sng" algn="ctr">
                  <a:solidFill>
                    <a:srgbClr val="FFFFFF"/>
                  </a:solidFill>
                  <a:prstDash val="solid"/>
                  <a:miter lim="800000"/>
                </a:ln>
                <a:effectLst>
                  <a:outerShdw blurRad="63500" sx="102000" sy="102000" algn="ctr" rotWithShape="0">
                    <a:prstClr val="black">
                      <a:alpha val="40000"/>
                    </a:prstClr>
                  </a:outerShdw>
                </a:effectLst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</p:grpSp>
        </p:grpSp>
        <p:grpSp>
          <p:nvGrpSpPr>
            <p:cNvPr id="377" name="Group 203"/>
            <p:cNvGrpSpPr/>
            <p:nvPr/>
          </p:nvGrpSpPr>
          <p:grpSpPr>
            <a:xfrm>
              <a:off x="-52069" y="4396355"/>
              <a:ext cx="3835613" cy="1605953"/>
              <a:chOff x="-33394" y="4781681"/>
              <a:chExt cx="3835613" cy="1605953"/>
            </a:xfrm>
          </p:grpSpPr>
          <p:grpSp>
            <p:nvGrpSpPr>
              <p:cNvPr id="391" name="Group 204"/>
              <p:cNvGrpSpPr/>
              <p:nvPr/>
            </p:nvGrpSpPr>
            <p:grpSpPr>
              <a:xfrm>
                <a:off x="-33394" y="4781681"/>
                <a:ext cx="3366726" cy="1605953"/>
                <a:chOff x="-33394" y="4781681"/>
                <a:chExt cx="3366726" cy="1605953"/>
              </a:xfrm>
            </p:grpSpPr>
            <p:sp>
              <p:nvSpPr>
                <p:cNvPr id="397" name="Rectangle 210"/>
                <p:cNvSpPr/>
                <p:nvPr/>
              </p:nvSpPr>
              <p:spPr>
                <a:xfrm flipH="1">
                  <a:off x="0" y="4781681"/>
                  <a:ext cx="3333332" cy="1605953"/>
                </a:xfrm>
                <a:prstGeom prst="rect">
                  <a:avLst/>
                </a:prstGeom>
                <a:gradFill flip="none" rotWithShape="1">
                  <a:gsLst>
                    <a:gs pos="0">
                      <a:srgbClr val="2AAAAE">
                        <a:lumMod val="20000"/>
                        <a:lumOff val="80000"/>
                        <a:alpha val="25000"/>
                      </a:srgbClr>
                    </a:gs>
                    <a:gs pos="100000">
                      <a:srgbClr val="2AAAAE">
                        <a:lumMod val="40000"/>
                        <a:lumOff val="60000"/>
                      </a:srgbClr>
                    </a:gs>
                  </a:gsLst>
                  <a:lin ang="10800000" scaled="1"/>
                  <a:tileRect/>
                </a:gradFill>
                <a:ln w="635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grpSp>
              <p:nvGrpSpPr>
                <p:cNvPr id="398" name="Group 211"/>
                <p:cNvGrpSpPr/>
                <p:nvPr/>
              </p:nvGrpSpPr>
              <p:grpSpPr>
                <a:xfrm flipH="1">
                  <a:off x="-33394" y="5040387"/>
                  <a:ext cx="2997233" cy="1233428"/>
                  <a:chOff x="-265250" y="1322602"/>
                  <a:chExt cx="2768146" cy="1233428"/>
                </a:xfrm>
              </p:grpSpPr>
              <p:sp>
                <p:nvSpPr>
                  <p:cNvPr id="400" name="TextBox 213"/>
                  <p:cNvSpPr txBox="1"/>
                  <p:nvPr/>
                </p:nvSpPr>
                <p:spPr>
                  <a:xfrm>
                    <a:off x="-38632" y="1322602"/>
                    <a:ext cx="2286000" cy="369332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/>
                  <a:p>
                    <a:pPr marL="0" marR="0" lvl="0" indent="0" algn="r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r>
                      <a:rPr kumimoji="0" lang="tr-TR" sz="1800" b="1" i="0" u="none" strike="noStrike" kern="0" cap="none" spc="0" normalizeH="0" baseline="0" noProof="0" dirty="0" smtClean="0">
                        <a:ln>
                          <a:noFill/>
                        </a:ln>
                        <a:solidFill>
                          <a:prstClr val="black">
                            <a:lumMod val="85000"/>
                            <a:lumOff val="15000"/>
                          </a:prstClr>
                        </a:solidFill>
                        <a:effectLst/>
                        <a:uLnTx/>
                        <a:uFillTx/>
                        <a:latin typeface="Futura Bk BT" panose="020B0502020204020303" pitchFamily="34" charset="0"/>
                        <a:ea typeface="+mn-ea"/>
                      </a:rPr>
                      <a:t>Hangi kalemler?</a:t>
                    </a:r>
                    <a:endParaRPr kumimoji="0" lang="en-US" sz="1800" b="1" i="0" u="none" strike="noStrike" kern="0" cap="none" spc="0" normalizeH="0" baseline="0" noProof="0" dirty="0" smtClean="0">
                      <a:ln>
                        <a:noFill/>
                      </a:ln>
                      <a:solidFill>
                        <a:prstClr val="black">
                          <a:lumMod val="85000"/>
                          <a:lumOff val="15000"/>
                        </a:prstClr>
                      </a:solidFill>
                      <a:effectLst/>
                      <a:uLnTx/>
                      <a:uFillTx/>
                      <a:latin typeface="Futura Bk BT" panose="020B0502020204020303" pitchFamily="34" charset="0"/>
                      <a:ea typeface="+mn-ea"/>
                    </a:endParaRPr>
                  </a:p>
                </p:txBody>
              </p:sp>
              <p:sp>
                <p:nvSpPr>
                  <p:cNvPr id="401" name="TextBox 214"/>
                  <p:cNvSpPr txBox="1"/>
                  <p:nvPr/>
                </p:nvSpPr>
                <p:spPr>
                  <a:xfrm>
                    <a:off x="-265250" y="1725033"/>
                    <a:ext cx="2768146" cy="830997"/>
                  </a:xfrm>
                  <a:prstGeom prst="rect">
                    <a:avLst/>
                  </a:prstGeom>
                  <a:noFill/>
                </p:spPr>
                <p:txBody>
                  <a:bodyPr wrap="square" rtlCol="0">
                    <a:spAutoFit/>
                  </a:bodyPr>
                  <a:lstStyle>
                    <a:defPPr>
                      <a:defRPr lang="tr-TR"/>
                    </a:defPPr>
                    <a:lvl1pPr>
                      <a:defRPr sz="1600">
                        <a:latin typeface="Futura Bk BT" panose="020B0502020204020303" pitchFamily="34" charset="0"/>
                      </a:defRPr>
                    </a:lvl1pPr>
                  </a:lstStyle>
                  <a:p>
                    <a:pPr algn="ctr"/>
                    <a:r>
                      <a:rPr lang="tr-TR" dirty="0" smtClean="0"/>
                      <a:t>Salon </a:t>
                    </a:r>
                    <a:r>
                      <a:rPr lang="tr-TR" dirty="0"/>
                      <a:t>kirası,  </a:t>
                    </a:r>
                    <a:r>
                      <a:rPr lang="tr-TR" dirty="0" smtClean="0"/>
                      <a:t>İkram,  </a:t>
                    </a:r>
                    <a:r>
                      <a:rPr lang="tr-TR" dirty="0"/>
                      <a:t>Teknik ekipmanlar, Koordinatör adayı ve ekipten 1 kişinin </a:t>
                    </a:r>
                    <a:r>
                      <a:rPr lang="tr-TR" dirty="0" smtClean="0"/>
                      <a:t>seyahati</a:t>
                    </a:r>
                    <a:endParaRPr lang="tr-TR" dirty="0"/>
                  </a:p>
                </p:txBody>
              </p:sp>
            </p:grpSp>
            <p:cxnSp>
              <p:nvCxnSpPr>
                <p:cNvPr id="399" name="Straight Connector 212"/>
                <p:cNvCxnSpPr/>
                <p:nvPr/>
              </p:nvCxnSpPr>
              <p:spPr>
                <a:xfrm flipH="1">
                  <a:off x="29096" y="5360214"/>
                  <a:ext cx="2651312" cy="0"/>
                </a:xfrm>
                <a:prstGeom prst="line">
                  <a:avLst/>
                </a:prstGeom>
                <a:noFill/>
                <a:ln w="6350" cap="flat" cmpd="sng" algn="ctr">
                  <a:solidFill>
                    <a:srgbClr val="000000">
                      <a:lumMod val="50000"/>
                      <a:lumOff val="50000"/>
                    </a:srgbClr>
                  </a:solidFill>
                  <a:prstDash val="solid"/>
                  <a:miter lim="800000"/>
                </a:ln>
                <a:effectLst/>
              </p:spPr>
            </p:cxnSp>
          </p:grpSp>
          <p:grpSp>
            <p:nvGrpSpPr>
              <p:cNvPr id="392" name="Group 205"/>
              <p:cNvGrpSpPr/>
              <p:nvPr/>
            </p:nvGrpSpPr>
            <p:grpSpPr>
              <a:xfrm>
                <a:off x="2732203" y="4785530"/>
                <a:ext cx="1070016" cy="1070016"/>
                <a:chOff x="2732203" y="4785530"/>
                <a:chExt cx="1070016" cy="1070016"/>
              </a:xfrm>
            </p:grpSpPr>
            <p:grpSp>
              <p:nvGrpSpPr>
                <p:cNvPr id="393" name="Group 206"/>
                <p:cNvGrpSpPr/>
                <p:nvPr/>
              </p:nvGrpSpPr>
              <p:grpSpPr>
                <a:xfrm>
                  <a:off x="2732203" y="4785530"/>
                  <a:ext cx="1070016" cy="1070016"/>
                  <a:chOff x="2732203" y="4785530"/>
                  <a:chExt cx="1070016" cy="1070016"/>
                </a:xfrm>
                <a:effectLst>
                  <a:outerShdw blurRad="50800" dist="38100" dir="10800000" algn="r" rotWithShape="0">
                    <a:prstClr val="black">
                      <a:alpha val="40000"/>
                    </a:prstClr>
                  </a:outerShdw>
                </a:effectLst>
              </p:grpSpPr>
              <p:sp>
                <p:nvSpPr>
                  <p:cNvPr id="395" name="Teardrop 208"/>
                  <p:cNvSpPr/>
                  <p:nvPr/>
                </p:nvSpPr>
                <p:spPr>
                  <a:xfrm rot="8021242" flipH="1">
                    <a:off x="2732203" y="4785530"/>
                    <a:ext cx="1070016" cy="1070016"/>
                  </a:xfrm>
                  <a:prstGeom prst="teardrop">
                    <a:avLst>
                      <a:gd name="adj" fmla="val 142648"/>
                    </a:avLst>
                  </a:prstGeom>
                  <a:gradFill flip="none" rotWithShape="1">
                    <a:gsLst>
                      <a:gs pos="0">
                        <a:srgbClr val="00B0F0">
                          <a:lumMod val="0"/>
                          <a:lumOff val="100000"/>
                        </a:srgbClr>
                      </a:gs>
                      <a:gs pos="35000">
                        <a:srgbClr val="00B0F0">
                          <a:lumMod val="0"/>
                          <a:lumOff val="100000"/>
                        </a:srgbClr>
                      </a:gs>
                      <a:gs pos="100000">
                        <a:srgbClr val="FFFFFF">
                          <a:lumMod val="75000"/>
                        </a:srgbClr>
                      </a:gs>
                    </a:gsLst>
                    <a:path path="circle">
                      <a:fillToRect l="50000" t="-80000" r="50000" b="180000"/>
                    </a:path>
                    <a:tileRect/>
                  </a:gradFill>
                  <a:ln w="12700" cap="flat" cmpd="sng" algn="ctr">
                    <a:solidFill>
                      <a:srgbClr val="FFFFFF"/>
                    </a:solidFill>
                    <a:prstDash val="solid"/>
                    <a:miter lim="800000"/>
                  </a:ln>
                  <a:effectLst>
                    <a:outerShdw blurRad="50800" dist="25400" algn="l" rotWithShape="0">
                      <a:prstClr val="black">
                        <a:alpha val="25000"/>
                      </a:prstClr>
                    </a:outerShdw>
                  </a:effectLst>
                </p:spPr>
                <p:txBody>
                  <a:bodyPr rtlCol="0" anchor="ctr"/>
                  <a:lstStyle/>
                  <a:p>
                    <a:pPr marL="0" marR="0" lvl="0" indent="0" algn="ctr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800" b="0" i="0" u="none" strike="noStrike" kern="0" cap="none" spc="0" normalizeH="0" baseline="0" noProof="0" smtClean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 panose="020F0502020204030204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396" name="Oval 395"/>
                  <p:cNvSpPr/>
                  <p:nvPr/>
                </p:nvSpPr>
                <p:spPr>
                  <a:xfrm flipH="1">
                    <a:off x="2838732" y="4892059"/>
                    <a:ext cx="856958" cy="856958"/>
                  </a:xfrm>
                  <a:prstGeom prst="ellipse">
                    <a:avLst/>
                  </a:prstGeom>
                  <a:gradFill>
                    <a:gsLst>
                      <a:gs pos="0">
                        <a:srgbClr val="00B0F0">
                          <a:lumMod val="0"/>
                          <a:lumOff val="100000"/>
                        </a:srgbClr>
                      </a:gs>
                      <a:gs pos="35000">
                        <a:srgbClr val="00B0F0">
                          <a:lumMod val="0"/>
                          <a:lumOff val="100000"/>
                        </a:srgbClr>
                      </a:gs>
                      <a:gs pos="100000">
                        <a:srgbClr val="2AAAAE"/>
                      </a:gs>
                    </a:gsLst>
                    <a:path path="circle">
                      <a:fillToRect l="50000" t="-80000" r="50000" b="180000"/>
                    </a:path>
                  </a:gradFill>
                  <a:ln w="12700" cap="flat" cmpd="sng" algn="ctr">
                    <a:solidFill>
                      <a:srgbClr val="FFFFFF"/>
                    </a:solidFill>
                    <a:prstDash val="solid"/>
                    <a:miter lim="800000"/>
                  </a:ln>
                  <a:effectLst>
                    <a:outerShdw blurRad="63500" sx="102000" sy="102000" algn="ctr" rotWithShape="0">
                      <a:prstClr val="black">
                        <a:alpha val="40000"/>
                      </a:prstClr>
                    </a:outerShdw>
                  </a:effectLst>
                </p:spPr>
                <p:txBody>
                  <a:bodyPr rtlCol="0" anchor="ctr"/>
                  <a:lstStyle/>
                  <a:p>
                    <a:pPr marL="0" marR="0" lvl="0" indent="0" algn="ctr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800" b="0" i="0" u="none" strike="noStrike" kern="0" cap="none" spc="0" normalizeH="0" baseline="0" noProof="0" smtClean="0">
                      <a:ln>
                        <a:noFill/>
                      </a:ln>
                      <a:solidFill>
                        <a:prstClr val="white"/>
                      </a:solidFill>
                      <a:effectLst/>
                      <a:uLnTx/>
                      <a:uFillTx/>
                      <a:latin typeface="Calibri" panose="020F0502020204030204"/>
                      <a:ea typeface="+mn-ea"/>
                      <a:cs typeface="+mn-cs"/>
                    </a:endParaRPr>
                  </a:p>
                </p:txBody>
              </p:sp>
            </p:grpSp>
            <p:sp>
              <p:nvSpPr>
                <p:cNvPr id="394" name="TextBox 207"/>
                <p:cNvSpPr txBox="1"/>
                <p:nvPr/>
              </p:nvSpPr>
              <p:spPr>
                <a:xfrm>
                  <a:off x="2954740" y="5015552"/>
                  <a:ext cx="573206" cy="584775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3200" b="1" i="0" u="none" strike="noStrike" kern="0" cap="none" spc="0" normalizeH="0" baseline="0" noProof="0" dirty="0" smtClean="0">
                    <a:ln>
                      <a:noFill/>
                    </a:ln>
                    <a:solidFill>
                      <a:srgbClr val="00B0F0">
                        <a:lumMod val="50000"/>
                      </a:srgbClr>
                    </a:solidFill>
                    <a:effectLst>
                      <a:outerShdw dist="12700" dir="2700000" algn="tl" rotWithShape="0">
                        <a:prstClr val="white"/>
                      </a:outerShdw>
                    </a:effectLst>
                    <a:uLnTx/>
                    <a:uFillTx/>
                    <a:latin typeface="Agency FB" panose="020B0503020202020204" pitchFamily="34" charset="0"/>
                    <a:ea typeface="+mn-ea"/>
                  </a:endParaRPr>
                </a:p>
              </p:txBody>
            </p:sp>
          </p:grpSp>
        </p:grpSp>
        <p:grpSp>
          <p:nvGrpSpPr>
            <p:cNvPr id="378" name="Group 215"/>
            <p:cNvGrpSpPr/>
            <p:nvPr/>
          </p:nvGrpSpPr>
          <p:grpSpPr>
            <a:xfrm>
              <a:off x="5318441" y="5105163"/>
              <a:ext cx="3825559" cy="1121482"/>
              <a:chOff x="5318441" y="3585798"/>
              <a:chExt cx="3825559" cy="1121482"/>
            </a:xfrm>
          </p:grpSpPr>
          <p:grpSp>
            <p:nvGrpSpPr>
              <p:cNvPr id="379" name="Group 216"/>
              <p:cNvGrpSpPr/>
              <p:nvPr/>
            </p:nvGrpSpPr>
            <p:grpSpPr>
              <a:xfrm>
                <a:off x="5787328" y="3585798"/>
                <a:ext cx="3356672" cy="1121482"/>
                <a:chOff x="5787328" y="3585798"/>
                <a:chExt cx="3356672" cy="1121482"/>
              </a:xfrm>
            </p:grpSpPr>
            <p:sp>
              <p:nvSpPr>
                <p:cNvPr id="385" name="Rectangle 222"/>
                <p:cNvSpPr/>
                <p:nvPr/>
              </p:nvSpPr>
              <p:spPr>
                <a:xfrm>
                  <a:off x="5787328" y="3585798"/>
                  <a:ext cx="3356672" cy="1077712"/>
                </a:xfrm>
                <a:prstGeom prst="rect">
                  <a:avLst/>
                </a:prstGeom>
                <a:gradFill flip="none" rotWithShape="1">
                  <a:gsLst>
                    <a:gs pos="0">
                      <a:srgbClr val="00B0F0">
                        <a:lumMod val="20000"/>
                        <a:lumOff val="80000"/>
                        <a:alpha val="25000"/>
                      </a:srgbClr>
                    </a:gs>
                    <a:gs pos="100000">
                      <a:srgbClr val="00B0F0">
                        <a:lumMod val="40000"/>
                        <a:lumOff val="60000"/>
                      </a:srgbClr>
                    </a:gs>
                  </a:gsLst>
                  <a:lin ang="10800000" scaled="1"/>
                  <a:tileRect/>
                </a:gradFill>
                <a:ln w="635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grpSp>
              <p:nvGrpSpPr>
                <p:cNvPr id="386" name="Group 223"/>
                <p:cNvGrpSpPr/>
                <p:nvPr/>
              </p:nvGrpSpPr>
              <p:grpSpPr>
                <a:xfrm>
                  <a:off x="6385035" y="3802678"/>
                  <a:ext cx="2689372" cy="904602"/>
                  <a:chOff x="6385035" y="1162818"/>
                  <a:chExt cx="2689372" cy="904602"/>
                </a:xfrm>
              </p:grpSpPr>
              <p:grpSp>
                <p:nvGrpSpPr>
                  <p:cNvPr id="387" name="Group 224"/>
                  <p:cNvGrpSpPr/>
                  <p:nvPr/>
                </p:nvGrpSpPr>
                <p:grpSpPr>
                  <a:xfrm>
                    <a:off x="6385035" y="1162818"/>
                    <a:ext cx="2689372" cy="904602"/>
                    <a:chOff x="0" y="1268885"/>
                    <a:chExt cx="2483815" cy="904602"/>
                  </a:xfrm>
                </p:grpSpPr>
                <p:sp>
                  <p:nvSpPr>
                    <p:cNvPr id="389" name="TextBox 226"/>
                    <p:cNvSpPr txBox="1"/>
                    <p:nvPr/>
                  </p:nvSpPr>
                  <p:spPr>
                    <a:xfrm>
                      <a:off x="0" y="1268885"/>
                      <a:ext cx="2286000" cy="369332"/>
                    </a:xfrm>
                    <a:prstGeom prst="rect">
                      <a:avLst/>
                    </a:prstGeom>
                    <a:noFill/>
                  </p:spPr>
                  <p:txBody>
                    <a:bodyPr wrap="square" rtlCol="0">
                      <a:spAutoFit/>
                    </a:bodyPr>
                    <a:lstStyle>
                      <a:defPPr>
                        <a:defRPr lang="tr-TR"/>
                      </a:defPPr>
                      <a:lvl1pPr marL="0" marR="0" lvl="0" indent="0" defTabSz="91440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 kumimoji="0" sz="1800" b="1" i="0" u="none" strike="noStrike" kern="0" cap="none" spc="0" normalizeH="0" baseline="0">
                          <a:ln>
                            <a:noFill/>
                          </a:ln>
                          <a:solidFill>
                            <a:prstClr val="black">
                              <a:lumMod val="85000"/>
                              <a:lumOff val="15000"/>
                            </a:prstClr>
                          </a:solidFill>
                          <a:effectLst/>
                          <a:uLnTx/>
                          <a:uFillTx/>
                          <a:latin typeface="Futura Bk BT" panose="020B0502020204020303" pitchFamily="34" charset="0"/>
                          <a:ea typeface="+mn-ea"/>
                        </a:defRPr>
                      </a:lvl1pPr>
                    </a:lstStyle>
                    <a:p>
                      <a:r>
                        <a:rPr lang="tr-TR" dirty="0"/>
                        <a:t>Kısıt?</a:t>
                      </a:r>
                      <a:endParaRPr lang="en-US" dirty="0"/>
                    </a:p>
                  </p:txBody>
                </p:sp>
                <p:sp>
                  <p:nvSpPr>
                    <p:cNvPr id="390" name="TextBox 227"/>
                    <p:cNvSpPr txBox="1"/>
                    <p:nvPr/>
                  </p:nvSpPr>
                  <p:spPr>
                    <a:xfrm>
                      <a:off x="0" y="1588712"/>
                      <a:ext cx="2483815" cy="584775"/>
                    </a:xfrm>
                    <a:prstGeom prst="rect">
                      <a:avLst/>
                    </a:prstGeom>
                    <a:noFill/>
                  </p:spPr>
                  <p:txBody>
                    <a:bodyPr wrap="square" rtlCol="0">
                      <a:spAutoFit/>
                    </a:bodyPr>
                    <a:lstStyle>
                      <a:defPPr>
                        <a:defRPr lang="tr-TR"/>
                      </a:defPPr>
                      <a:lvl1pPr>
                        <a:defRPr sz="1600">
                          <a:latin typeface="Futura Bk BT" panose="020B0502020204020303" pitchFamily="34" charset="0"/>
                        </a:defRPr>
                      </a:lvl1pPr>
                    </a:lstStyle>
                    <a:p>
                      <a:r>
                        <a:rPr lang="tr-TR" dirty="0"/>
                        <a:t>Her proje için en çok 4 seyahat </a:t>
                      </a:r>
                    </a:p>
                  </p:txBody>
                </p:sp>
              </p:grpSp>
              <p:cxnSp>
                <p:nvCxnSpPr>
                  <p:cNvPr id="388" name="Straight Connector 225"/>
                  <p:cNvCxnSpPr/>
                  <p:nvPr/>
                </p:nvCxnSpPr>
                <p:spPr>
                  <a:xfrm>
                    <a:off x="6423095" y="1493420"/>
                    <a:ext cx="2651312" cy="0"/>
                  </a:xfrm>
                  <a:prstGeom prst="line">
                    <a:avLst/>
                  </a:prstGeom>
                  <a:noFill/>
                  <a:ln w="6350" cap="flat" cmpd="sng" algn="ctr">
                    <a:solidFill>
                      <a:srgbClr val="000000">
                        <a:lumMod val="50000"/>
                        <a:lumOff val="50000"/>
                      </a:srgbClr>
                    </a:solidFill>
                    <a:prstDash val="solid"/>
                    <a:miter lim="800000"/>
                  </a:ln>
                  <a:effectLst/>
                </p:spPr>
              </p:cxnSp>
            </p:grpSp>
          </p:grpSp>
          <p:grpSp>
            <p:nvGrpSpPr>
              <p:cNvPr id="381" name="Group 218"/>
              <p:cNvGrpSpPr/>
              <p:nvPr/>
            </p:nvGrpSpPr>
            <p:grpSpPr>
              <a:xfrm>
                <a:off x="5318441" y="3603294"/>
                <a:ext cx="1070016" cy="1070016"/>
                <a:chOff x="5318441" y="3589646"/>
                <a:chExt cx="1070016" cy="1070016"/>
              </a:xfrm>
              <a:effectLst>
                <a:outerShdw blurRad="50800" dist="38100" algn="l" rotWithShape="0">
                  <a:prstClr val="black">
                    <a:alpha val="40000"/>
                  </a:prstClr>
                </a:outerShdw>
              </a:effectLst>
            </p:grpSpPr>
            <p:sp>
              <p:nvSpPr>
                <p:cNvPr id="383" name="Teardrop 220"/>
                <p:cNvSpPr/>
                <p:nvPr/>
              </p:nvSpPr>
              <p:spPr>
                <a:xfrm rot="13578758">
                  <a:off x="5318441" y="3589646"/>
                  <a:ext cx="1070016" cy="1070016"/>
                </a:xfrm>
                <a:prstGeom prst="teardrop">
                  <a:avLst>
                    <a:gd name="adj" fmla="val 142648"/>
                  </a:avLst>
                </a:prstGeom>
                <a:gradFill flip="none" rotWithShape="1">
                  <a:gsLst>
                    <a:gs pos="0">
                      <a:srgbClr val="00B0F0">
                        <a:lumMod val="0"/>
                        <a:lumOff val="100000"/>
                      </a:srgbClr>
                    </a:gs>
                    <a:gs pos="35000">
                      <a:srgbClr val="00B0F0">
                        <a:lumMod val="0"/>
                        <a:lumOff val="100000"/>
                      </a:srgbClr>
                    </a:gs>
                    <a:gs pos="100000">
                      <a:srgbClr val="FFFFFF">
                        <a:lumMod val="75000"/>
                      </a:srgbClr>
                    </a:gs>
                  </a:gsLst>
                  <a:path path="circle">
                    <a:fillToRect l="50000" t="-80000" r="50000" b="180000"/>
                  </a:path>
                  <a:tileRect/>
                </a:gradFill>
                <a:ln w="12700" cap="flat" cmpd="sng" algn="ctr">
                  <a:solidFill>
                    <a:srgbClr val="FFFFFF"/>
                  </a:solidFill>
                  <a:prstDash val="solid"/>
                  <a:miter lim="800000"/>
                </a:ln>
                <a:effectLst>
                  <a:outerShdw blurRad="50800" dist="25400" dir="10800000" algn="r" rotWithShape="0">
                    <a:prstClr val="black">
                      <a:alpha val="25000"/>
                    </a:prstClr>
                  </a:outerShdw>
                </a:effectLst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384" name="Oval 383"/>
                <p:cNvSpPr/>
                <p:nvPr/>
              </p:nvSpPr>
              <p:spPr>
                <a:xfrm>
                  <a:off x="5424970" y="3696175"/>
                  <a:ext cx="856958" cy="856958"/>
                </a:xfrm>
                <a:prstGeom prst="ellipse">
                  <a:avLst/>
                </a:prstGeom>
                <a:gradFill>
                  <a:gsLst>
                    <a:gs pos="0">
                      <a:srgbClr val="00B0F0">
                        <a:lumMod val="0"/>
                        <a:lumOff val="100000"/>
                      </a:srgbClr>
                    </a:gs>
                    <a:gs pos="35000">
                      <a:srgbClr val="00B0F0">
                        <a:lumMod val="0"/>
                        <a:lumOff val="100000"/>
                      </a:srgbClr>
                    </a:gs>
                    <a:gs pos="100000">
                      <a:srgbClr val="00B0F0"/>
                    </a:gs>
                  </a:gsLst>
                  <a:path path="circle">
                    <a:fillToRect l="50000" t="-80000" r="50000" b="180000"/>
                  </a:path>
                </a:gradFill>
                <a:ln w="12700" cap="flat" cmpd="sng" algn="ctr">
                  <a:solidFill>
                    <a:srgbClr val="FFFFFF"/>
                  </a:solidFill>
                  <a:prstDash val="solid"/>
                  <a:miter lim="800000"/>
                </a:ln>
                <a:effectLst>
                  <a:outerShdw blurRad="63500" sx="102000" sy="102000" algn="ctr" rotWithShape="0">
                    <a:prstClr val="black">
                      <a:alpha val="40000"/>
                    </a:prstClr>
                  </a:outerShdw>
                </a:effectLst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</p:grpSp>
        </p:grpSp>
      </p:grpSp>
      <p:sp>
        <p:nvSpPr>
          <p:cNvPr id="477" name="Metin kutusu 476"/>
          <p:cNvSpPr txBox="1"/>
          <p:nvPr/>
        </p:nvSpPr>
        <p:spPr>
          <a:xfrm>
            <a:off x="539552" y="692696"/>
            <a:ext cx="295232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r-TR" b="1" dirty="0" smtClean="0">
                <a:solidFill>
                  <a:schemeClr val="tx2"/>
                </a:solidFill>
                <a:latin typeface="Futura Bk BT" panose="020B0502020204020303" pitchFamily="34" charset="0"/>
              </a:rPr>
              <a:t>Konsorsiyum Kurma Amaçlı Organizasyon Desteği</a:t>
            </a:r>
            <a:endParaRPr lang="tr-TR" b="1" dirty="0">
              <a:solidFill>
                <a:schemeClr val="tx2"/>
              </a:solidFill>
              <a:latin typeface="Futura Bk BT" panose="020B0502020204020303" pitchFamily="34" charset="0"/>
            </a:endParaRPr>
          </a:p>
        </p:txBody>
      </p:sp>
      <p:sp>
        <p:nvSpPr>
          <p:cNvPr id="478" name="Metin kutusu 477"/>
          <p:cNvSpPr txBox="1"/>
          <p:nvPr/>
        </p:nvSpPr>
        <p:spPr>
          <a:xfrm>
            <a:off x="5783213" y="828530"/>
            <a:ext cx="295232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r-TR" b="1" dirty="0" smtClean="0">
                <a:solidFill>
                  <a:schemeClr val="tx2"/>
                </a:solidFill>
                <a:latin typeface="Futura Bk BT" panose="020B0502020204020303" pitchFamily="34" charset="0"/>
              </a:rPr>
              <a:t>Konsorsiyum Kurma Amaçlı Seyahat  Desteği</a:t>
            </a:r>
            <a:endParaRPr lang="tr-TR" b="1" dirty="0">
              <a:solidFill>
                <a:schemeClr val="tx2"/>
              </a:solidFill>
              <a:latin typeface="Futura Bk BT" panose="020B0502020204020303" pitchFamily="34" charset="0"/>
            </a:endParaRPr>
          </a:p>
        </p:txBody>
      </p:sp>
      <p:sp>
        <p:nvSpPr>
          <p:cNvPr id="479" name="Metin kutusu 478"/>
          <p:cNvSpPr txBox="1"/>
          <p:nvPr/>
        </p:nvSpPr>
        <p:spPr>
          <a:xfrm>
            <a:off x="750289" y="2860270"/>
            <a:ext cx="186961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tr-TR" sz="1600" dirty="0" smtClean="0">
                <a:latin typeface="Futura Bk BT" panose="020B0502020204020303" pitchFamily="34" charset="0"/>
              </a:rPr>
              <a:t>Yurtiçi veya Yurtdışı</a:t>
            </a:r>
            <a:endParaRPr lang="tr-TR" sz="1600" dirty="0">
              <a:latin typeface="Futura Bk BT" panose="020B0502020204020303" pitchFamily="34" charset="0"/>
            </a:endParaRPr>
          </a:p>
        </p:txBody>
      </p:sp>
      <p:grpSp>
        <p:nvGrpSpPr>
          <p:cNvPr id="486" name="Grup 485"/>
          <p:cNvGrpSpPr/>
          <p:nvPr/>
        </p:nvGrpSpPr>
        <p:grpSpPr>
          <a:xfrm>
            <a:off x="5563730" y="3214110"/>
            <a:ext cx="3256742" cy="1727058"/>
            <a:chOff x="235137" y="1597825"/>
            <a:chExt cx="3256742" cy="1727058"/>
          </a:xfrm>
        </p:grpSpPr>
        <p:sp>
          <p:nvSpPr>
            <p:cNvPr id="480" name="Oval 479"/>
            <p:cNvSpPr/>
            <p:nvPr/>
          </p:nvSpPr>
          <p:spPr>
            <a:xfrm flipH="1">
              <a:off x="235137" y="1597825"/>
              <a:ext cx="3256742" cy="1727058"/>
            </a:xfrm>
            <a:prstGeom prst="ellipse">
              <a:avLst/>
            </a:prstGeom>
            <a:gradFill>
              <a:gsLst>
                <a:gs pos="0">
                  <a:srgbClr val="00B0F0">
                    <a:lumMod val="0"/>
                    <a:lumOff val="100000"/>
                  </a:srgbClr>
                </a:gs>
                <a:gs pos="35000">
                  <a:srgbClr val="00B0F0">
                    <a:lumMod val="0"/>
                    <a:lumOff val="100000"/>
                  </a:srgbClr>
                </a:gs>
                <a:gs pos="100000">
                  <a:srgbClr val="4D9EEC"/>
                </a:gs>
              </a:gsLst>
              <a:path path="circle">
                <a:fillToRect l="50000" t="-80000" r="50000" b="180000"/>
              </a:path>
            </a:gradFill>
            <a:ln w="12700" cap="flat" cmpd="sng" algn="ctr">
              <a:solidFill>
                <a:srgbClr val="FFFFFF"/>
              </a:solidFill>
              <a:prstDash val="solid"/>
              <a:miter lim="800000"/>
            </a:ln>
            <a:effectLst>
              <a:outerShdw blurRad="63500" sx="102000" sy="102000" algn="ctr" rotWithShape="0">
                <a:prstClr val="black">
                  <a:alpha val="40000"/>
                </a:prstClr>
              </a:outerShdw>
            </a:effec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81" name="TextBox 157"/>
            <p:cNvSpPr txBox="1"/>
            <p:nvPr/>
          </p:nvSpPr>
          <p:spPr>
            <a:xfrm>
              <a:off x="360245" y="1725243"/>
              <a:ext cx="2178384" cy="117851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3200" b="1" i="0" u="none" strike="noStrike" kern="0" cap="none" spc="0" normalizeH="0" baseline="0" noProof="0" dirty="0" smtClean="0">
                <a:ln>
                  <a:noFill/>
                </a:ln>
                <a:solidFill>
                  <a:srgbClr val="4D9EEC">
                    <a:lumMod val="50000"/>
                  </a:srgbClr>
                </a:solidFill>
                <a:effectLst>
                  <a:outerShdw dist="12700" dir="2700000" algn="tl" rotWithShape="0">
                    <a:prstClr val="white"/>
                  </a:outerShdw>
                </a:effectLst>
                <a:uLnTx/>
                <a:uFillTx/>
                <a:latin typeface="Agency FB" panose="020B0503020202020204" pitchFamily="34" charset="0"/>
                <a:ea typeface="+mn-ea"/>
              </a:endParaRPr>
            </a:p>
          </p:txBody>
        </p:sp>
        <p:sp>
          <p:nvSpPr>
            <p:cNvPr id="482" name="Metin kutusu 481"/>
            <p:cNvSpPr txBox="1"/>
            <p:nvPr/>
          </p:nvSpPr>
          <p:spPr>
            <a:xfrm>
              <a:off x="395536" y="2210799"/>
              <a:ext cx="3029997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tr-TR" b="1" dirty="0" smtClean="0">
                  <a:latin typeface="Futura Bk BT" panose="020B0502020204020303" pitchFamily="34" charset="0"/>
                </a:rPr>
                <a:t>1.500 </a:t>
              </a:r>
              <a:r>
                <a:rPr lang="tr-TR" b="1" dirty="0" err="1" smtClean="0">
                  <a:latin typeface="Futura Bk BT" panose="020B0502020204020303" pitchFamily="34" charset="0"/>
                </a:rPr>
                <a:t>Avro’ya</a:t>
              </a:r>
              <a:r>
                <a:rPr lang="tr-TR" b="1" dirty="0" smtClean="0">
                  <a:latin typeface="Futura Bk BT" panose="020B0502020204020303" pitchFamily="34" charset="0"/>
                </a:rPr>
                <a:t> kadar Destek</a:t>
              </a:r>
              <a:endParaRPr lang="tr-TR" b="1" dirty="0">
                <a:latin typeface="Futura Bk BT" panose="020B0502020204020303" pitchFamily="34" charset="0"/>
              </a:endParaRPr>
            </a:p>
          </p:txBody>
        </p:sp>
      </p:grpSp>
      <p:grpSp>
        <p:nvGrpSpPr>
          <p:cNvPr id="487" name="Grup 486"/>
          <p:cNvGrpSpPr/>
          <p:nvPr/>
        </p:nvGrpSpPr>
        <p:grpSpPr>
          <a:xfrm>
            <a:off x="307146" y="3286118"/>
            <a:ext cx="3256742" cy="1727058"/>
            <a:chOff x="5563730" y="1628800"/>
            <a:chExt cx="3256742" cy="1727058"/>
          </a:xfrm>
        </p:grpSpPr>
        <p:sp>
          <p:nvSpPr>
            <p:cNvPr id="483" name="Oval 482"/>
            <p:cNvSpPr/>
            <p:nvPr/>
          </p:nvSpPr>
          <p:spPr>
            <a:xfrm flipH="1">
              <a:off x="5563730" y="1628800"/>
              <a:ext cx="3256742" cy="1727058"/>
            </a:xfrm>
            <a:prstGeom prst="ellipse">
              <a:avLst/>
            </a:prstGeom>
            <a:gradFill>
              <a:gsLst>
                <a:gs pos="0">
                  <a:srgbClr val="00B0F0">
                    <a:lumMod val="0"/>
                    <a:lumOff val="100000"/>
                  </a:srgbClr>
                </a:gs>
                <a:gs pos="35000">
                  <a:srgbClr val="00B0F0">
                    <a:lumMod val="0"/>
                    <a:lumOff val="100000"/>
                  </a:srgbClr>
                </a:gs>
                <a:gs pos="100000">
                  <a:srgbClr val="4D9EEC"/>
                </a:gs>
              </a:gsLst>
              <a:path path="circle">
                <a:fillToRect l="50000" t="-80000" r="50000" b="180000"/>
              </a:path>
            </a:gradFill>
            <a:ln w="12700" cap="flat" cmpd="sng" algn="ctr">
              <a:solidFill>
                <a:srgbClr val="FFFFFF"/>
              </a:solidFill>
              <a:prstDash val="solid"/>
              <a:miter lim="800000"/>
            </a:ln>
            <a:effectLst>
              <a:outerShdw blurRad="63500" sx="102000" sy="102000" algn="ctr" rotWithShape="0">
                <a:prstClr val="black">
                  <a:alpha val="40000"/>
                </a:prstClr>
              </a:outerShdw>
            </a:effec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84" name="TextBox 157"/>
            <p:cNvSpPr txBox="1"/>
            <p:nvPr/>
          </p:nvSpPr>
          <p:spPr>
            <a:xfrm>
              <a:off x="5688838" y="1756218"/>
              <a:ext cx="2178384" cy="117851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3200" b="1" i="0" u="none" strike="noStrike" kern="0" cap="none" spc="0" normalizeH="0" baseline="0" noProof="0" dirty="0" smtClean="0">
                <a:ln>
                  <a:noFill/>
                </a:ln>
                <a:solidFill>
                  <a:srgbClr val="4D9EEC">
                    <a:lumMod val="50000"/>
                  </a:srgbClr>
                </a:solidFill>
                <a:effectLst>
                  <a:outerShdw dist="12700" dir="2700000" algn="tl" rotWithShape="0">
                    <a:prstClr val="white"/>
                  </a:outerShdw>
                </a:effectLst>
                <a:uLnTx/>
                <a:uFillTx/>
                <a:latin typeface="Agency FB" panose="020B0503020202020204" pitchFamily="34" charset="0"/>
                <a:ea typeface="+mn-ea"/>
              </a:endParaRPr>
            </a:p>
          </p:txBody>
        </p:sp>
        <p:sp>
          <p:nvSpPr>
            <p:cNvPr id="485" name="Metin kutusu 484"/>
            <p:cNvSpPr txBox="1"/>
            <p:nvPr/>
          </p:nvSpPr>
          <p:spPr>
            <a:xfrm>
              <a:off x="5724129" y="2241774"/>
              <a:ext cx="2883931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tr-TR" b="1" dirty="0" smtClean="0">
                  <a:latin typeface="Futura Bk BT" panose="020B0502020204020303" pitchFamily="34" charset="0"/>
                </a:rPr>
                <a:t>30.000 TL’ye kadar Destek</a:t>
              </a:r>
              <a:endParaRPr lang="tr-TR" b="1" dirty="0">
                <a:latin typeface="Futura Bk BT" panose="020B05020202040203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10329026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şlık 1"/>
          <p:cNvSpPr>
            <a:spLocks noGrp="1"/>
          </p:cNvSpPr>
          <p:nvPr>
            <p:ph type="title"/>
          </p:nvPr>
        </p:nvSpPr>
        <p:spPr>
          <a:xfrm>
            <a:off x="35496" y="0"/>
            <a:ext cx="7776864" cy="706090"/>
          </a:xfrm>
        </p:spPr>
        <p:txBody>
          <a:bodyPr>
            <a:noAutofit/>
          </a:bodyPr>
          <a:lstStyle/>
          <a:p>
            <a:r>
              <a:rPr lang="tr-TR" sz="2400" dirty="0"/>
              <a:t>U2020 Koordinatörlüğü Destekleme  Programı – </a:t>
            </a:r>
            <a:r>
              <a:rPr lang="tr-TR" sz="2400" dirty="0" smtClean="0"/>
              <a:t>4 </a:t>
            </a:r>
            <a:endParaRPr lang="tr-TR" sz="2400" dirty="0"/>
          </a:p>
        </p:txBody>
      </p:sp>
      <p:sp>
        <p:nvSpPr>
          <p:cNvPr id="4" name="Slayt Numarası Yer Tutucusu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41D7ED6A-D549-40C0-9D8C-C55F5275B6CF}" type="slidenum">
              <a:rPr lang="en-US" altLang="tr-TR" smtClean="0"/>
              <a:pPr>
                <a:defRPr/>
              </a:pPr>
              <a:t>12</a:t>
            </a:fld>
            <a:endParaRPr lang="en-US" altLang="tr-TR"/>
          </a:p>
        </p:txBody>
      </p:sp>
      <p:grpSp>
        <p:nvGrpSpPr>
          <p:cNvPr id="70" name="Group 61"/>
          <p:cNvGrpSpPr/>
          <p:nvPr/>
        </p:nvGrpSpPr>
        <p:grpSpPr>
          <a:xfrm>
            <a:off x="0" y="2959101"/>
            <a:ext cx="2911064" cy="3522660"/>
            <a:chOff x="0" y="4270374"/>
            <a:chExt cx="1352550" cy="1636713"/>
          </a:xfrm>
        </p:grpSpPr>
        <p:sp>
          <p:nvSpPr>
            <p:cNvPr id="71" name="Rectangle 1"/>
            <p:cNvSpPr/>
            <p:nvPr/>
          </p:nvSpPr>
          <p:spPr>
            <a:xfrm>
              <a:off x="0" y="4270374"/>
              <a:ext cx="1098550" cy="1635125"/>
            </a:xfrm>
            <a:custGeom>
              <a:avLst/>
              <a:gdLst>
                <a:gd name="connsiteX0" fmla="*/ 0 w 1098550"/>
                <a:gd name="connsiteY0" fmla="*/ 0 h 1631950"/>
                <a:gd name="connsiteX1" fmla="*/ 1098550 w 1098550"/>
                <a:gd name="connsiteY1" fmla="*/ 0 h 1631950"/>
                <a:gd name="connsiteX2" fmla="*/ 1098550 w 1098550"/>
                <a:gd name="connsiteY2" fmla="*/ 1631950 h 1631950"/>
                <a:gd name="connsiteX3" fmla="*/ 0 w 1098550"/>
                <a:gd name="connsiteY3" fmla="*/ 1631950 h 1631950"/>
                <a:gd name="connsiteX4" fmla="*/ 0 w 1098550"/>
                <a:gd name="connsiteY4" fmla="*/ 0 h 1631950"/>
                <a:gd name="connsiteX0" fmla="*/ 0 w 1098550"/>
                <a:gd name="connsiteY0" fmla="*/ 3175 h 1635125"/>
                <a:gd name="connsiteX1" fmla="*/ 781050 w 1098550"/>
                <a:gd name="connsiteY1" fmla="*/ 0 h 1635125"/>
                <a:gd name="connsiteX2" fmla="*/ 1098550 w 1098550"/>
                <a:gd name="connsiteY2" fmla="*/ 3175 h 1635125"/>
                <a:gd name="connsiteX3" fmla="*/ 1098550 w 1098550"/>
                <a:gd name="connsiteY3" fmla="*/ 1635125 h 1635125"/>
                <a:gd name="connsiteX4" fmla="*/ 0 w 1098550"/>
                <a:gd name="connsiteY4" fmla="*/ 1635125 h 1635125"/>
                <a:gd name="connsiteX5" fmla="*/ 0 w 1098550"/>
                <a:gd name="connsiteY5" fmla="*/ 3175 h 1635125"/>
                <a:gd name="connsiteX0" fmla="*/ 0 w 1098550"/>
                <a:gd name="connsiteY0" fmla="*/ 3175 h 1635125"/>
                <a:gd name="connsiteX1" fmla="*/ 781050 w 1098550"/>
                <a:gd name="connsiteY1" fmla="*/ 0 h 1635125"/>
                <a:gd name="connsiteX2" fmla="*/ 1098550 w 1098550"/>
                <a:gd name="connsiteY2" fmla="*/ 3175 h 1635125"/>
                <a:gd name="connsiteX3" fmla="*/ 1098550 w 1098550"/>
                <a:gd name="connsiteY3" fmla="*/ 1635125 h 1635125"/>
                <a:gd name="connsiteX4" fmla="*/ 0 w 1098550"/>
                <a:gd name="connsiteY4" fmla="*/ 1635125 h 1635125"/>
                <a:gd name="connsiteX5" fmla="*/ 0 w 1098550"/>
                <a:gd name="connsiteY5" fmla="*/ 1063626 h 1635125"/>
                <a:gd name="connsiteX6" fmla="*/ 0 w 1098550"/>
                <a:gd name="connsiteY6" fmla="*/ 3175 h 1635125"/>
                <a:gd name="connsiteX0" fmla="*/ 0 w 1098550"/>
                <a:gd name="connsiteY0" fmla="*/ 3175 h 1635125"/>
                <a:gd name="connsiteX1" fmla="*/ 781050 w 1098550"/>
                <a:gd name="connsiteY1" fmla="*/ 0 h 1635125"/>
                <a:gd name="connsiteX2" fmla="*/ 1098550 w 1098550"/>
                <a:gd name="connsiteY2" fmla="*/ 3175 h 1635125"/>
                <a:gd name="connsiteX3" fmla="*/ 1098550 w 1098550"/>
                <a:gd name="connsiteY3" fmla="*/ 1352551 h 1635125"/>
                <a:gd name="connsiteX4" fmla="*/ 1098550 w 1098550"/>
                <a:gd name="connsiteY4" fmla="*/ 1635125 h 1635125"/>
                <a:gd name="connsiteX5" fmla="*/ 0 w 1098550"/>
                <a:gd name="connsiteY5" fmla="*/ 1635125 h 1635125"/>
                <a:gd name="connsiteX6" fmla="*/ 0 w 1098550"/>
                <a:gd name="connsiteY6" fmla="*/ 1063626 h 1635125"/>
                <a:gd name="connsiteX7" fmla="*/ 0 w 1098550"/>
                <a:gd name="connsiteY7" fmla="*/ 3175 h 1635125"/>
                <a:gd name="connsiteX0" fmla="*/ 0 w 1098550"/>
                <a:gd name="connsiteY0" fmla="*/ 3175 h 1635125"/>
                <a:gd name="connsiteX1" fmla="*/ 781050 w 1098550"/>
                <a:gd name="connsiteY1" fmla="*/ 0 h 1635125"/>
                <a:gd name="connsiteX2" fmla="*/ 1098550 w 1098550"/>
                <a:gd name="connsiteY2" fmla="*/ 1352551 h 1635125"/>
                <a:gd name="connsiteX3" fmla="*/ 1098550 w 1098550"/>
                <a:gd name="connsiteY3" fmla="*/ 1635125 h 1635125"/>
                <a:gd name="connsiteX4" fmla="*/ 0 w 1098550"/>
                <a:gd name="connsiteY4" fmla="*/ 1635125 h 1635125"/>
                <a:gd name="connsiteX5" fmla="*/ 0 w 1098550"/>
                <a:gd name="connsiteY5" fmla="*/ 1063626 h 1635125"/>
                <a:gd name="connsiteX6" fmla="*/ 0 w 1098550"/>
                <a:gd name="connsiteY6" fmla="*/ 3175 h 1635125"/>
                <a:gd name="connsiteX0" fmla="*/ 0 w 1098550"/>
                <a:gd name="connsiteY0" fmla="*/ 1063626 h 1635125"/>
                <a:gd name="connsiteX1" fmla="*/ 781050 w 1098550"/>
                <a:gd name="connsiteY1" fmla="*/ 0 h 1635125"/>
                <a:gd name="connsiteX2" fmla="*/ 1098550 w 1098550"/>
                <a:gd name="connsiteY2" fmla="*/ 1352551 h 1635125"/>
                <a:gd name="connsiteX3" fmla="*/ 1098550 w 1098550"/>
                <a:gd name="connsiteY3" fmla="*/ 1635125 h 1635125"/>
                <a:gd name="connsiteX4" fmla="*/ 0 w 1098550"/>
                <a:gd name="connsiteY4" fmla="*/ 1635125 h 1635125"/>
                <a:gd name="connsiteX5" fmla="*/ 0 w 1098550"/>
                <a:gd name="connsiteY5" fmla="*/ 1063626 h 1635125"/>
                <a:gd name="connsiteX0" fmla="*/ 0 w 1098550"/>
                <a:gd name="connsiteY0" fmla="*/ 1063626 h 1635125"/>
                <a:gd name="connsiteX1" fmla="*/ 436654 w 1098550"/>
                <a:gd name="connsiteY1" fmla="*/ 466157 h 1635125"/>
                <a:gd name="connsiteX2" fmla="*/ 781050 w 1098550"/>
                <a:gd name="connsiteY2" fmla="*/ 0 h 1635125"/>
                <a:gd name="connsiteX3" fmla="*/ 1098550 w 1098550"/>
                <a:gd name="connsiteY3" fmla="*/ 1352551 h 1635125"/>
                <a:gd name="connsiteX4" fmla="*/ 1098550 w 1098550"/>
                <a:gd name="connsiteY4" fmla="*/ 1635125 h 1635125"/>
                <a:gd name="connsiteX5" fmla="*/ 0 w 1098550"/>
                <a:gd name="connsiteY5" fmla="*/ 1635125 h 1635125"/>
                <a:gd name="connsiteX6" fmla="*/ 0 w 1098550"/>
                <a:gd name="connsiteY6" fmla="*/ 1063626 h 16351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098550" h="1635125">
                  <a:moveTo>
                    <a:pt x="0" y="1063626"/>
                  </a:moveTo>
                  <a:lnTo>
                    <a:pt x="436654" y="466157"/>
                  </a:lnTo>
                  <a:lnTo>
                    <a:pt x="781050" y="0"/>
                  </a:lnTo>
                  <a:lnTo>
                    <a:pt x="1098550" y="1352551"/>
                  </a:lnTo>
                  <a:lnTo>
                    <a:pt x="1098550" y="1635125"/>
                  </a:lnTo>
                  <a:lnTo>
                    <a:pt x="0" y="1635125"/>
                  </a:lnTo>
                  <a:lnTo>
                    <a:pt x="0" y="1063626"/>
                  </a:lnTo>
                  <a:close/>
                </a:path>
              </a:pathLst>
            </a:custGeom>
            <a:solidFill>
              <a:srgbClr val="818EAE">
                <a:lumMod val="60000"/>
                <a:lumOff val="4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2" name="Rectangle 3"/>
            <p:cNvSpPr/>
            <p:nvPr/>
          </p:nvSpPr>
          <p:spPr>
            <a:xfrm>
              <a:off x="780905" y="4270374"/>
              <a:ext cx="571645" cy="1636713"/>
            </a:xfrm>
            <a:custGeom>
              <a:avLst/>
              <a:gdLst>
                <a:gd name="connsiteX0" fmla="*/ 0 w 568325"/>
                <a:gd name="connsiteY0" fmla="*/ 0 h 1327150"/>
                <a:gd name="connsiteX1" fmla="*/ 568325 w 568325"/>
                <a:gd name="connsiteY1" fmla="*/ 0 h 1327150"/>
                <a:gd name="connsiteX2" fmla="*/ 568325 w 568325"/>
                <a:gd name="connsiteY2" fmla="*/ 1327150 h 1327150"/>
                <a:gd name="connsiteX3" fmla="*/ 0 w 568325"/>
                <a:gd name="connsiteY3" fmla="*/ 1327150 h 1327150"/>
                <a:gd name="connsiteX4" fmla="*/ 0 w 568325"/>
                <a:gd name="connsiteY4" fmla="*/ 0 h 1327150"/>
                <a:gd name="connsiteX0" fmla="*/ 0 w 568325"/>
                <a:gd name="connsiteY0" fmla="*/ 0 h 1327150"/>
                <a:gd name="connsiteX1" fmla="*/ 568325 w 568325"/>
                <a:gd name="connsiteY1" fmla="*/ 0 h 1327150"/>
                <a:gd name="connsiteX2" fmla="*/ 566738 w 568325"/>
                <a:gd name="connsiteY2" fmla="*/ 648494 h 1327150"/>
                <a:gd name="connsiteX3" fmla="*/ 568325 w 568325"/>
                <a:gd name="connsiteY3" fmla="*/ 1327150 h 1327150"/>
                <a:gd name="connsiteX4" fmla="*/ 0 w 568325"/>
                <a:gd name="connsiteY4" fmla="*/ 1327150 h 1327150"/>
                <a:gd name="connsiteX5" fmla="*/ 0 w 568325"/>
                <a:gd name="connsiteY5" fmla="*/ 0 h 1327150"/>
                <a:gd name="connsiteX0" fmla="*/ 0 w 568325"/>
                <a:gd name="connsiteY0" fmla="*/ 0 h 1327150"/>
                <a:gd name="connsiteX1" fmla="*/ 568325 w 568325"/>
                <a:gd name="connsiteY1" fmla="*/ 0 h 1327150"/>
                <a:gd name="connsiteX2" fmla="*/ 566738 w 568325"/>
                <a:gd name="connsiteY2" fmla="*/ 648494 h 1327150"/>
                <a:gd name="connsiteX3" fmla="*/ 568325 w 568325"/>
                <a:gd name="connsiteY3" fmla="*/ 1327150 h 1327150"/>
                <a:gd name="connsiteX4" fmla="*/ 307181 w 568325"/>
                <a:gd name="connsiteY4" fmla="*/ 1325219 h 1327150"/>
                <a:gd name="connsiteX5" fmla="*/ 0 w 568325"/>
                <a:gd name="connsiteY5" fmla="*/ 1327150 h 1327150"/>
                <a:gd name="connsiteX6" fmla="*/ 0 w 568325"/>
                <a:gd name="connsiteY6" fmla="*/ 0 h 1327150"/>
                <a:gd name="connsiteX0" fmla="*/ 0 w 568325"/>
                <a:gd name="connsiteY0" fmla="*/ 0 h 1327150"/>
                <a:gd name="connsiteX1" fmla="*/ 566738 w 568325"/>
                <a:gd name="connsiteY1" fmla="*/ 648494 h 1327150"/>
                <a:gd name="connsiteX2" fmla="*/ 568325 w 568325"/>
                <a:gd name="connsiteY2" fmla="*/ 1327150 h 1327150"/>
                <a:gd name="connsiteX3" fmla="*/ 307181 w 568325"/>
                <a:gd name="connsiteY3" fmla="*/ 1325219 h 1327150"/>
                <a:gd name="connsiteX4" fmla="*/ 0 w 568325"/>
                <a:gd name="connsiteY4" fmla="*/ 1327150 h 1327150"/>
                <a:gd name="connsiteX5" fmla="*/ 0 w 568325"/>
                <a:gd name="connsiteY5" fmla="*/ 0 h 1327150"/>
                <a:gd name="connsiteX0" fmla="*/ 0 w 568325"/>
                <a:gd name="connsiteY0" fmla="*/ 0 h 1327150"/>
                <a:gd name="connsiteX1" fmla="*/ 566738 w 568325"/>
                <a:gd name="connsiteY1" fmla="*/ 648494 h 1327150"/>
                <a:gd name="connsiteX2" fmla="*/ 568325 w 568325"/>
                <a:gd name="connsiteY2" fmla="*/ 1327150 h 1327150"/>
                <a:gd name="connsiteX3" fmla="*/ 307181 w 568325"/>
                <a:gd name="connsiteY3" fmla="*/ 1325219 h 1327150"/>
                <a:gd name="connsiteX4" fmla="*/ 0 w 568325"/>
                <a:gd name="connsiteY4" fmla="*/ 0 h 1327150"/>
                <a:gd name="connsiteX0" fmla="*/ 0 w 568325"/>
                <a:gd name="connsiteY0" fmla="*/ 0 h 1327150"/>
                <a:gd name="connsiteX1" fmla="*/ 400051 w 568325"/>
                <a:gd name="connsiteY1" fmla="*/ 561605 h 1327150"/>
                <a:gd name="connsiteX2" fmla="*/ 568325 w 568325"/>
                <a:gd name="connsiteY2" fmla="*/ 1327150 h 1327150"/>
                <a:gd name="connsiteX3" fmla="*/ 307181 w 568325"/>
                <a:gd name="connsiteY3" fmla="*/ 1325219 h 1327150"/>
                <a:gd name="connsiteX4" fmla="*/ 0 w 568325"/>
                <a:gd name="connsiteY4" fmla="*/ 0 h 1327150"/>
                <a:gd name="connsiteX0" fmla="*/ 0 w 572751"/>
                <a:gd name="connsiteY0" fmla="*/ 0 h 1325356"/>
                <a:gd name="connsiteX1" fmla="*/ 404477 w 572751"/>
                <a:gd name="connsiteY1" fmla="*/ 559811 h 1325356"/>
                <a:gd name="connsiteX2" fmla="*/ 572751 w 572751"/>
                <a:gd name="connsiteY2" fmla="*/ 1325356 h 1325356"/>
                <a:gd name="connsiteX3" fmla="*/ 311607 w 572751"/>
                <a:gd name="connsiteY3" fmla="*/ 1323425 h 1325356"/>
                <a:gd name="connsiteX4" fmla="*/ 0 w 572751"/>
                <a:gd name="connsiteY4" fmla="*/ 0 h 1325356"/>
                <a:gd name="connsiteX0" fmla="*/ 0 w 571645"/>
                <a:gd name="connsiteY0" fmla="*/ 0 h 1327150"/>
                <a:gd name="connsiteX1" fmla="*/ 403371 w 571645"/>
                <a:gd name="connsiteY1" fmla="*/ 561605 h 1327150"/>
                <a:gd name="connsiteX2" fmla="*/ 571645 w 571645"/>
                <a:gd name="connsiteY2" fmla="*/ 1327150 h 1327150"/>
                <a:gd name="connsiteX3" fmla="*/ 310501 w 571645"/>
                <a:gd name="connsiteY3" fmla="*/ 1325219 h 1327150"/>
                <a:gd name="connsiteX4" fmla="*/ 0 w 571645"/>
                <a:gd name="connsiteY4" fmla="*/ 0 h 13271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571645" h="1327150">
                  <a:moveTo>
                    <a:pt x="0" y="0"/>
                  </a:moveTo>
                  <a:lnTo>
                    <a:pt x="403371" y="561605"/>
                  </a:lnTo>
                  <a:lnTo>
                    <a:pt x="571645" y="1327150"/>
                  </a:lnTo>
                  <a:lnTo>
                    <a:pt x="310501" y="1325219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818EAE">
                <a:lumMod val="20000"/>
                <a:lumOff val="8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73" name="Rectangle 27"/>
          <p:cNvSpPr/>
          <p:nvPr/>
        </p:nvSpPr>
        <p:spPr>
          <a:xfrm rot="14409453" flipH="1" flipV="1">
            <a:off x="1952205" y="4011965"/>
            <a:ext cx="222289" cy="231412"/>
          </a:xfrm>
          <a:custGeom>
            <a:avLst/>
            <a:gdLst>
              <a:gd name="connsiteX0" fmla="*/ 0 w 578644"/>
              <a:gd name="connsiteY0" fmla="*/ 0 h 588169"/>
              <a:gd name="connsiteX1" fmla="*/ 578644 w 578644"/>
              <a:gd name="connsiteY1" fmla="*/ 0 h 588169"/>
              <a:gd name="connsiteX2" fmla="*/ 578644 w 578644"/>
              <a:gd name="connsiteY2" fmla="*/ 588169 h 588169"/>
              <a:gd name="connsiteX3" fmla="*/ 0 w 578644"/>
              <a:gd name="connsiteY3" fmla="*/ 588169 h 588169"/>
              <a:gd name="connsiteX4" fmla="*/ 0 w 578644"/>
              <a:gd name="connsiteY4" fmla="*/ 0 h 588169"/>
              <a:gd name="connsiteX0" fmla="*/ 0 w 578644"/>
              <a:gd name="connsiteY0" fmla="*/ 0 h 588169"/>
              <a:gd name="connsiteX1" fmla="*/ 578644 w 578644"/>
              <a:gd name="connsiteY1" fmla="*/ 0 h 588169"/>
              <a:gd name="connsiteX2" fmla="*/ 578644 w 578644"/>
              <a:gd name="connsiteY2" fmla="*/ 588169 h 588169"/>
              <a:gd name="connsiteX3" fmla="*/ 16669 w 578644"/>
              <a:gd name="connsiteY3" fmla="*/ 519112 h 588169"/>
              <a:gd name="connsiteX4" fmla="*/ 0 w 578644"/>
              <a:gd name="connsiteY4" fmla="*/ 0 h 588169"/>
              <a:gd name="connsiteX0" fmla="*/ 0 w 578644"/>
              <a:gd name="connsiteY0" fmla="*/ 0 h 588169"/>
              <a:gd name="connsiteX1" fmla="*/ 578644 w 578644"/>
              <a:gd name="connsiteY1" fmla="*/ 0 h 588169"/>
              <a:gd name="connsiteX2" fmla="*/ 578644 w 578644"/>
              <a:gd name="connsiteY2" fmla="*/ 588169 h 588169"/>
              <a:gd name="connsiteX3" fmla="*/ 90488 w 578644"/>
              <a:gd name="connsiteY3" fmla="*/ 521494 h 588169"/>
              <a:gd name="connsiteX4" fmla="*/ 16669 w 578644"/>
              <a:gd name="connsiteY4" fmla="*/ 519112 h 588169"/>
              <a:gd name="connsiteX5" fmla="*/ 0 w 578644"/>
              <a:gd name="connsiteY5" fmla="*/ 0 h 588169"/>
              <a:gd name="connsiteX0" fmla="*/ 0 w 578644"/>
              <a:gd name="connsiteY0" fmla="*/ 0 h 588169"/>
              <a:gd name="connsiteX1" fmla="*/ 578644 w 578644"/>
              <a:gd name="connsiteY1" fmla="*/ 0 h 588169"/>
              <a:gd name="connsiteX2" fmla="*/ 578644 w 578644"/>
              <a:gd name="connsiteY2" fmla="*/ 588169 h 588169"/>
              <a:gd name="connsiteX3" fmla="*/ 307182 w 578644"/>
              <a:gd name="connsiteY3" fmla="*/ 547688 h 588169"/>
              <a:gd name="connsiteX4" fmla="*/ 90488 w 578644"/>
              <a:gd name="connsiteY4" fmla="*/ 521494 h 588169"/>
              <a:gd name="connsiteX5" fmla="*/ 16669 w 578644"/>
              <a:gd name="connsiteY5" fmla="*/ 519112 h 588169"/>
              <a:gd name="connsiteX6" fmla="*/ 0 w 578644"/>
              <a:gd name="connsiteY6" fmla="*/ 0 h 588169"/>
              <a:gd name="connsiteX0" fmla="*/ 0 w 578644"/>
              <a:gd name="connsiteY0" fmla="*/ 0 h 588169"/>
              <a:gd name="connsiteX1" fmla="*/ 578644 w 578644"/>
              <a:gd name="connsiteY1" fmla="*/ 0 h 588169"/>
              <a:gd name="connsiteX2" fmla="*/ 578644 w 578644"/>
              <a:gd name="connsiteY2" fmla="*/ 588169 h 588169"/>
              <a:gd name="connsiteX3" fmla="*/ 173832 w 578644"/>
              <a:gd name="connsiteY3" fmla="*/ 583407 h 588169"/>
              <a:gd name="connsiteX4" fmla="*/ 90488 w 578644"/>
              <a:gd name="connsiteY4" fmla="*/ 521494 h 588169"/>
              <a:gd name="connsiteX5" fmla="*/ 16669 w 578644"/>
              <a:gd name="connsiteY5" fmla="*/ 519112 h 588169"/>
              <a:gd name="connsiteX6" fmla="*/ 0 w 578644"/>
              <a:gd name="connsiteY6" fmla="*/ 0 h 588169"/>
              <a:gd name="connsiteX0" fmla="*/ 0 w 578644"/>
              <a:gd name="connsiteY0" fmla="*/ 0 h 588169"/>
              <a:gd name="connsiteX1" fmla="*/ 578644 w 578644"/>
              <a:gd name="connsiteY1" fmla="*/ 0 h 588169"/>
              <a:gd name="connsiteX2" fmla="*/ 578644 w 578644"/>
              <a:gd name="connsiteY2" fmla="*/ 588169 h 588169"/>
              <a:gd name="connsiteX3" fmla="*/ 173832 w 578644"/>
              <a:gd name="connsiteY3" fmla="*/ 583407 h 588169"/>
              <a:gd name="connsiteX4" fmla="*/ 90488 w 578644"/>
              <a:gd name="connsiteY4" fmla="*/ 521494 h 588169"/>
              <a:gd name="connsiteX5" fmla="*/ 16669 w 578644"/>
              <a:gd name="connsiteY5" fmla="*/ 519112 h 588169"/>
              <a:gd name="connsiteX6" fmla="*/ 0 w 578644"/>
              <a:gd name="connsiteY6" fmla="*/ 0 h 588169"/>
              <a:gd name="connsiteX0" fmla="*/ 0 w 578644"/>
              <a:gd name="connsiteY0" fmla="*/ 0 h 588169"/>
              <a:gd name="connsiteX1" fmla="*/ 578644 w 578644"/>
              <a:gd name="connsiteY1" fmla="*/ 0 h 588169"/>
              <a:gd name="connsiteX2" fmla="*/ 578644 w 578644"/>
              <a:gd name="connsiteY2" fmla="*/ 588169 h 588169"/>
              <a:gd name="connsiteX3" fmla="*/ 342900 w 578644"/>
              <a:gd name="connsiteY3" fmla="*/ 588169 h 588169"/>
              <a:gd name="connsiteX4" fmla="*/ 173832 w 578644"/>
              <a:gd name="connsiteY4" fmla="*/ 583407 h 588169"/>
              <a:gd name="connsiteX5" fmla="*/ 90488 w 578644"/>
              <a:gd name="connsiteY5" fmla="*/ 521494 h 588169"/>
              <a:gd name="connsiteX6" fmla="*/ 16669 w 578644"/>
              <a:gd name="connsiteY6" fmla="*/ 519112 h 588169"/>
              <a:gd name="connsiteX7" fmla="*/ 0 w 578644"/>
              <a:gd name="connsiteY7" fmla="*/ 0 h 588169"/>
              <a:gd name="connsiteX0" fmla="*/ 0 w 578644"/>
              <a:gd name="connsiteY0" fmla="*/ 0 h 588169"/>
              <a:gd name="connsiteX1" fmla="*/ 578644 w 578644"/>
              <a:gd name="connsiteY1" fmla="*/ 0 h 588169"/>
              <a:gd name="connsiteX2" fmla="*/ 578644 w 578644"/>
              <a:gd name="connsiteY2" fmla="*/ 588169 h 588169"/>
              <a:gd name="connsiteX3" fmla="*/ 292894 w 578644"/>
              <a:gd name="connsiteY3" fmla="*/ 416719 h 588169"/>
              <a:gd name="connsiteX4" fmla="*/ 173832 w 578644"/>
              <a:gd name="connsiteY4" fmla="*/ 583407 h 588169"/>
              <a:gd name="connsiteX5" fmla="*/ 90488 w 578644"/>
              <a:gd name="connsiteY5" fmla="*/ 521494 h 588169"/>
              <a:gd name="connsiteX6" fmla="*/ 16669 w 578644"/>
              <a:gd name="connsiteY6" fmla="*/ 519112 h 588169"/>
              <a:gd name="connsiteX7" fmla="*/ 0 w 578644"/>
              <a:gd name="connsiteY7" fmla="*/ 0 h 588169"/>
              <a:gd name="connsiteX0" fmla="*/ 0 w 578644"/>
              <a:gd name="connsiteY0" fmla="*/ 0 h 592932"/>
              <a:gd name="connsiteX1" fmla="*/ 578644 w 578644"/>
              <a:gd name="connsiteY1" fmla="*/ 0 h 592932"/>
              <a:gd name="connsiteX2" fmla="*/ 578644 w 578644"/>
              <a:gd name="connsiteY2" fmla="*/ 588169 h 592932"/>
              <a:gd name="connsiteX3" fmla="*/ 292894 w 578644"/>
              <a:gd name="connsiteY3" fmla="*/ 416719 h 592932"/>
              <a:gd name="connsiteX4" fmla="*/ 192882 w 578644"/>
              <a:gd name="connsiteY4" fmla="*/ 592932 h 592932"/>
              <a:gd name="connsiteX5" fmla="*/ 90488 w 578644"/>
              <a:gd name="connsiteY5" fmla="*/ 521494 h 592932"/>
              <a:gd name="connsiteX6" fmla="*/ 16669 w 578644"/>
              <a:gd name="connsiteY6" fmla="*/ 519112 h 592932"/>
              <a:gd name="connsiteX7" fmla="*/ 0 w 578644"/>
              <a:gd name="connsiteY7" fmla="*/ 0 h 592932"/>
              <a:gd name="connsiteX0" fmla="*/ 0 w 578644"/>
              <a:gd name="connsiteY0" fmla="*/ 0 h 592932"/>
              <a:gd name="connsiteX1" fmla="*/ 578644 w 578644"/>
              <a:gd name="connsiteY1" fmla="*/ 0 h 592932"/>
              <a:gd name="connsiteX2" fmla="*/ 576263 w 578644"/>
              <a:gd name="connsiteY2" fmla="*/ 219074 h 592932"/>
              <a:gd name="connsiteX3" fmla="*/ 578644 w 578644"/>
              <a:gd name="connsiteY3" fmla="*/ 588169 h 592932"/>
              <a:gd name="connsiteX4" fmla="*/ 292894 w 578644"/>
              <a:gd name="connsiteY4" fmla="*/ 416719 h 592932"/>
              <a:gd name="connsiteX5" fmla="*/ 192882 w 578644"/>
              <a:gd name="connsiteY5" fmla="*/ 592932 h 592932"/>
              <a:gd name="connsiteX6" fmla="*/ 90488 w 578644"/>
              <a:gd name="connsiteY6" fmla="*/ 521494 h 592932"/>
              <a:gd name="connsiteX7" fmla="*/ 16669 w 578644"/>
              <a:gd name="connsiteY7" fmla="*/ 519112 h 592932"/>
              <a:gd name="connsiteX8" fmla="*/ 0 w 578644"/>
              <a:gd name="connsiteY8" fmla="*/ 0 h 592932"/>
              <a:gd name="connsiteX0" fmla="*/ 0 w 578644"/>
              <a:gd name="connsiteY0" fmla="*/ 0 h 592932"/>
              <a:gd name="connsiteX1" fmla="*/ 578644 w 578644"/>
              <a:gd name="connsiteY1" fmla="*/ 0 h 592932"/>
              <a:gd name="connsiteX2" fmla="*/ 576263 w 578644"/>
              <a:gd name="connsiteY2" fmla="*/ 219074 h 592932"/>
              <a:gd name="connsiteX3" fmla="*/ 292894 w 578644"/>
              <a:gd name="connsiteY3" fmla="*/ 416719 h 592932"/>
              <a:gd name="connsiteX4" fmla="*/ 192882 w 578644"/>
              <a:gd name="connsiteY4" fmla="*/ 592932 h 592932"/>
              <a:gd name="connsiteX5" fmla="*/ 90488 w 578644"/>
              <a:gd name="connsiteY5" fmla="*/ 521494 h 592932"/>
              <a:gd name="connsiteX6" fmla="*/ 16669 w 578644"/>
              <a:gd name="connsiteY6" fmla="*/ 519112 h 592932"/>
              <a:gd name="connsiteX7" fmla="*/ 0 w 578644"/>
              <a:gd name="connsiteY7" fmla="*/ 0 h 592932"/>
              <a:gd name="connsiteX0" fmla="*/ 0 w 578644"/>
              <a:gd name="connsiteY0" fmla="*/ 0 h 592932"/>
              <a:gd name="connsiteX1" fmla="*/ 578644 w 578644"/>
              <a:gd name="connsiteY1" fmla="*/ 0 h 592932"/>
              <a:gd name="connsiteX2" fmla="*/ 576263 w 578644"/>
              <a:gd name="connsiteY2" fmla="*/ 219074 h 592932"/>
              <a:gd name="connsiteX3" fmla="*/ 292894 w 578644"/>
              <a:gd name="connsiteY3" fmla="*/ 416719 h 592932"/>
              <a:gd name="connsiteX4" fmla="*/ 192882 w 578644"/>
              <a:gd name="connsiteY4" fmla="*/ 592932 h 592932"/>
              <a:gd name="connsiteX5" fmla="*/ 90488 w 578644"/>
              <a:gd name="connsiteY5" fmla="*/ 521494 h 592932"/>
              <a:gd name="connsiteX6" fmla="*/ 16669 w 578644"/>
              <a:gd name="connsiteY6" fmla="*/ 519112 h 592932"/>
              <a:gd name="connsiteX7" fmla="*/ 0 w 578644"/>
              <a:gd name="connsiteY7" fmla="*/ 0 h 592932"/>
              <a:gd name="connsiteX0" fmla="*/ 0 w 578644"/>
              <a:gd name="connsiteY0" fmla="*/ 0 h 592932"/>
              <a:gd name="connsiteX1" fmla="*/ 578644 w 578644"/>
              <a:gd name="connsiteY1" fmla="*/ 0 h 592932"/>
              <a:gd name="connsiteX2" fmla="*/ 576263 w 578644"/>
              <a:gd name="connsiteY2" fmla="*/ 219074 h 592932"/>
              <a:gd name="connsiteX3" fmla="*/ 292894 w 578644"/>
              <a:gd name="connsiteY3" fmla="*/ 416719 h 592932"/>
              <a:gd name="connsiteX4" fmla="*/ 192882 w 578644"/>
              <a:gd name="connsiteY4" fmla="*/ 592932 h 592932"/>
              <a:gd name="connsiteX5" fmla="*/ 90488 w 578644"/>
              <a:gd name="connsiteY5" fmla="*/ 521494 h 592932"/>
              <a:gd name="connsiteX6" fmla="*/ 16669 w 578644"/>
              <a:gd name="connsiteY6" fmla="*/ 519112 h 592932"/>
              <a:gd name="connsiteX7" fmla="*/ 4763 w 578644"/>
              <a:gd name="connsiteY7" fmla="*/ 290512 h 592932"/>
              <a:gd name="connsiteX8" fmla="*/ 0 w 578644"/>
              <a:gd name="connsiteY8" fmla="*/ 0 h 592932"/>
              <a:gd name="connsiteX0" fmla="*/ 0 w 578644"/>
              <a:gd name="connsiteY0" fmla="*/ 0 h 592932"/>
              <a:gd name="connsiteX1" fmla="*/ 578644 w 578644"/>
              <a:gd name="connsiteY1" fmla="*/ 0 h 592932"/>
              <a:gd name="connsiteX2" fmla="*/ 576263 w 578644"/>
              <a:gd name="connsiteY2" fmla="*/ 219074 h 592932"/>
              <a:gd name="connsiteX3" fmla="*/ 292894 w 578644"/>
              <a:gd name="connsiteY3" fmla="*/ 416719 h 592932"/>
              <a:gd name="connsiteX4" fmla="*/ 192882 w 578644"/>
              <a:gd name="connsiteY4" fmla="*/ 592932 h 592932"/>
              <a:gd name="connsiteX5" fmla="*/ 90488 w 578644"/>
              <a:gd name="connsiteY5" fmla="*/ 521494 h 592932"/>
              <a:gd name="connsiteX6" fmla="*/ 16669 w 578644"/>
              <a:gd name="connsiteY6" fmla="*/ 519112 h 592932"/>
              <a:gd name="connsiteX7" fmla="*/ 128588 w 578644"/>
              <a:gd name="connsiteY7" fmla="*/ 326230 h 592932"/>
              <a:gd name="connsiteX8" fmla="*/ 0 w 578644"/>
              <a:gd name="connsiteY8" fmla="*/ 0 h 592932"/>
              <a:gd name="connsiteX0" fmla="*/ 29143 w 607787"/>
              <a:gd name="connsiteY0" fmla="*/ 0 h 592932"/>
              <a:gd name="connsiteX1" fmla="*/ 607787 w 607787"/>
              <a:gd name="connsiteY1" fmla="*/ 0 h 592932"/>
              <a:gd name="connsiteX2" fmla="*/ 605406 w 607787"/>
              <a:gd name="connsiteY2" fmla="*/ 219074 h 592932"/>
              <a:gd name="connsiteX3" fmla="*/ 322037 w 607787"/>
              <a:gd name="connsiteY3" fmla="*/ 416719 h 592932"/>
              <a:gd name="connsiteX4" fmla="*/ 222025 w 607787"/>
              <a:gd name="connsiteY4" fmla="*/ 592932 h 592932"/>
              <a:gd name="connsiteX5" fmla="*/ 119631 w 607787"/>
              <a:gd name="connsiteY5" fmla="*/ 521494 h 592932"/>
              <a:gd name="connsiteX6" fmla="*/ 45812 w 607787"/>
              <a:gd name="connsiteY6" fmla="*/ 519112 h 592932"/>
              <a:gd name="connsiteX7" fmla="*/ 157731 w 607787"/>
              <a:gd name="connsiteY7" fmla="*/ 326230 h 592932"/>
              <a:gd name="connsiteX8" fmla="*/ 93437 w 607787"/>
              <a:gd name="connsiteY8" fmla="*/ 164306 h 592932"/>
              <a:gd name="connsiteX9" fmla="*/ 29143 w 607787"/>
              <a:gd name="connsiteY9" fmla="*/ 0 h 592932"/>
              <a:gd name="connsiteX0" fmla="*/ 20678 w 599322"/>
              <a:gd name="connsiteY0" fmla="*/ 0 h 592932"/>
              <a:gd name="connsiteX1" fmla="*/ 599322 w 599322"/>
              <a:gd name="connsiteY1" fmla="*/ 0 h 592932"/>
              <a:gd name="connsiteX2" fmla="*/ 596941 w 599322"/>
              <a:gd name="connsiteY2" fmla="*/ 219074 h 592932"/>
              <a:gd name="connsiteX3" fmla="*/ 313572 w 599322"/>
              <a:gd name="connsiteY3" fmla="*/ 416719 h 592932"/>
              <a:gd name="connsiteX4" fmla="*/ 213560 w 599322"/>
              <a:gd name="connsiteY4" fmla="*/ 592932 h 592932"/>
              <a:gd name="connsiteX5" fmla="*/ 111166 w 599322"/>
              <a:gd name="connsiteY5" fmla="*/ 521494 h 592932"/>
              <a:gd name="connsiteX6" fmla="*/ 37347 w 599322"/>
              <a:gd name="connsiteY6" fmla="*/ 519112 h 592932"/>
              <a:gd name="connsiteX7" fmla="*/ 149266 w 599322"/>
              <a:gd name="connsiteY7" fmla="*/ 326230 h 592932"/>
              <a:gd name="connsiteX8" fmla="*/ 163553 w 599322"/>
              <a:gd name="connsiteY8" fmla="*/ 135731 h 592932"/>
              <a:gd name="connsiteX9" fmla="*/ 20678 w 599322"/>
              <a:gd name="connsiteY9" fmla="*/ 0 h 592932"/>
              <a:gd name="connsiteX0" fmla="*/ 17971 w 596615"/>
              <a:gd name="connsiteY0" fmla="*/ 0 h 592932"/>
              <a:gd name="connsiteX1" fmla="*/ 596615 w 596615"/>
              <a:gd name="connsiteY1" fmla="*/ 0 h 592932"/>
              <a:gd name="connsiteX2" fmla="*/ 594234 w 596615"/>
              <a:gd name="connsiteY2" fmla="*/ 219074 h 592932"/>
              <a:gd name="connsiteX3" fmla="*/ 310865 w 596615"/>
              <a:gd name="connsiteY3" fmla="*/ 416719 h 592932"/>
              <a:gd name="connsiteX4" fmla="*/ 210853 w 596615"/>
              <a:gd name="connsiteY4" fmla="*/ 592932 h 592932"/>
              <a:gd name="connsiteX5" fmla="*/ 108459 w 596615"/>
              <a:gd name="connsiteY5" fmla="*/ 521494 h 592932"/>
              <a:gd name="connsiteX6" fmla="*/ 34640 w 596615"/>
              <a:gd name="connsiteY6" fmla="*/ 519112 h 592932"/>
              <a:gd name="connsiteX7" fmla="*/ 146559 w 596615"/>
              <a:gd name="connsiteY7" fmla="*/ 326230 h 592932"/>
              <a:gd name="connsiteX8" fmla="*/ 201328 w 596615"/>
              <a:gd name="connsiteY8" fmla="*/ 128587 h 592932"/>
              <a:gd name="connsiteX9" fmla="*/ 17971 w 596615"/>
              <a:gd name="connsiteY9" fmla="*/ 0 h 592932"/>
              <a:gd name="connsiteX0" fmla="*/ 17971 w 596615"/>
              <a:gd name="connsiteY0" fmla="*/ 0 h 592932"/>
              <a:gd name="connsiteX1" fmla="*/ 596615 w 596615"/>
              <a:gd name="connsiteY1" fmla="*/ 0 h 592932"/>
              <a:gd name="connsiteX2" fmla="*/ 594234 w 596615"/>
              <a:gd name="connsiteY2" fmla="*/ 219074 h 592932"/>
              <a:gd name="connsiteX3" fmla="*/ 310865 w 596615"/>
              <a:gd name="connsiteY3" fmla="*/ 416719 h 592932"/>
              <a:gd name="connsiteX4" fmla="*/ 210853 w 596615"/>
              <a:gd name="connsiteY4" fmla="*/ 592932 h 592932"/>
              <a:gd name="connsiteX5" fmla="*/ 108459 w 596615"/>
              <a:gd name="connsiteY5" fmla="*/ 521494 h 592932"/>
              <a:gd name="connsiteX6" fmla="*/ 34640 w 596615"/>
              <a:gd name="connsiteY6" fmla="*/ 519112 h 592932"/>
              <a:gd name="connsiteX7" fmla="*/ 146559 w 596615"/>
              <a:gd name="connsiteY7" fmla="*/ 326230 h 592932"/>
              <a:gd name="connsiteX8" fmla="*/ 201328 w 596615"/>
              <a:gd name="connsiteY8" fmla="*/ 128587 h 592932"/>
              <a:gd name="connsiteX9" fmla="*/ 17971 w 596615"/>
              <a:gd name="connsiteY9" fmla="*/ 0 h 592932"/>
              <a:gd name="connsiteX0" fmla="*/ 17971 w 596615"/>
              <a:gd name="connsiteY0" fmla="*/ 2382 h 595314"/>
              <a:gd name="connsiteX1" fmla="*/ 229903 w 596615"/>
              <a:gd name="connsiteY1" fmla="*/ 0 h 595314"/>
              <a:gd name="connsiteX2" fmla="*/ 596615 w 596615"/>
              <a:gd name="connsiteY2" fmla="*/ 2382 h 595314"/>
              <a:gd name="connsiteX3" fmla="*/ 594234 w 596615"/>
              <a:gd name="connsiteY3" fmla="*/ 221456 h 595314"/>
              <a:gd name="connsiteX4" fmla="*/ 310865 w 596615"/>
              <a:gd name="connsiteY4" fmla="*/ 419101 h 595314"/>
              <a:gd name="connsiteX5" fmla="*/ 210853 w 596615"/>
              <a:gd name="connsiteY5" fmla="*/ 595314 h 595314"/>
              <a:gd name="connsiteX6" fmla="*/ 108459 w 596615"/>
              <a:gd name="connsiteY6" fmla="*/ 523876 h 595314"/>
              <a:gd name="connsiteX7" fmla="*/ 34640 w 596615"/>
              <a:gd name="connsiteY7" fmla="*/ 521494 h 595314"/>
              <a:gd name="connsiteX8" fmla="*/ 146559 w 596615"/>
              <a:gd name="connsiteY8" fmla="*/ 328612 h 595314"/>
              <a:gd name="connsiteX9" fmla="*/ 201328 w 596615"/>
              <a:gd name="connsiteY9" fmla="*/ 130969 h 595314"/>
              <a:gd name="connsiteX10" fmla="*/ 17971 w 596615"/>
              <a:gd name="connsiteY10" fmla="*/ 2382 h 595314"/>
              <a:gd name="connsiteX0" fmla="*/ 166688 w 561975"/>
              <a:gd name="connsiteY0" fmla="*/ 130969 h 595314"/>
              <a:gd name="connsiteX1" fmla="*/ 195263 w 561975"/>
              <a:gd name="connsiteY1" fmla="*/ 0 h 595314"/>
              <a:gd name="connsiteX2" fmla="*/ 561975 w 561975"/>
              <a:gd name="connsiteY2" fmla="*/ 2382 h 595314"/>
              <a:gd name="connsiteX3" fmla="*/ 559594 w 561975"/>
              <a:gd name="connsiteY3" fmla="*/ 221456 h 595314"/>
              <a:gd name="connsiteX4" fmla="*/ 276225 w 561975"/>
              <a:gd name="connsiteY4" fmla="*/ 419101 h 595314"/>
              <a:gd name="connsiteX5" fmla="*/ 176213 w 561975"/>
              <a:gd name="connsiteY5" fmla="*/ 595314 h 595314"/>
              <a:gd name="connsiteX6" fmla="*/ 73819 w 561975"/>
              <a:gd name="connsiteY6" fmla="*/ 523876 h 595314"/>
              <a:gd name="connsiteX7" fmla="*/ 0 w 561975"/>
              <a:gd name="connsiteY7" fmla="*/ 521494 h 595314"/>
              <a:gd name="connsiteX8" fmla="*/ 111919 w 561975"/>
              <a:gd name="connsiteY8" fmla="*/ 328612 h 595314"/>
              <a:gd name="connsiteX9" fmla="*/ 166688 w 561975"/>
              <a:gd name="connsiteY9" fmla="*/ 130969 h 595314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561975 w 561975"/>
              <a:gd name="connsiteY2" fmla="*/ 0 h 592932"/>
              <a:gd name="connsiteX3" fmla="*/ 559594 w 561975"/>
              <a:gd name="connsiteY3" fmla="*/ 219074 h 592932"/>
              <a:gd name="connsiteX4" fmla="*/ 276225 w 561975"/>
              <a:gd name="connsiteY4" fmla="*/ 416719 h 592932"/>
              <a:gd name="connsiteX5" fmla="*/ 176213 w 561975"/>
              <a:gd name="connsiteY5" fmla="*/ 592932 h 592932"/>
              <a:gd name="connsiteX6" fmla="*/ 73819 w 561975"/>
              <a:gd name="connsiteY6" fmla="*/ 521494 h 592932"/>
              <a:gd name="connsiteX7" fmla="*/ 0 w 561975"/>
              <a:gd name="connsiteY7" fmla="*/ 519112 h 592932"/>
              <a:gd name="connsiteX8" fmla="*/ 111919 w 561975"/>
              <a:gd name="connsiteY8" fmla="*/ 326230 h 592932"/>
              <a:gd name="connsiteX9" fmla="*/ 166688 w 561975"/>
              <a:gd name="connsiteY9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561975 w 561975"/>
              <a:gd name="connsiteY2" fmla="*/ 0 h 592932"/>
              <a:gd name="connsiteX3" fmla="*/ 559594 w 561975"/>
              <a:gd name="connsiteY3" fmla="*/ 219074 h 592932"/>
              <a:gd name="connsiteX4" fmla="*/ 276225 w 561975"/>
              <a:gd name="connsiteY4" fmla="*/ 416719 h 592932"/>
              <a:gd name="connsiteX5" fmla="*/ 176213 w 561975"/>
              <a:gd name="connsiteY5" fmla="*/ 592932 h 592932"/>
              <a:gd name="connsiteX6" fmla="*/ 73819 w 561975"/>
              <a:gd name="connsiteY6" fmla="*/ 521494 h 592932"/>
              <a:gd name="connsiteX7" fmla="*/ 0 w 561975"/>
              <a:gd name="connsiteY7" fmla="*/ 519112 h 592932"/>
              <a:gd name="connsiteX8" fmla="*/ 111919 w 561975"/>
              <a:gd name="connsiteY8" fmla="*/ 326230 h 592932"/>
              <a:gd name="connsiteX9" fmla="*/ 166688 w 561975"/>
              <a:gd name="connsiteY9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561975 w 561975"/>
              <a:gd name="connsiteY2" fmla="*/ 0 h 592932"/>
              <a:gd name="connsiteX3" fmla="*/ 559594 w 561975"/>
              <a:gd name="connsiteY3" fmla="*/ 219074 h 592932"/>
              <a:gd name="connsiteX4" fmla="*/ 276225 w 561975"/>
              <a:gd name="connsiteY4" fmla="*/ 416719 h 592932"/>
              <a:gd name="connsiteX5" fmla="*/ 176213 w 561975"/>
              <a:gd name="connsiteY5" fmla="*/ 592932 h 592932"/>
              <a:gd name="connsiteX6" fmla="*/ 73819 w 561975"/>
              <a:gd name="connsiteY6" fmla="*/ 521494 h 592932"/>
              <a:gd name="connsiteX7" fmla="*/ 0 w 561975"/>
              <a:gd name="connsiteY7" fmla="*/ 519112 h 592932"/>
              <a:gd name="connsiteX8" fmla="*/ 111919 w 561975"/>
              <a:gd name="connsiteY8" fmla="*/ 326230 h 592932"/>
              <a:gd name="connsiteX9" fmla="*/ 166688 w 561975"/>
              <a:gd name="connsiteY9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561975 w 561975"/>
              <a:gd name="connsiteY2" fmla="*/ 0 h 592932"/>
              <a:gd name="connsiteX3" fmla="*/ 559594 w 561975"/>
              <a:gd name="connsiteY3" fmla="*/ 219074 h 592932"/>
              <a:gd name="connsiteX4" fmla="*/ 276225 w 561975"/>
              <a:gd name="connsiteY4" fmla="*/ 416719 h 592932"/>
              <a:gd name="connsiteX5" fmla="*/ 176213 w 561975"/>
              <a:gd name="connsiteY5" fmla="*/ 592932 h 592932"/>
              <a:gd name="connsiteX6" fmla="*/ 73819 w 561975"/>
              <a:gd name="connsiteY6" fmla="*/ 521494 h 592932"/>
              <a:gd name="connsiteX7" fmla="*/ 0 w 561975"/>
              <a:gd name="connsiteY7" fmla="*/ 519112 h 592932"/>
              <a:gd name="connsiteX8" fmla="*/ 111919 w 561975"/>
              <a:gd name="connsiteY8" fmla="*/ 326230 h 592932"/>
              <a:gd name="connsiteX9" fmla="*/ 166688 w 561975"/>
              <a:gd name="connsiteY9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309563 w 561975"/>
              <a:gd name="connsiteY2" fmla="*/ 21431 h 592932"/>
              <a:gd name="connsiteX3" fmla="*/ 561975 w 561975"/>
              <a:gd name="connsiteY3" fmla="*/ 0 h 592932"/>
              <a:gd name="connsiteX4" fmla="*/ 559594 w 561975"/>
              <a:gd name="connsiteY4" fmla="*/ 219074 h 592932"/>
              <a:gd name="connsiteX5" fmla="*/ 276225 w 561975"/>
              <a:gd name="connsiteY5" fmla="*/ 416719 h 592932"/>
              <a:gd name="connsiteX6" fmla="*/ 176213 w 561975"/>
              <a:gd name="connsiteY6" fmla="*/ 592932 h 592932"/>
              <a:gd name="connsiteX7" fmla="*/ 73819 w 561975"/>
              <a:gd name="connsiteY7" fmla="*/ 521494 h 592932"/>
              <a:gd name="connsiteX8" fmla="*/ 0 w 561975"/>
              <a:gd name="connsiteY8" fmla="*/ 519112 h 592932"/>
              <a:gd name="connsiteX9" fmla="*/ 111919 w 561975"/>
              <a:gd name="connsiteY9" fmla="*/ 326230 h 592932"/>
              <a:gd name="connsiteX10" fmla="*/ 166688 w 561975"/>
              <a:gd name="connsiteY10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45269 w 561975"/>
              <a:gd name="connsiteY2" fmla="*/ 73818 h 592932"/>
              <a:gd name="connsiteX3" fmla="*/ 561975 w 561975"/>
              <a:gd name="connsiteY3" fmla="*/ 0 h 592932"/>
              <a:gd name="connsiteX4" fmla="*/ 559594 w 561975"/>
              <a:gd name="connsiteY4" fmla="*/ 219074 h 592932"/>
              <a:gd name="connsiteX5" fmla="*/ 276225 w 561975"/>
              <a:gd name="connsiteY5" fmla="*/ 416719 h 592932"/>
              <a:gd name="connsiteX6" fmla="*/ 176213 w 561975"/>
              <a:gd name="connsiteY6" fmla="*/ 592932 h 592932"/>
              <a:gd name="connsiteX7" fmla="*/ 73819 w 561975"/>
              <a:gd name="connsiteY7" fmla="*/ 521494 h 592932"/>
              <a:gd name="connsiteX8" fmla="*/ 0 w 561975"/>
              <a:gd name="connsiteY8" fmla="*/ 519112 h 592932"/>
              <a:gd name="connsiteX9" fmla="*/ 111919 w 561975"/>
              <a:gd name="connsiteY9" fmla="*/ 326230 h 592932"/>
              <a:gd name="connsiteX10" fmla="*/ 166688 w 561975"/>
              <a:gd name="connsiteY10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45269 w 561975"/>
              <a:gd name="connsiteY2" fmla="*/ 73818 h 592932"/>
              <a:gd name="connsiteX3" fmla="*/ 561975 w 561975"/>
              <a:gd name="connsiteY3" fmla="*/ 0 h 592932"/>
              <a:gd name="connsiteX4" fmla="*/ 559594 w 561975"/>
              <a:gd name="connsiteY4" fmla="*/ 219074 h 592932"/>
              <a:gd name="connsiteX5" fmla="*/ 276225 w 561975"/>
              <a:gd name="connsiteY5" fmla="*/ 416719 h 592932"/>
              <a:gd name="connsiteX6" fmla="*/ 176213 w 561975"/>
              <a:gd name="connsiteY6" fmla="*/ 592932 h 592932"/>
              <a:gd name="connsiteX7" fmla="*/ 73819 w 561975"/>
              <a:gd name="connsiteY7" fmla="*/ 521494 h 592932"/>
              <a:gd name="connsiteX8" fmla="*/ 0 w 561975"/>
              <a:gd name="connsiteY8" fmla="*/ 519112 h 592932"/>
              <a:gd name="connsiteX9" fmla="*/ 111919 w 561975"/>
              <a:gd name="connsiteY9" fmla="*/ 326230 h 592932"/>
              <a:gd name="connsiteX10" fmla="*/ 166688 w 561975"/>
              <a:gd name="connsiteY10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45269 w 561975"/>
              <a:gd name="connsiteY2" fmla="*/ 73818 h 592932"/>
              <a:gd name="connsiteX3" fmla="*/ 319088 w 561975"/>
              <a:gd name="connsiteY3" fmla="*/ 57149 h 592932"/>
              <a:gd name="connsiteX4" fmla="*/ 561975 w 561975"/>
              <a:gd name="connsiteY4" fmla="*/ 0 h 592932"/>
              <a:gd name="connsiteX5" fmla="*/ 559594 w 561975"/>
              <a:gd name="connsiteY5" fmla="*/ 219074 h 592932"/>
              <a:gd name="connsiteX6" fmla="*/ 276225 w 561975"/>
              <a:gd name="connsiteY6" fmla="*/ 416719 h 592932"/>
              <a:gd name="connsiteX7" fmla="*/ 176213 w 561975"/>
              <a:gd name="connsiteY7" fmla="*/ 592932 h 592932"/>
              <a:gd name="connsiteX8" fmla="*/ 73819 w 561975"/>
              <a:gd name="connsiteY8" fmla="*/ 521494 h 592932"/>
              <a:gd name="connsiteX9" fmla="*/ 0 w 561975"/>
              <a:gd name="connsiteY9" fmla="*/ 519112 h 592932"/>
              <a:gd name="connsiteX10" fmla="*/ 111919 w 561975"/>
              <a:gd name="connsiteY10" fmla="*/ 326230 h 592932"/>
              <a:gd name="connsiteX11" fmla="*/ 166688 w 561975"/>
              <a:gd name="connsiteY11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45269 w 561975"/>
              <a:gd name="connsiteY2" fmla="*/ 73818 h 592932"/>
              <a:gd name="connsiteX3" fmla="*/ 230981 w 561975"/>
              <a:gd name="connsiteY3" fmla="*/ 173830 h 592932"/>
              <a:gd name="connsiteX4" fmla="*/ 561975 w 561975"/>
              <a:gd name="connsiteY4" fmla="*/ 0 h 592932"/>
              <a:gd name="connsiteX5" fmla="*/ 559594 w 561975"/>
              <a:gd name="connsiteY5" fmla="*/ 219074 h 592932"/>
              <a:gd name="connsiteX6" fmla="*/ 276225 w 561975"/>
              <a:gd name="connsiteY6" fmla="*/ 416719 h 592932"/>
              <a:gd name="connsiteX7" fmla="*/ 176213 w 561975"/>
              <a:gd name="connsiteY7" fmla="*/ 592932 h 592932"/>
              <a:gd name="connsiteX8" fmla="*/ 73819 w 561975"/>
              <a:gd name="connsiteY8" fmla="*/ 521494 h 592932"/>
              <a:gd name="connsiteX9" fmla="*/ 0 w 561975"/>
              <a:gd name="connsiteY9" fmla="*/ 519112 h 592932"/>
              <a:gd name="connsiteX10" fmla="*/ 111919 w 561975"/>
              <a:gd name="connsiteY10" fmla="*/ 326230 h 592932"/>
              <a:gd name="connsiteX11" fmla="*/ 166688 w 561975"/>
              <a:gd name="connsiteY11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0981 w 561975"/>
              <a:gd name="connsiteY3" fmla="*/ 173830 h 592932"/>
              <a:gd name="connsiteX4" fmla="*/ 561975 w 561975"/>
              <a:gd name="connsiteY4" fmla="*/ 0 h 592932"/>
              <a:gd name="connsiteX5" fmla="*/ 559594 w 561975"/>
              <a:gd name="connsiteY5" fmla="*/ 219074 h 592932"/>
              <a:gd name="connsiteX6" fmla="*/ 276225 w 561975"/>
              <a:gd name="connsiteY6" fmla="*/ 416719 h 592932"/>
              <a:gd name="connsiteX7" fmla="*/ 176213 w 561975"/>
              <a:gd name="connsiteY7" fmla="*/ 592932 h 592932"/>
              <a:gd name="connsiteX8" fmla="*/ 73819 w 561975"/>
              <a:gd name="connsiteY8" fmla="*/ 521494 h 592932"/>
              <a:gd name="connsiteX9" fmla="*/ 0 w 561975"/>
              <a:gd name="connsiteY9" fmla="*/ 519112 h 592932"/>
              <a:gd name="connsiteX10" fmla="*/ 111919 w 561975"/>
              <a:gd name="connsiteY10" fmla="*/ 326230 h 592932"/>
              <a:gd name="connsiteX11" fmla="*/ 166688 w 561975"/>
              <a:gd name="connsiteY11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0981 w 561975"/>
              <a:gd name="connsiteY3" fmla="*/ 173830 h 592932"/>
              <a:gd name="connsiteX4" fmla="*/ 561975 w 561975"/>
              <a:gd name="connsiteY4" fmla="*/ 0 h 592932"/>
              <a:gd name="connsiteX5" fmla="*/ 559594 w 561975"/>
              <a:gd name="connsiteY5" fmla="*/ 219074 h 592932"/>
              <a:gd name="connsiteX6" fmla="*/ 276225 w 561975"/>
              <a:gd name="connsiteY6" fmla="*/ 416719 h 592932"/>
              <a:gd name="connsiteX7" fmla="*/ 176213 w 561975"/>
              <a:gd name="connsiteY7" fmla="*/ 592932 h 592932"/>
              <a:gd name="connsiteX8" fmla="*/ 73819 w 561975"/>
              <a:gd name="connsiteY8" fmla="*/ 521494 h 592932"/>
              <a:gd name="connsiteX9" fmla="*/ 0 w 561975"/>
              <a:gd name="connsiteY9" fmla="*/ 519112 h 592932"/>
              <a:gd name="connsiteX10" fmla="*/ 111919 w 561975"/>
              <a:gd name="connsiteY10" fmla="*/ 326230 h 592932"/>
              <a:gd name="connsiteX11" fmla="*/ 166688 w 561975"/>
              <a:gd name="connsiteY11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0981 w 561975"/>
              <a:gd name="connsiteY3" fmla="*/ 173830 h 592932"/>
              <a:gd name="connsiteX4" fmla="*/ 376238 w 561975"/>
              <a:gd name="connsiteY4" fmla="*/ 100012 h 592932"/>
              <a:gd name="connsiteX5" fmla="*/ 561975 w 561975"/>
              <a:gd name="connsiteY5" fmla="*/ 0 h 592932"/>
              <a:gd name="connsiteX6" fmla="*/ 559594 w 561975"/>
              <a:gd name="connsiteY6" fmla="*/ 219074 h 592932"/>
              <a:gd name="connsiteX7" fmla="*/ 276225 w 561975"/>
              <a:gd name="connsiteY7" fmla="*/ 416719 h 592932"/>
              <a:gd name="connsiteX8" fmla="*/ 176213 w 561975"/>
              <a:gd name="connsiteY8" fmla="*/ 592932 h 592932"/>
              <a:gd name="connsiteX9" fmla="*/ 73819 w 561975"/>
              <a:gd name="connsiteY9" fmla="*/ 521494 h 592932"/>
              <a:gd name="connsiteX10" fmla="*/ 0 w 561975"/>
              <a:gd name="connsiteY10" fmla="*/ 519112 h 592932"/>
              <a:gd name="connsiteX11" fmla="*/ 111919 w 561975"/>
              <a:gd name="connsiteY11" fmla="*/ 326230 h 592932"/>
              <a:gd name="connsiteX12" fmla="*/ 166688 w 561975"/>
              <a:gd name="connsiteY12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0981 w 561975"/>
              <a:gd name="connsiteY3" fmla="*/ 173830 h 592932"/>
              <a:gd name="connsiteX4" fmla="*/ 419100 w 561975"/>
              <a:gd name="connsiteY4" fmla="*/ 16668 h 592932"/>
              <a:gd name="connsiteX5" fmla="*/ 561975 w 561975"/>
              <a:gd name="connsiteY5" fmla="*/ 0 h 592932"/>
              <a:gd name="connsiteX6" fmla="*/ 559594 w 561975"/>
              <a:gd name="connsiteY6" fmla="*/ 219074 h 592932"/>
              <a:gd name="connsiteX7" fmla="*/ 276225 w 561975"/>
              <a:gd name="connsiteY7" fmla="*/ 416719 h 592932"/>
              <a:gd name="connsiteX8" fmla="*/ 176213 w 561975"/>
              <a:gd name="connsiteY8" fmla="*/ 592932 h 592932"/>
              <a:gd name="connsiteX9" fmla="*/ 73819 w 561975"/>
              <a:gd name="connsiteY9" fmla="*/ 521494 h 592932"/>
              <a:gd name="connsiteX10" fmla="*/ 0 w 561975"/>
              <a:gd name="connsiteY10" fmla="*/ 519112 h 592932"/>
              <a:gd name="connsiteX11" fmla="*/ 111919 w 561975"/>
              <a:gd name="connsiteY11" fmla="*/ 326230 h 592932"/>
              <a:gd name="connsiteX12" fmla="*/ 166688 w 561975"/>
              <a:gd name="connsiteY12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0981 w 561975"/>
              <a:gd name="connsiteY3" fmla="*/ 173830 h 592932"/>
              <a:gd name="connsiteX4" fmla="*/ 419100 w 561975"/>
              <a:gd name="connsiteY4" fmla="*/ 16668 h 592932"/>
              <a:gd name="connsiteX5" fmla="*/ 561975 w 561975"/>
              <a:gd name="connsiteY5" fmla="*/ 0 h 592932"/>
              <a:gd name="connsiteX6" fmla="*/ 559594 w 561975"/>
              <a:gd name="connsiteY6" fmla="*/ 219074 h 592932"/>
              <a:gd name="connsiteX7" fmla="*/ 276225 w 561975"/>
              <a:gd name="connsiteY7" fmla="*/ 416719 h 592932"/>
              <a:gd name="connsiteX8" fmla="*/ 176213 w 561975"/>
              <a:gd name="connsiteY8" fmla="*/ 592932 h 592932"/>
              <a:gd name="connsiteX9" fmla="*/ 73819 w 561975"/>
              <a:gd name="connsiteY9" fmla="*/ 521494 h 592932"/>
              <a:gd name="connsiteX10" fmla="*/ 0 w 561975"/>
              <a:gd name="connsiteY10" fmla="*/ 519112 h 592932"/>
              <a:gd name="connsiteX11" fmla="*/ 111919 w 561975"/>
              <a:gd name="connsiteY11" fmla="*/ 326230 h 592932"/>
              <a:gd name="connsiteX12" fmla="*/ 166688 w 561975"/>
              <a:gd name="connsiteY12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5744 w 561975"/>
              <a:gd name="connsiteY3" fmla="*/ 173830 h 592932"/>
              <a:gd name="connsiteX4" fmla="*/ 419100 w 561975"/>
              <a:gd name="connsiteY4" fmla="*/ 16668 h 592932"/>
              <a:gd name="connsiteX5" fmla="*/ 561975 w 561975"/>
              <a:gd name="connsiteY5" fmla="*/ 0 h 592932"/>
              <a:gd name="connsiteX6" fmla="*/ 559594 w 561975"/>
              <a:gd name="connsiteY6" fmla="*/ 219074 h 592932"/>
              <a:gd name="connsiteX7" fmla="*/ 276225 w 561975"/>
              <a:gd name="connsiteY7" fmla="*/ 416719 h 592932"/>
              <a:gd name="connsiteX8" fmla="*/ 176213 w 561975"/>
              <a:gd name="connsiteY8" fmla="*/ 592932 h 592932"/>
              <a:gd name="connsiteX9" fmla="*/ 73819 w 561975"/>
              <a:gd name="connsiteY9" fmla="*/ 521494 h 592932"/>
              <a:gd name="connsiteX10" fmla="*/ 0 w 561975"/>
              <a:gd name="connsiteY10" fmla="*/ 519112 h 592932"/>
              <a:gd name="connsiteX11" fmla="*/ 111919 w 561975"/>
              <a:gd name="connsiteY11" fmla="*/ 326230 h 592932"/>
              <a:gd name="connsiteX12" fmla="*/ 166688 w 561975"/>
              <a:gd name="connsiteY12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5744 w 561975"/>
              <a:gd name="connsiteY3" fmla="*/ 173830 h 592932"/>
              <a:gd name="connsiteX4" fmla="*/ 419100 w 561975"/>
              <a:gd name="connsiteY4" fmla="*/ 16668 h 592932"/>
              <a:gd name="connsiteX5" fmla="*/ 561975 w 561975"/>
              <a:gd name="connsiteY5" fmla="*/ 0 h 592932"/>
              <a:gd name="connsiteX6" fmla="*/ 559594 w 561975"/>
              <a:gd name="connsiteY6" fmla="*/ 219074 h 592932"/>
              <a:gd name="connsiteX7" fmla="*/ 276225 w 561975"/>
              <a:gd name="connsiteY7" fmla="*/ 416719 h 592932"/>
              <a:gd name="connsiteX8" fmla="*/ 176213 w 561975"/>
              <a:gd name="connsiteY8" fmla="*/ 592932 h 592932"/>
              <a:gd name="connsiteX9" fmla="*/ 73819 w 561975"/>
              <a:gd name="connsiteY9" fmla="*/ 521494 h 592932"/>
              <a:gd name="connsiteX10" fmla="*/ 0 w 561975"/>
              <a:gd name="connsiteY10" fmla="*/ 519112 h 592932"/>
              <a:gd name="connsiteX11" fmla="*/ 111919 w 561975"/>
              <a:gd name="connsiteY11" fmla="*/ 326230 h 592932"/>
              <a:gd name="connsiteX12" fmla="*/ 166688 w 561975"/>
              <a:gd name="connsiteY12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5744 w 561975"/>
              <a:gd name="connsiteY3" fmla="*/ 173830 h 592932"/>
              <a:gd name="connsiteX4" fmla="*/ 409575 w 561975"/>
              <a:gd name="connsiteY4" fmla="*/ 14287 h 592932"/>
              <a:gd name="connsiteX5" fmla="*/ 561975 w 561975"/>
              <a:gd name="connsiteY5" fmla="*/ 0 h 592932"/>
              <a:gd name="connsiteX6" fmla="*/ 559594 w 561975"/>
              <a:gd name="connsiteY6" fmla="*/ 219074 h 592932"/>
              <a:gd name="connsiteX7" fmla="*/ 276225 w 561975"/>
              <a:gd name="connsiteY7" fmla="*/ 416719 h 592932"/>
              <a:gd name="connsiteX8" fmla="*/ 176213 w 561975"/>
              <a:gd name="connsiteY8" fmla="*/ 592932 h 592932"/>
              <a:gd name="connsiteX9" fmla="*/ 73819 w 561975"/>
              <a:gd name="connsiteY9" fmla="*/ 521494 h 592932"/>
              <a:gd name="connsiteX10" fmla="*/ 0 w 561975"/>
              <a:gd name="connsiteY10" fmla="*/ 519112 h 592932"/>
              <a:gd name="connsiteX11" fmla="*/ 111919 w 561975"/>
              <a:gd name="connsiteY11" fmla="*/ 326230 h 592932"/>
              <a:gd name="connsiteX12" fmla="*/ 166688 w 561975"/>
              <a:gd name="connsiteY12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5744 w 561975"/>
              <a:gd name="connsiteY3" fmla="*/ 173830 h 592932"/>
              <a:gd name="connsiteX4" fmla="*/ 409575 w 561975"/>
              <a:gd name="connsiteY4" fmla="*/ 14287 h 592932"/>
              <a:gd name="connsiteX5" fmla="*/ 492919 w 561975"/>
              <a:gd name="connsiteY5" fmla="*/ 4762 h 592932"/>
              <a:gd name="connsiteX6" fmla="*/ 561975 w 561975"/>
              <a:gd name="connsiteY6" fmla="*/ 0 h 592932"/>
              <a:gd name="connsiteX7" fmla="*/ 559594 w 561975"/>
              <a:gd name="connsiteY7" fmla="*/ 219074 h 592932"/>
              <a:gd name="connsiteX8" fmla="*/ 276225 w 561975"/>
              <a:gd name="connsiteY8" fmla="*/ 416719 h 592932"/>
              <a:gd name="connsiteX9" fmla="*/ 176213 w 561975"/>
              <a:gd name="connsiteY9" fmla="*/ 592932 h 592932"/>
              <a:gd name="connsiteX10" fmla="*/ 73819 w 561975"/>
              <a:gd name="connsiteY10" fmla="*/ 521494 h 592932"/>
              <a:gd name="connsiteX11" fmla="*/ 0 w 561975"/>
              <a:gd name="connsiteY11" fmla="*/ 519112 h 592932"/>
              <a:gd name="connsiteX12" fmla="*/ 111919 w 561975"/>
              <a:gd name="connsiteY12" fmla="*/ 326230 h 592932"/>
              <a:gd name="connsiteX13" fmla="*/ 166688 w 561975"/>
              <a:gd name="connsiteY13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5744 w 561975"/>
              <a:gd name="connsiteY3" fmla="*/ 173830 h 592932"/>
              <a:gd name="connsiteX4" fmla="*/ 409575 w 561975"/>
              <a:gd name="connsiteY4" fmla="*/ 14287 h 592932"/>
              <a:gd name="connsiteX5" fmla="*/ 352426 w 561975"/>
              <a:gd name="connsiteY5" fmla="*/ 183356 h 592932"/>
              <a:gd name="connsiteX6" fmla="*/ 561975 w 561975"/>
              <a:gd name="connsiteY6" fmla="*/ 0 h 592932"/>
              <a:gd name="connsiteX7" fmla="*/ 559594 w 561975"/>
              <a:gd name="connsiteY7" fmla="*/ 219074 h 592932"/>
              <a:gd name="connsiteX8" fmla="*/ 276225 w 561975"/>
              <a:gd name="connsiteY8" fmla="*/ 416719 h 592932"/>
              <a:gd name="connsiteX9" fmla="*/ 176213 w 561975"/>
              <a:gd name="connsiteY9" fmla="*/ 592932 h 592932"/>
              <a:gd name="connsiteX10" fmla="*/ 73819 w 561975"/>
              <a:gd name="connsiteY10" fmla="*/ 521494 h 592932"/>
              <a:gd name="connsiteX11" fmla="*/ 0 w 561975"/>
              <a:gd name="connsiteY11" fmla="*/ 519112 h 592932"/>
              <a:gd name="connsiteX12" fmla="*/ 111919 w 561975"/>
              <a:gd name="connsiteY12" fmla="*/ 326230 h 592932"/>
              <a:gd name="connsiteX13" fmla="*/ 166688 w 561975"/>
              <a:gd name="connsiteY13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5744 w 561975"/>
              <a:gd name="connsiteY3" fmla="*/ 173830 h 592932"/>
              <a:gd name="connsiteX4" fmla="*/ 409575 w 561975"/>
              <a:gd name="connsiteY4" fmla="*/ 14287 h 592932"/>
              <a:gd name="connsiteX5" fmla="*/ 388144 w 561975"/>
              <a:gd name="connsiteY5" fmla="*/ 69056 h 592932"/>
              <a:gd name="connsiteX6" fmla="*/ 352426 w 561975"/>
              <a:gd name="connsiteY6" fmla="*/ 183356 h 592932"/>
              <a:gd name="connsiteX7" fmla="*/ 561975 w 561975"/>
              <a:gd name="connsiteY7" fmla="*/ 0 h 592932"/>
              <a:gd name="connsiteX8" fmla="*/ 559594 w 561975"/>
              <a:gd name="connsiteY8" fmla="*/ 219074 h 592932"/>
              <a:gd name="connsiteX9" fmla="*/ 276225 w 561975"/>
              <a:gd name="connsiteY9" fmla="*/ 416719 h 592932"/>
              <a:gd name="connsiteX10" fmla="*/ 176213 w 561975"/>
              <a:gd name="connsiteY10" fmla="*/ 592932 h 592932"/>
              <a:gd name="connsiteX11" fmla="*/ 73819 w 561975"/>
              <a:gd name="connsiteY11" fmla="*/ 521494 h 592932"/>
              <a:gd name="connsiteX12" fmla="*/ 0 w 561975"/>
              <a:gd name="connsiteY12" fmla="*/ 519112 h 592932"/>
              <a:gd name="connsiteX13" fmla="*/ 111919 w 561975"/>
              <a:gd name="connsiteY13" fmla="*/ 326230 h 592932"/>
              <a:gd name="connsiteX14" fmla="*/ 166688 w 561975"/>
              <a:gd name="connsiteY14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5744 w 561975"/>
              <a:gd name="connsiteY3" fmla="*/ 173830 h 592932"/>
              <a:gd name="connsiteX4" fmla="*/ 409575 w 561975"/>
              <a:gd name="connsiteY4" fmla="*/ 14287 h 592932"/>
              <a:gd name="connsiteX5" fmla="*/ 450057 w 561975"/>
              <a:gd name="connsiteY5" fmla="*/ 33337 h 592932"/>
              <a:gd name="connsiteX6" fmla="*/ 352426 w 561975"/>
              <a:gd name="connsiteY6" fmla="*/ 183356 h 592932"/>
              <a:gd name="connsiteX7" fmla="*/ 561975 w 561975"/>
              <a:gd name="connsiteY7" fmla="*/ 0 h 592932"/>
              <a:gd name="connsiteX8" fmla="*/ 559594 w 561975"/>
              <a:gd name="connsiteY8" fmla="*/ 219074 h 592932"/>
              <a:gd name="connsiteX9" fmla="*/ 276225 w 561975"/>
              <a:gd name="connsiteY9" fmla="*/ 416719 h 592932"/>
              <a:gd name="connsiteX10" fmla="*/ 176213 w 561975"/>
              <a:gd name="connsiteY10" fmla="*/ 592932 h 592932"/>
              <a:gd name="connsiteX11" fmla="*/ 73819 w 561975"/>
              <a:gd name="connsiteY11" fmla="*/ 521494 h 592932"/>
              <a:gd name="connsiteX12" fmla="*/ 0 w 561975"/>
              <a:gd name="connsiteY12" fmla="*/ 519112 h 592932"/>
              <a:gd name="connsiteX13" fmla="*/ 111919 w 561975"/>
              <a:gd name="connsiteY13" fmla="*/ 326230 h 592932"/>
              <a:gd name="connsiteX14" fmla="*/ 166688 w 561975"/>
              <a:gd name="connsiteY14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5744 w 561975"/>
              <a:gd name="connsiteY3" fmla="*/ 173830 h 592932"/>
              <a:gd name="connsiteX4" fmla="*/ 409575 w 561975"/>
              <a:gd name="connsiteY4" fmla="*/ 14287 h 592932"/>
              <a:gd name="connsiteX5" fmla="*/ 450057 w 561975"/>
              <a:gd name="connsiteY5" fmla="*/ 33337 h 592932"/>
              <a:gd name="connsiteX6" fmla="*/ 352426 w 561975"/>
              <a:gd name="connsiteY6" fmla="*/ 183356 h 592932"/>
              <a:gd name="connsiteX7" fmla="*/ 561975 w 561975"/>
              <a:gd name="connsiteY7" fmla="*/ 0 h 592932"/>
              <a:gd name="connsiteX8" fmla="*/ 559594 w 561975"/>
              <a:gd name="connsiteY8" fmla="*/ 219074 h 592932"/>
              <a:gd name="connsiteX9" fmla="*/ 276225 w 561975"/>
              <a:gd name="connsiteY9" fmla="*/ 416719 h 592932"/>
              <a:gd name="connsiteX10" fmla="*/ 176213 w 561975"/>
              <a:gd name="connsiteY10" fmla="*/ 592932 h 592932"/>
              <a:gd name="connsiteX11" fmla="*/ 73819 w 561975"/>
              <a:gd name="connsiteY11" fmla="*/ 521494 h 592932"/>
              <a:gd name="connsiteX12" fmla="*/ 0 w 561975"/>
              <a:gd name="connsiteY12" fmla="*/ 519112 h 592932"/>
              <a:gd name="connsiteX13" fmla="*/ 111919 w 561975"/>
              <a:gd name="connsiteY13" fmla="*/ 326230 h 592932"/>
              <a:gd name="connsiteX14" fmla="*/ 166688 w 561975"/>
              <a:gd name="connsiteY14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5744 w 561975"/>
              <a:gd name="connsiteY3" fmla="*/ 173830 h 592932"/>
              <a:gd name="connsiteX4" fmla="*/ 409575 w 561975"/>
              <a:gd name="connsiteY4" fmla="*/ 14287 h 592932"/>
              <a:gd name="connsiteX5" fmla="*/ 450057 w 561975"/>
              <a:gd name="connsiteY5" fmla="*/ 33337 h 592932"/>
              <a:gd name="connsiteX6" fmla="*/ 352426 w 561975"/>
              <a:gd name="connsiteY6" fmla="*/ 183356 h 592932"/>
              <a:gd name="connsiteX7" fmla="*/ 561975 w 561975"/>
              <a:gd name="connsiteY7" fmla="*/ 0 h 592932"/>
              <a:gd name="connsiteX8" fmla="*/ 559594 w 561975"/>
              <a:gd name="connsiteY8" fmla="*/ 219074 h 592932"/>
              <a:gd name="connsiteX9" fmla="*/ 276225 w 561975"/>
              <a:gd name="connsiteY9" fmla="*/ 416719 h 592932"/>
              <a:gd name="connsiteX10" fmla="*/ 176213 w 561975"/>
              <a:gd name="connsiteY10" fmla="*/ 592932 h 592932"/>
              <a:gd name="connsiteX11" fmla="*/ 73819 w 561975"/>
              <a:gd name="connsiteY11" fmla="*/ 521494 h 592932"/>
              <a:gd name="connsiteX12" fmla="*/ 0 w 561975"/>
              <a:gd name="connsiteY12" fmla="*/ 519112 h 592932"/>
              <a:gd name="connsiteX13" fmla="*/ 111919 w 561975"/>
              <a:gd name="connsiteY13" fmla="*/ 326230 h 592932"/>
              <a:gd name="connsiteX14" fmla="*/ 166688 w 561975"/>
              <a:gd name="connsiteY14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5744 w 561975"/>
              <a:gd name="connsiteY3" fmla="*/ 173830 h 592932"/>
              <a:gd name="connsiteX4" fmla="*/ 409575 w 561975"/>
              <a:gd name="connsiteY4" fmla="*/ 14287 h 592932"/>
              <a:gd name="connsiteX5" fmla="*/ 450057 w 561975"/>
              <a:gd name="connsiteY5" fmla="*/ 33337 h 592932"/>
              <a:gd name="connsiteX6" fmla="*/ 352426 w 561975"/>
              <a:gd name="connsiteY6" fmla="*/ 183356 h 592932"/>
              <a:gd name="connsiteX7" fmla="*/ 478631 w 561975"/>
              <a:gd name="connsiteY7" fmla="*/ 71437 h 592932"/>
              <a:gd name="connsiteX8" fmla="*/ 561975 w 561975"/>
              <a:gd name="connsiteY8" fmla="*/ 0 h 592932"/>
              <a:gd name="connsiteX9" fmla="*/ 559594 w 561975"/>
              <a:gd name="connsiteY9" fmla="*/ 219074 h 592932"/>
              <a:gd name="connsiteX10" fmla="*/ 276225 w 561975"/>
              <a:gd name="connsiteY10" fmla="*/ 416719 h 592932"/>
              <a:gd name="connsiteX11" fmla="*/ 176213 w 561975"/>
              <a:gd name="connsiteY11" fmla="*/ 592932 h 592932"/>
              <a:gd name="connsiteX12" fmla="*/ 73819 w 561975"/>
              <a:gd name="connsiteY12" fmla="*/ 521494 h 592932"/>
              <a:gd name="connsiteX13" fmla="*/ 0 w 561975"/>
              <a:gd name="connsiteY13" fmla="*/ 519112 h 592932"/>
              <a:gd name="connsiteX14" fmla="*/ 111919 w 561975"/>
              <a:gd name="connsiteY14" fmla="*/ 326230 h 592932"/>
              <a:gd name="connsiteX15" fmla="*/ 166688 w 561975"/>
              <a:gd name="connsiteY15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5744 w 561975"/>
              <a:gd name="connsiteY3" fmla="*/ 173830 h 592932"/>
              <a:gd name="connsiteX4" fmla="*/ 409575 w 561975"/>
              <a:gd name="connsiteY4" fmla="*/ 14287 h 592932"/>
              <a:gd name="connsiteX5" fmla="*/ 450057 w 561975"/>
              <a:gd name="connsiteY5" fmla="*/ 33337 h 592932"/>
              <a:gd name="connsiteX6" fmla="*/ 352426 w 561975"/>
              <a:gd name="connsiteY6" fmla="*/ 183356 h 592932"/>
              <a:gd name="connsiteX7" fmla="*/ 464344 w 561975"/>
              <a:gd name="connsiteY7" fmla="*/ 42862 h 592932"/>
              <a:gd name="connsiteX8" fmla="*/ 561975 w 561975"/>
              <a:gd name="connsiteY8" fmla="*/ 0 h 592932"/>
              <a:gd name="connsiteX9" fmla="*/ 559594 w 561975"/>
              <a:gd name="connsiteY9" fmla="*/ 219074 h 592932"/>
              <a:gd name="connsiteX10" fmla="*/ 276225 w 561975"/>
              <a:gd name="connsiteY10" fmla="*/ 416719 h 592932"/>
              <a:gd name="connsiteX11" fmla="*/ 176213 w 561975"/>
              <a:gd name="connsiteY11" fmla="*/ 592932 h 592932"/>
              <a:gd name="connsiteX12" fmla="*/ 73819 w 561975"/>
              <a:gd name="connsiteY12" fmla="*/ 521494 h 592932"/>
              <a:gd name="connsiteX13" fmla="*/ 0 w 561975"/>
              <a:gd name="connsiteY13" fmla="*/ 519112 h 592932"/>
              <a:gd name="connsiteX14" fmla="*/ 111919 w 561975"/>
              <a:gd name="connsiteY14" fmla="*/ 326230 h 592932"/>
              <a:gd name="connsiteX15" fmla="*/ 166688 w 561975"/>
              <a:gd name="connsiteY15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5744 w 561975"/>
              <a:gd name="connsiteY3" fmla="*/ 173830 h 592932"/>
              <a:gd name="connsiteX4" fmla="*/ 409575 w 561975"/>
              <a:gd name="connsiteY4" fmla="*/ 14287 h 592932"/>
              <a:gd name="connsiteX5" fmla="*/ 450057 w 561975"/>
              <a:gd name="connsiteY5" fmla="*/ 33337 h 592932"/>
              <a:gd name="connsiteX6" fmla="*/ 352426 w 561975"/>
              <a:gd name="connsiteY6" fmla="*/ 183356 h 592932"/>
              <a:gd name="connsiteX7" fmla="*/ 464344 w 561975"/>
              <a:gd name="connsiteY7" fmla="*/ 45243 h 592932"/>
              <a:gd name="connsiteX8" fmla="*/ 561975 w 561975"/>
              <a:gd name="connsiteY8" fmla="*/ 0 h 592932"/>
              <a:gd name="connsiteX9" fmla="*/ 559594 w 561975"/>
              <a:gd name="connsiteY9" fmla="*/ 219074 h 592932"/>
              <a:gd name="connsiteX10" fmla="*/ 276225 w 561975"/>
              <a:gd name="connsiteY10" fmla="*/ 416719 h 592932"/>
              <a:gd name="connsiteX11" fmla="*/ 176213 w 561975"/>
              <a:gd name="connsiteY11" fmla="*/ 592932 h 592932"/>
              <a:gd name="connsiteX12" fmla="*/ 73819 w 561975"/>
              <a:gd name="connsiteY12" fmla="*/ 521494 h 592932"/>
              <a:gd name="connsiteX13" fmla="*/ 0 w 561975"/>
              <a:gd name="connsiteY13" fmla="*/ 519112 h 592932"/>
              <a:gd name="connsiteX14" fmla="*/ 111919 w 561975"/>
              <a:gd name="connsiteY14" fmla="*/ 326230 h 592932"/>
              <a:gd name="connsiteX15" fmla="*/ 166688 w 561975"/>
              <a:gd name="connsiteY15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5744 w 561975"/>
              <a:gd name="connsiteY3" fmla="*/ 173830 h 592932"/>
              <a:gd name="connsiteX4" fmla="*/ 409575 w 561975"/>
              <a:gd name="connsiteY4" fmla="*/ 14287 h 592932"/>
              <a:gd name="connsiteX5" fmla="*/ 450057 w 561975"/>
              <a:gd name="connsiteY5" fmla="*/ 33337 h 592932"/>
              <a:gd name="connsiteX6" fmla="*/ 352426 w 561975"/>
              <a:gd name="connsiteY6" fmla="*/ 183356 h 592932"/>
              <a:gd name="connsiteX7" fmla="*/ 464344 w 561975"/>
              <a:gd name="connsiteY7" fmla="*/ 45243 h 592932"/>
              <a:gd name="connsiteX8" fmla="*/ 561975 w 561975"/>
              <a:gd name="connsiteY8" fmla="*/ 0 h 592932"/>
              <a:gd name="connsiteX9" fmla="*/ 559594 w 561975"/>
              <a:gd name="connsiteY9" fmla="*/ 219074 h 592932"/>
              <a:gd name="connsiteX10" fmla="*/ 276225 w 561975"/>
              <a:gd name="connsiteY10" fmla="*/ 416719 h 592932"/>
              <a:gd name="connsiteX11" fmla="*/ 176213 w 561975"/>
              <a:gd name="connsiteY11" fmla="*/ 592932 h 592932"/>
              <a:gd name="connsiteX12" fmla="*/ 73819 w 561975"/>
              <a:gd name="connsiteY12" fmla="*/ 521494 h 592932"/>
              <a:gd name="connsiteX13" fmla="*/ 0 w 561975"/>
              <a:gd name="connsiteY13" fmla="*/ 519112 h 592932"/>
              <a:gd name="connsiteX14" fmla="*/ 111919 w 561975"/>
              <a:gd name="connsiteY14" fmla="*/ 326230 h 592932"/>
              <a:gd name="connsiteX15" fmla="*/ 166688 w 561975"/>
              <a:gd name="connsiteY15" fmla="*/ 128587 h 592932"/>
              <a:gd name="connsiteX0" fmla="*/ 166688 w 559622"/>
              <a:gd name="connsiteY0" fmla="*/ 122135 h 586480"/>
              <a:gd name="connsiteX1" fmla="*/ 204788 w 559622"/>
              <a:gd name="connsiteY1" fmla="*/ 19741 h 586480"/>
              <a:gd name="connsiteX2" fmla="*/ 254794 w 559622"/>
              <a:gd name="connsiteY2" fmla="*/ 88797 h 586480"/>
              <a:gd name="connsiteX3" fmla="*/ 235744 w 559622"/>
              <a:gd name="connsiteY3" fmla="*/ 167378 h 586480"/>
              <a:gd name="connsiteX4" fmla="*/ 409575 w 559622"/>
              <a:gd name="connsiteY4" fmla="*/ 7835 h 586480"/>
              <a:gd name="connsiteX5" fmla="*/ 450057 w 559622"/>
              <a:gd name="connsiteY5" fmla="*/ 26885 h 586480"/>
              <a:gd name="connsiteX6" fmla="*/ 352426 w 559622"/>
              <a:gd name="connsiteY6" fmla="*/ 176904 h 586480"/>
              <a:gd name="connsiteX7" fmla="*/ 464344 w 559622"/>
              <a:gd name="connsiteY7" fmla="*/ 38791 h 586480"/>
              <a:gd name="connsiteX8" fmla="*/ 545306 w 559622"/>
              <a:gd name="connsiteY8" fmla="*/ 74511 h 586480"/>
              <a:gd name="connsiteX9" fmla="*/ 559594 w 559622"/>
              <a:gd name="connsiteY9" fmla="*/ 212622 h 586480"/>
              <a:gd name="connsiteX10" fmla="*/ 276225 w 559622"/>
              <a:gd name="connsiteY10" fmla="*/ 410267 h 586480"/>
              <a:gd name="connsiteX11" fmla="*/ 176213 w 559622"/>
              <a:gd name="connsiteY11" fmla="*/ 586480 h 586480"/>
              <a:gd name="connsiteX12" fmla="*/ 73819 w 559622"/>
              <a:gd name="connsiteY12" fmla="*/ 515042 h 586480"/>
              <a:gd name="connsiteX13" fmla="*/ 0 w 559622"/>
              <a:gd name="connsiteY13" fmla="*/ 512660 h 586480"/>
              <a:gd name="connsiteX14" fmla="*/ 111919 w 559622"/>
              <a:gd name="connsiteY14" fmla="*/ 319778 h 586480"/>
              <a:gd name="connsiteX15" fmla="*/ 166688 w 559622"/>
              <a:gd name="connsiteY15" fmla="*/ 122135 h 586480"/>
              <a:gd name="connsiteX0" fmla="*/ 166688 w 559622"/>
              <a:gd name="connsiteY0" fmla="*/ 122135 h 586480"/>
              <a:gd name="connsiteX1" fmla="*/ 204788 w 559622"/>
              <a:gd name="connsiteY1" fmla="*/ 19741 h 586480"/>
              <a:gd name="connsiteX2" fmla="*/ 254794 w 559622"/>
              <a:gd name="connsiteY2" fmla="*/ 88797 h 586480"/>
              <a:gd name="connsiteX3" fmla="*/ 235744 w 559622"/>
              <a:gd name="connsiteY3" fmla="*/ 167378 h 586480"/>
              <a:gd name="connsiteX4" fmla="*/ 409575 w 559622"/>
              <a:gd name="connsiteY4" fmla="*/ 7835 h 586480"/>
              <a:gd name="connsiteX5" fmla="*/ 450057 w 559622"/>
              <a:gd name="connsiteY5" fmla="*/ 26885 h 586480"/>
              <a:gd name="connsiteX6" fmla="*/ 352426 w 559622"/>
              <a:gd name="connsiteY6" fmla="*/ 176904 h 586480"/>
              <a:gd name="connsiteX7" fmla="*/ 464344 w 559622"/>
              <a:gd name="connsiteY7" fmla="*/ 38791 h 586480"/>
              <a:gd name="connsiteX8" fmla="*/ 497681 w 559622"/>
              <a:gd name="connsiteY8" fmla="*/ 53079 h 586480"/>
              <a:gd name="connsiteX9" fmla="*/ 545306 w 559622"/>
              <a:gd name="connsiteY9" fmla="*/ 74511 h 586480"/>
              <a:gd name="connsiteX10" fmla="*/ 559594 w 559622"/>
              <a:gd name="connsiteY10" fmla="*/ 212622 h 586480"/>
              <a:gd name="connsiteX11" fmla="*/ 276225 w 559622"/>
              <a:gd name="connsiteY11" fmla="*/ 410267 h 586480"/>
              <a:gd name="connsiteX12" fmla="*/ 176213 w 559622"/>
              <a:gd name="connsiteY12" fmla="*/ 586480 h 586480"/>
              <a:gd name="connsiteX13" fmla="*/ 73819 w 559622"/>
              <a:gd name="connsiteY13" fmla="*/ 515042 h 586480"/>
              <a:gd name="connsiteX14" fmla="*/ 0 w 559622"/>
              <a:gd name="connsiteY14" fmla="*/ 512660 h 586480"/>
              <a:gd name="connsiteX15" fmla="*/ 111919 w 559622"/>
              <a:gd name="connsiteY15" fmla="*/ 319778 h 586480"/>
              <a:gd name="connsiteX16" fmla="*/ 166688 w 559622"/>
              <a:gd name="connsiteY16" fmla="*/ 122135 h 586480"/>
              <a:gd name="connsiteX0" fmla="*/ 166688 w 559597"/>
              <a:gd name="connsiteY0" fmla="*/ 122135 h 586480"/>
              <a:gd name="connsiteX1" fmla="*/ 204788 w 559597"/>
              <a:gd name="connsiteY1" fmla="*/ 19741 h 586480"/>
              <a:gd name="connsiteX2" fmla="*/ 254794 w 559597"/>
              <a:gd name="connsiteY2" fmla="*/ 88797 h 586480"/>
              <a:gd name="connsiteX3" fmla="*/ 235744 w 559597"/>
              <a:gd name="connsiteY3" fmla="*/ 167378 h 586480"/>
              <a:gd name="connsiteX4" fmla="*/ 409575 w 559597"/>
              <a:gd name="connsiteY4" fmla="*/ 7835 h 586480"/>
              <a:gd name="connsiteX5" fmla="*/ 450057 w 559597"/>
              <a:gd name="connsiteY5" fmla="*/ 26885 h 586480"/>
              <a:gd name="connsiteX6" fmla="*/ 352426 w 559597"/>
              <a:gd name="connsiteY6" fmla="*/ 176904 h 586480"/>
              <a:gd name="connsiteX7" fmla="*/ 464344 w 559597"/>
              <a:gd name="connsiteY7" fmla="*/ 38791 h 586480"/>
              <a:gd name="connsiteX8" fmla="*/ 497681 w 559597"/>
              <a:gd name="connsiteY8" fmla="*/ 53079 h 586480"/>
              <a:gd name="connsiteX9" fmla="*/ 438150 w 559597"/>
              <a:gd name="connsiteY9" fmla="*/ 160236 h 586480"/>
              <a:gd name="connsiteX10" fmla="*/ 559594 w 559597"/>
              <a:gd name="connsiteY10" fmla="*/ 212622 h 586480"/>
              <a:gd name="connsiteX11" fmla="*/ 276225 w 559597"/>
              <a:gd name="connsiteY11" fmla="*/ 410267 h 586480"/>
              <a:gd name="connsiteX12" fmla="*/ 176213 w 559597"/>
              <a:gd name="connsiteY12" fmla="*/ 586480 h 586480"/>
              <a:gd name="connsiteX13" fmla="*/ 73819 w 559597"/>
              <a:gd name="connsiteY13" fmla="*/ 515042 h 586480"/>
              <a:gd name="connsiteX14" fmla="*/ 0 w 559597"/>
              <a:gd name="connsiteY14" fmla="*/ 512660 h 586480"/>
              <a:gd name="connsiteX15" fmla="*/ 111919 w 559597"/>
              <a:gd name="connsiteY15" fmla="*/ 319778 h 586480"/>
              <a:gd name="connsiteX16" fmla="*/ 166688 w 559597"/>
              <a:gd name="connsiteY16" fmla="*/ 122135 h 586480"/>
              <a:gd name="connsiteX0" fmla="*/ 166688 w 564907"/>
              <a:gd name="connsiteY0" fmla="*/ 122135 h 586480"/>
              <a:gd name="connsiteX1" fmla="*/ 204788 w 564907"/>
              <a:gd name="connsiteY1" fmla="*/ 19741 h 586480"/>
              <a:gd name="connsiteX2" fmla="*/ 254794 w 564907"/>
              <a:gd name="connsiteY2" fmla="*/ 88797 h 586480"/>
              <a:gd name="connsiteX3" fmla="*/ 235744 w 564907"/>
              <a:gd name="connsiteY3" fmla="*/ 167378 h 586480"/>
              <a:gd name="connsiteX4" fmla="*/ 409575 w 564907"/>
              <a:gd name="connsiteY4" fmla="*/ 7835 h 586480"/>
              <a:gd name="connsiteX5" fmla="*/ 450057 w 564907"/>
              <a:gd name="connsiteY5" fmla="*/ 26885 h 586480"/>
              <a:gd name="connsiteX6" fmla="*/ 352426 w 564907"/>
              <a:gd name="connsiteY6" fmla="*/ 176904 h 586480"/>
              <a:gd name="connsiteX7" fmla="*/ 464344 w 564907"/>
              <a:gd name="connsiteY7" fmla="*/ 38791 h 586480"/>
              <a:gd name="connsiteX8" fmla="*/ 497681 w 564907"/>
              <a:gd name="connsiteY8" fmla="*/ 53079 h 586480"/>
              <a:gd name="connsiteX9" fmla="*/ 438150 w 564907"/>
              <a:gd name="connsiteY9" fmla="*/ 160236 h 586480"/>
              <a:gd name="connsiteX10" fmla="*/ 459582 w 564907"/>
              <a:gd name="connsiteY10" fmla="*/ 193572 h 586480"/>
              <a:gd name="connsiteX11" fmla="*/ 559594 w 564907"/>
              <a:gd name="connsiteY11" fmla="*/ 212622 h 586480"/>
              <a:gd name="connsiteX12" fmla="*/ 276225 w 564907"/>
              <a:gd name="connsiteY12" fmla="*/ 410267 h 586480"/>
              <a:gd name="connsiteX13" fmla="*/ 176213 w 564907"/>
              <a:gd name="connsiteY13" fmla="*/ 586480 h 586480"/>
              <a:gd name="connsiteX14" fmla="*/ 73819 w 564907"/>
              <a:gd name="connsiteY14" fmla="*/ 515042 h 586480"/>
              <a:gd name="connsiteX15" fmla="*/ 0 w 564907"/>
              <a:gd name="connsiteY15" fmla="*/ 512660 h 586480"/>
              <a:gd name="connsiteX16" fmla="*/ 111919 w 564907"/>
              <a:gd name="connsiteY16" fmla="*/ 319778 h 586480"/>
              <a:gd name="connsiteX17" fmla="*/ 166688 w 564907"/>
              <a:gd name="connsiteY17" fmla="*/ 122135 h 586480"/>
              <a:gd name="connsiteX0" fmla="*/ 166688 w 569449"/>
              <a:gd name="connsiteY0" fmla="*/ 122135 h 586480"/>
              <a:gd name="connsiteX1" fmla="*/ 204788 w 569449"/>
              <a:gd name="connsiteY1" fmla="*/ 19741 h 586480"/>
              <a:gd name="connsiteX2" fmla="*/ 254794 w 569449"/>
              <a:gd name="connsiteY2" fmla="*/ 88797 h 586480"/>
              <a:gd name="connsiteX3" fmla="*/ 235744 w 569449"/>
              <a:gd name="connsiteY3" fmla="*/ 167378 h 586480"/>
              <a:gd name="connsiteX4" fmla="*/ 409575 w 569449"/>
              <a:gd name="connsiteY4" fmla="*/ 7835 h 586480"/>
              <a:gd name="connsiteX5" fmla="*/ 450057 w 569449"/>
              <a:gd name="connsiteY5" fmla="*/ 26885 h 586480"/>
              <a:gd name="connsiteX6" fmla="*/ 352426 w 569449"/>
              <a:gd name="connsiteY6" fmla="*/ 176904 h 586480"/>
              <a:gd name="connsiteX7" fmla="*/ 464344 w 569449"/>
              <a:gd name="connsiteY7" fmla="*/ 38791 h 586480"/>
              <a:gd name="connsiteX8" fmla="*/ 497681 w 569449"/>
              <a:gd name="connsiteY8" fmla="*/ 53079 h 586480"/>
              <a:gd name="connsiteX9" fmla="*/ 438150 w 569449"/>
              <a:gd name="connsiteY9" fmla="*/ 160236 h 586480"/>
              <a:gd name="connsiteX10" fmla="*/ 521494 w 569449"/>
              <a:gd name="connsiteY10" fmla="*/ 84034 h 586480"/>
              <a:gd name="connsiteX11" fmla="*/ 559594 w 569449"/>
              <a:gd name="connsiteY11" fmla="*/ 212622 h 586480"/>
              <a:gd name="connsiteX12" fmla="*/ 276225 w 569449"/>
              <a:gd name="connsiteY12" fmla="*/ 410267 h 586480"/>
              <a:gd name="connsiteX13" fmla="*/ 176213 w 569449"/>
              <a:gd name="connsiteY13" fmla="*/ 586480 h 586480"/>
              <a:gd name="connsiteX14" fmla="*/ 73819 w 569449"/>
              <a:gd name="connsiteY14" fmla="*/ 515042 h 586480"/>
              <a:gd name="connsiteX15" fmla="*/ 0 w 569449"/>
              <a:gd name="connsiteY15" fmla="*/ 512660 h 586480"/>
              <a:gd name="connsiteX16" fmla="*/ 111919 w 569449"/>
              <a:gd name="connsiteY16" fmla="*/ 319778 h 586480"/>
              <a:gd name="connsiteX17" fmla="*/ 166688 w 569449"/>
              <a:gd name="connsiteY17" fmla="*/ 122135 h 586480"/>
              <a:gd name="connsiteX0" fmla="*/ 166688 w 577493"/>
              <a:gd name="connsiteY0" fmla="*/ 122135 h 586480"/>
              <a:gd name="connsiteX1" fmla="*/ 204788 w 577493"/>
              <a:gd name="connsiteY1" fmla="*/ 19741 h 586480"/>
              <a:gd name="connsiteX2" fmla="*/ 254794 w 577493"/>
              <a:gd name="connsiteY2" fmla="*/ 88797 h 586480"/>
              <a:gd name="connsiteX3" fmla="*/ 235744 w 577493"/>
              <a:gd name="connsiteY3" fmla="*/ 167378 h 586480"/>
              <a:gd name="connsiteX4" fmla="*/ 409575 w 577493"/>
              <a:gd name="connsiteY4" fmla="*/ 7835 h 586480"/>
              <a:gd name="connsiteX5" fmla="*/ 450057 w 577493"/>
              <a:gd name="connsiteY5" fmla="*/ 26885 h 586480"/>
              <a:gd name="connsiteX6" fmla="*/ 352426 w 577493"/>
              <a:gd name="connsiteY6" fmla="*/ 176904 h 586480"/>
              <a:gd name="connsiteX7" fmla="*/ 464344 w 577493"/>
              <a:gd name="connsiteY7" fmla="*/ 38791 h 586480"/>
              <a:gd name="connsiteX8" fmla="*/ 497681 w 577493"/>
              <a:gd name="connsiteY8" fmla="*/ 53079 h 586480"/>
              <a:gd name="connsiteX9" fmla="*/ 438150 w 577493"/>
              <a:gd name="connsiteY9" fmla="*/ 160236 h 586480"/>
              <a:gd name="connsiteX10" fmla="*/ 521494 w 577493"/>
              <a:gd name="connsiteY10" fmla="*/ 84034 h 586480"/>
              <a:gd name="connsiteX11" fmla="*/ 545307 w 577493"/>
              <a:gd name="connsiteY11" fmla="*/ 105466 h 586480"/>
              <a:gd name="connsiteX12" fmla="*/ 559594 w 577493"/>
              <a:gd name="connsiteY12" fmla="*/ 212622 h 586480"/>
              <a:gd name="connsiteX13" fmla="*/ 276225 w 577493"/>
              <a:gd name="connsiteY13" fmla="*/ 410267 h 586480"/>
              <a:gd name="connsiteX14" fmla="*/ 176213 w 577493"/>
              <a:gd name="connsiteY14" fmla="*/ 586480 h 586480"/>
              <a:gd name="connsiteX15" fmla="*/ 73819 w 577493"/>
              <a:gd name="connsiteY15" fmla="*/ 515042 h 586480"/>
              <a:gd name="connsiteX16" fmla="*/ 0 w 577493"/>
              <a:gd name="connsiteY16" fmla="*/ 512660 h 586480"/>
              <a:gd name="connsiteX17" fmla="*/ 111919 w 577493"/>
              <a:gd name="connsiteY17" fmla="*/ 319778 h 586480"/>
              <a:gd name="connsiteX18" fmla="*/ 166688 w 577493"/>
              <a:gd name="connsiteY18" fmla="*/ 122135 h 586480"/>
              <a:gd name="connsiteX0" fmla="*/ 166688 w 587910"/>
              <a:gd name="connsiteY0" fmla="*/ 122135 h 586480"/>
              <a:gd name="connsiteX1" fmla="*/ 204788 w 587910"/>
              <a:gd name="connsiteY1" fmla="*/ 19741 h 586480"/>
              <a:gd name="connsiteX2" fmla="*/ 254794 w 587910"/>
              <a:gd name="connsiteY2" fmla="*/ 88797 h 586480"/>
              <a:gd name="connsiteX3" fmla="*/ 235744 w 587910"/>
              <a:gd name="connsiteY3" fmla="*/ 167378 h 586480"/>
              <a:gd name="connsiteX4" fmla="*/ 409575 w 587910"/>
              <a:gd name="connsiteY4" fmla="*/ 7835 h 586480"/>
              <a:gd name="connsiteX5" fmla="*/ 450057 w 587910"/>
              <a:gd name="connsiteY5" fmla="*/ 26885 h 586480"/>
              <a:gd name="connsiteX6" fmla="*/ 352426 w 587910"/>
              <a:gd name="connsiteY6" fmla="*/ 176904 h 586480"/>
              <a:gd name="connsiteX7" fmla="*/ 464344 w 587910"/>
              <a:gd name="connsiteY7" fmla="*/ 38791 h 586480"/>
              <a:gd name="connsiteX8" fmla="*/ 497681 w 587910"/>
              <a:gd name="connsiteY8" fmla="*/ 53079 h 586480"/>
              <a:gd name="connsiteX9" fmla="*/ 438150 w 587910"/>
              <a:gd name="connsiteY9" fmla="*/ 160236 h 586480"/>
              <a:gd name="connsiteX10" fmla="*/ 521494 w 587910"/>
              <a:gd name="connsiteY10" fmla="*/ 84034 h 586480"/>
              <a:gd name="connsiteX11" fmla="*/ 545307 w 587910"/>
              <a:gd name="connsiteY11" fmla="*/ 105466 h 586480"/>
              <a:gd name="connsiteX12" fmla="*/ 576264 w 587910"/>
              <a:gd name="connsiteY12" fmla="*/ 148329 h 586480"/>
              <a:gd name="connsiteX13" fmla="*/ 559594 w 587910"/>
              <a:gd name="connsiteY13" fmla="*/ 212622 h 586480"/>
              <a:gd name="connsiteX14" fmla="*/ 276225 w 587910"/>
              <a:gd name="connsiteY14" fmla="*/ 410267 h 586480"/>
              <a:gd name="connsiteX15" fmla="*/ 176213 w 587910"/>
              <a:gd name="connsiteY15" fmla="*/ 586480 h 586480"/>
              <a:gd name="connsiteX16" fmla="*/ 73819 w 587910"/>
              <a:gd name="connsiteY16" fmla="*/ 515042 h 586480"/>
              <a:gd name="connsiteX17" fmla="*/ 0 w 587910"/>
              <a:gd name="connsiteY17" fmla="*/ 512660 h 586480"/>
              <a:gd name="connsiteX18" fmla="*/ 111919 w 587910"/>
              <a:gd name="connsiteY18" fmla="*/ 319778 h 586480"/>
              <a:gd name="connsiteX19" fmla="*/ 166688 w 587910"/>
              <a:gd name="connsiteY19" fmla="*/ 122135 h 586480"/>
              <a:gd name="connsiteX0" fmla="*/ 166688 w 569412"/>
              <a:gd name="connsiteY0" fmla="*/ 122135 h 586480"/>
              <a:gd name="connsiteX1" fmla="*/ 204788 w 569412"/>
              <a:gd name="connsiteY1" fmla="*/ 19741 h 586480"/>
              <a:gd name="connsiteX2" fmla="*/ 254794 w 569412"/>
              <a:gd name="connsiteY2" fmla="*/ 88797 h 586480"/>
              <a:gd name="connsiteX3" fmla="*/ 235744 w 569412"/>
              <a:gd name="connsiteY3" fmla="*/ 167378 h 586480"/>
              <a:gd name="connsiteX4" fmla="*/ 409575 w 569412"/>
              <a:gd name="connsiteY4" fmla="*/ 7835 h 586480"/>
              <a:gd name="connsiteX5" fmla="*/ 450057 w 569412"/>
              <a:gd name="connsiteY5" fmla="*/ 26885 h 586480"/>
              <a:gd name="connsiteX6" fmla="*/ 352426 w 569412"/>
              <a:gd name="connsiteY6" fmla="*/ 176904 h 586480"/>
              <a:gd name="connsiteX7" fmla="*/ 464344 w 569412"/>
              <a:gd name="connsiteY7" fmla="*/ 38791 h 586480"/>
              <a:gd name="connsiteX8" fmla="*/ 497681 w 569412"/>
              <a:gd name="connsiteY8" fmla="*/ 53079 h 586480"/>
              <a:gd name="connsiteX9" fmla="*/ 438150 w 569412"/>
              <a:gd name="connsiteY9" fmla="*/ 160236 h 586480"/>
              <a:gd name="connsiteX10" fmla="*/ 521494 w 569412"/>
              <a:gd name="connsiteY10" fmla="*/ 84034 h 586480"/>
              <a:gd name="connsiteX11" fmla="*/ 545307 w 569412"/>
              <a:gd name="connsiteY11" fmla="*/ 105466 h 586480"/>
              <a:gd name="connsiteX12" fmla="*/ 450058 w 569412"/>
              <a:gd name="connsiteY12" fmla="*/ 234054 h 586480"/>
              <a:gd name="connsiteX13" fmla="*/ 559594 w 569412"/>
              <a:gd name="connsiteY13" fmla="*/ 212622 h 586480"/>
              <a:gd name="connsiteX14" fmla="*/ 276225 w 569412"/>
              <a:gd name="connsiteY14" fmla="*/ 410267 h 586480"/>
              <a:gd name="connsiteX15" fmla="*/ 176213 w 569412"/>
              <a:gd name="connsiteY15" fmla="*/ 586480 h 586480"/>
              <a:gd name="connsiteX16" fmla="*/ 73819 w 569412"/>
              <a:gd name="connsiteY16" fmla="*/ 515042 h 586480"/>
              <a:gd name="connsiteX17" fmla="*/ 0 w 569412"/>
              <a:gd name="connsiteY17" fmla="*/ 512660 h 586480"/>
              <a:gd name="connsiteX18" fmla="*/ 111919 w 569412"/>
              <a:gd name="connsiteY18" fmla="*/ 319778 h 586480"/>
              <a:gd name="connsiteX19" fmla="*/ 166688 w 569412"/>
              <a:gd name="connsiteY19" fmla="*/ 122135 h 586480"/>
              <a:gd name="connsiteX0" fmla="*/ 166688 w 576340"/>
              <a:gd name="connsiteY0" fmla="*/ 122135 h 586480"/>
              <a:gd name="connsiteX1" fmla="*/ 204788 w 576340"/>
              <a:gd name="connsiteY1" fmla="*/ 19741 h 586480"/>
              <a:gd name="connsiteX2" fmla="*/ 254794 w 576340"/>
              <a:gd name="connsiteY2" fmla="*/ 88797 h 586480"/>
              <a:gd name="connsiteX3" fmla="*/ 235744 w 576340"/>
              <a:gd name="connsiteY3" fmla="*/ 167378 h 586480"/>
              <a:gd name="connsiteX4" fmla="*/ 409575 w 576340"/>
              <a:gd name="connsiteY4" fmla="*/ 7835 h 586480"/>
              <a:gd name="connsiteX5" fmla="*/ 450057 w 576340"/>
              <a:gd name="connsiteY5" fmla="*/ 26885 h 586480"/>
              <a:gd name="connsiteX6" fmla="*/ 352426 w 576340"/>
              <a:gd name="connsiteY6" fmla="*/ 176904 h 586480"/>
              <a:gd name="connsiteX7" fmla="*/ 464344 w 576340"/>
              <a:gd name="connsiteY7" fmla="*/ 38791 h 586480"/>
              <a:gd name="connsiteX8" fmla="*/ 497681 w 576340"/>
              <a:gd name="connsiteY8" fmla="*/ 53079 h 586480"/>
              <a:gd name="connsiteX9" fmla="*/ 438150 w 576340"/>
              <a:gd name="connsiteY9" fmla="*/ 160236 h 586480"/>
              <a:gd name="connsiteX10" fmla="*/ 521494 w 576340"/>
              <a:gd name="connsiteY10" fmla="*/ 84034 h 586480"/>
              <a:gd name="connsiteX11" fmla="*/ 545307 w 576340"/>
              <a:gd name="connsiteY11" fmla="*/ 105466 h 586480"/>
              <a:gd name="connsiteX12" fmla="*/ 450058 w 576340"/>
              <a:gd name="connsiteY12" fmla="*/ 234054 h 586480"/>
              <a:gd name="connsiteX13" fmla="*/ 533400 w 576340"/>
              <a:gd name="connsiteY13" fmla="*/ 215004 h 586480"/>
              <a:gd name="connsiteX14" fmla="*/ 559594 w 576340"/>
              <a:gd name="connsiteY14" fmla="*/ 212622 h 586480"/>
              <a:gd name="connsiteX15" fmla="*/ 276225 w 576340"/>
              <a:gd name="connsiteY15" fmla="*/ 410267 h 586480"/>
              <a:gd name="connsiteX16" fmla="*/ 176213 w 576340"/>
              <a:gd name="connsiteY16" fmla="*/ 586480 h 586480"/>
              <a:gd name="connsiteX17" fmla="*/ 73819 w 576340"/>
              <a:gd name="connsiteY17" fmla="*/ 515042 h 586480"/>
              <a:gd name="connsiteX18" fmla="*/ 0 w 576340"/>
              <a:gd name="connsiteY18" fmla="*/ 512660 h 586480"/>
              <a:gd name="connsiteX19" fmla="*/ 111919 w 576340"/>
              <a:gd name="connsiteY19" fmla="*/ 319778 h 586480"/>
              <a:gd name="connsiteX20" fmla="*/ 166688 w 576340"/>
              <a:gd name="connsiteY20" fmla="*/ 122135 h 586480"/>
              <a:gd name="connsiteX0" fmla="*/ 166688 w 577317"/>
              <a:gd name="connsiteY0" fmla="*/ 122135 h 586480"/>
              <a:gd name="connsiteX1" fmla="*/ 204788 w 577317"/>
              <a:gd name="connsiteY1" fmla="*/ 19741 h 586480"/>
              <a:gd name="connsiteX2" fmla="*/ 254794 w 577317"/>
              <a:gd name="connsiteY2" fmla="*/ 88797 h 586480"/>
              <a:gd name="connsiteX3" fmla="*/ 235744 w 577317"/>
              <a:gd name="connsiteY3" fmla="*/ 167378 h 586480"/>
              <a:gd name="connsiteX4" fmla="*/ 409575 w 577317"/>
              <a:gd name="connsiteY4" fmla="*/ 7835 h 586480"/>
              <a:gd name="connsiteX5" fmla="*/ 450057 w 577317"/>
              <a:gd name="connsiteY5" fmla="*/ 26885 h 586480"/>
              <a:gd name="connsiteX6" fmla="*/ 352426 w 577317"/>
              <a:gd name="connsiteY6" fmla="*/ 176904 h 586480"/>
              <a:gd name="connsiteX7" fmla="*/ 464344 w 577317"/>
              <a:gd name="connsiteY7" fmla="*/ 38791 h 586480"/>
              <a:gd name="connsiteX8" fmla="*/ 497681 w 577317"/>
              <a:gd name="connsiteY8" fmla="*/ 53079 h 586480"/>
              <a:gd name="connsiteX9" fmla="*/ 438150 w 577317"/>
              <a:gd name="connsiteY9" fmla="*/ 160236 h 586480"/>
              <a:gd name="connsiteX10" fmla="*/ 521494 w 577317"/>
              <a:gd name="connsiteY10" fmla="*/ 84034 h 586480"/>
              <a:gd name="connsiteX11" fmla="*/ 545307 w 577317"/>
              <a:gd name="connsiteY11" fmla="*/ 105466 h 586480"/>
              <a:gd name="connsiteX12" fmla="*/ 450058 w 577317"/>
              <a:gd name="connsiteY12" fmla="*/ 234054 h 586480"/>
              <a:gd name="connsiteX13" fmla="*/ 538162 w 577317"/>
              <a:gd name="connsiteY13" fmla="*/ 167379 h 586480"/>
              <a:gd name="connsiteX14" fmla="*/ 559594 w 577317"/>
              <a:gd name="connsiteY14" fmla="*/ 212622 h 586480"/>
              <a:gd name="connsiteX15" fmla="*/ 276225 w 577317"/>
              <a:gd name="connsiteY15" fmla="*/ 410267 h 586480"/>
              <a:gd name="connsiteX16" fmla="*/ 176213 w 577317"/>
              <a:gd name="connsiteY16" fmla="*/ 586480 h 586480"/>
              <a:gd name="connsiteX17" fmla="*/ 73819 w 577317"/>
              <a:gd name="connsiteY17" fmla="*/ 515042 h 586480"/>
              <a:gd name="connsiteX18" fmla="*/ 0 w 577317"/>
              <a:gd name="connsiteY18" fmla="*/ 512660 h 586480"/>
              <a:gd name="connsiteX19" fmla="*/ 111919 w 577317"/>
              <a:gd name="connsiteY19" fmla="*/ 319778 h 586480"/>
              <a:gd name="connsiteX20" fmla="*/ 166688 w 577317"/>
              <a:gd name="connsiteY20" fmla="*/ 122135 h 586480"/>
              <a:gd name="connsiteX0" fmla="*/ 166688 w 552866"/>
              <a:gd name="connsiteY0" fmla="*/ 122135 h 586480"/>
              <a:gd name="connsiteX1" fmla="*/ 204788 w 552866"/>
              <a:gd name="connsiteY1" fmla="*/ 19741 h 586480"/>
              <a:gd name="connsiteX2" fmla="*/ 254794 w 552866"/>
              <a:gd name="connsiteY2" fmla="*/ 88797 h 586480"/>
              <a:gd name="connsiteX3" fmla="*/ 235744 w 552866"/>
              <a:gd name="connsiteY3" fmla="*/ 167378 h 586480"/>
              <a:gd name="connsiteX4" fmla="*/ 409575 w 552866"/>
              <a:gd name="connsiteY4" fmla="*/ 7835 h 586480"/>
              <a:gd name="connsiteX5" fmla="*/ 450057 w 552866"/>
              <a:gd name="connsiteY5" fmla="*/ 26885 h 586480"/>
              <a:gd name="connsiteX6" fmla="*/ 352426 w 552866"/>
              <a:gd name="connsiteY6" fmla="*/ 176904 h 586480"/>
              <a:gd name="connsiteX7" fmla="*/ 464344 w 552866"/>
              <a:gd name="connsiteY7" fmla="*/ 38791 h 586480"/>
              <a:gd name="connsiteX8" fmla="*/ 497681 w 552866"/>
              <a:gd name="connsiteY8" fmla="*/ 53079 h 586480"/>
              <a:gd name="connsiteX9" fmla="*/ 438150 w 552866"/>
              <a:gd name="connsiteY9" fmla="*/ 160236 h 586480"/>
              <a:gd name="connsiteX10" fmla="*/ 521494 w 552866"/>
              <a:gd name="connsiteY10" fmla="*/ 84034 h 586480"/>
              <a:gd name="connsiteX11" fmla="*/ 545307 w 552866"/>
              <a:gd name="connsiteY11" fmla="*/ 105466 h 586480"/>
              <a:gd name="connsiteX12" fmla="*/ 450058 w 552866"/>
              <a:gd name="connsiteY12" fmla="*/ 234054 h 586480"/>
              <a:gd name="connsiteX13" fmla="*/ 538162 w 552866"/>
              <a:gd name="connsiteY13" fmla="*/ 167379 h 586480"/>
              <a:gd name="connsiteX14" fmla="*/ 521494 w 552866"/>
              <a:gd name="connsiteY14" fmla="*/ 224528 h 586480"/>
              <a:gd name="connsiteX15" fmla="*/ 276225 w 552866"/>
              <a:gd name="connsiteY15" fmla="*/ 410267 h 586480"/>
              <a:gd name="connsiteX16" fmla="*/ 176213 w 552866"/>
              <a:gd name="connsiteY16" fmla="*/ 586480 h 586480"/>
              <a:gd name="connsiteX17" fmla="*/ 73819 w 552866"/>
              <a:gd name="connsiteY17" fmla="*/ 515042 h 586480"/>
              <a:gd name="connsiteX18" fmla="*/ 0 w 552866"/>
              <a:gd name="connsiteY18" fmla="*/ 512660 h 586480"/>
              <a:gd name="connsiteX19" fmla="*/ 111919 w 552866"/>
              <a:gd name="connsiteY19" fmla="*/ 319778 h 586480"/>
              <a:gd name="connsiteX20" fmla="*/ 166688 w 552866"/>
              <a:gd name="connsiteY20" fmla="*/ 122135 h 586480"/>
              <a:gd name="connsiteX0" fmla="*/ 166688 w 555129"/>
              <a:gd name="connsiteY0" fmla="*/ 122135 h 586480"/>
              <a:gd name="connsiteX1" fmla="*/ 204788 w 555129"/>
              <a:gd name="connsiteY1" fmla="*/ 19741 h 586480"/>
              <a:gd name="connsiteX2" fmla="*/ 254794 w 555129"/>
              <a:gd name="connsiteY2" fmla="*/ 88797 h 586480"/>
              <a:gd name="connsiteX3" fmla="*/ 235744 w 555129"/>
              <a:gd name="connsiteY3" fmla="*/ 167378 h 586480"/>
              <a:gd name="connsiteX4" fmla="*/ 409575 w 555129"/>
              <a:gd name="connsiteY4" fmla="*/ 7835 h 586480"/>
              <a:gd name="connsiteX5" fmla="*/ 450057 w 555129"/>
              <a:gd name="connsiteY5" fmla="*/ 26885 h 586480"/>
              <a:gd name="connsiteX6" fmla="*/ 352426 w 555129"/>
              <a:gd name="connsiteY6" fmla="*/ 176904 h 586480"/>
              <a:gd name="connsiteX7" fmla="*/ 464344 w 555129"/>
              <a:gd name="connsiteY7" fmla="*/ 38791 h 586480"/>
              <a:gd name="connsiteX8" fmla="*/ 497681 w 555129"/>
              <a:gd name="connsiteY8" fmla="*/ 53079 h 586480"/>
              <a:gd name="connsiteX9" fmla="*/ 438150 w 555129"/>
              <a:gd name="connsiteY9" fmla="*/ 160236 h 586480"/>
              <a:gd name="connsiteX10" fmla="*/ 521494 w 555129"/>
              <a:gd name="connsiteY10" fmla="*/ 84034 h 586480"/>
              <a:gd name="connsiteX11" fmla="*/ 545307 w 555129"/>
              <a:gd name="connsiteY11" fmla="*/ 105466 h 586480"/>
              <a:gd name="connsiteX12" fmla="*/ 450058 w 555129"/>
              <a:gd name="connsiteY12" fmla="*/ 234054 h 586480"/>
              <a:gd name="connsiteX13" fmla="*/ 538162 w 555129"/>
              <a:gd name="connsiteY13" fmla="*/ 167379 h 586480"/>
              <a:gd name="connsiteX14" fmla="*/ 526256 w 555129"/>
              <a:gd name="connsiteY14" fmla="*/ 236434 h 586480"/>
              <a:gd name="connsiteX15" fmla="*/ 276225 w 555129"/>
              <a:gd name="connsiteY15" fmla="*/ 410267 h 586480"/>
              <a:gd name="connsiteX16" fmla="*/ 176213 w 555129"/>
              <a:gd name="connsiteY16" fmla="*/ 586480 h 586480"/>
              <a:gd name="connsiteX17" fmla="*/ 73819 w 555129"/>
              <a:gd name="connsiteY17" fmla="*/ 515042 h 586480"/>
              <a:gd name="connsiteX18" fmla="*/ 0 w 555129"/>
              <a:gd name="connsiteY18" fmla="*/ 512660 h 586480"/>
              <a:gd name="connsiteX19" fmla="*/ 111919 w 555129"/>
              <a:gd name="connsiteY19" fmla="*/ 319778 h 586480"/>
              <a:gd name="connsiteX20" fmla="*/ 166688 w 555129"/>
              <a:gd name="connsiteY20" fmla="*/ 122135 h 586480"/>
              <a:gd name="connsiteX0" fmla="*/ 166688 w 555129"/>
              <a:gd name="connsiteY0" fmla="*/ 122135 h 586480"/>
              <a:gd name="connsiteX1" fmla="*/ 204788 w 555129"/>
              <a:gd name="connsiteY1" fmla="*/ 19741 h 586480"/>
              <a:gd name="connsiteX2" fmla="*/ 254794 w 555129"/>
              <a:gd name="connsiteY2" fmla="*/ 88797 h 586480"/>
              <a:gd name="connsiteX3" fmla="*/ 235744 w 555129"/>
              <a:gd name="connsiteY3" fmla="*/ 167378 h 586480"/>
              <a:gd name="connsiteX4" fmla="*/ 409575 w 555129"/>
              <a:gd name="connsiteY4" fmla="*/ 7835 h 586480"/>
              <a:gd name="connsiteX5" fmla="*/ 450057 w 555129"/>
              <a:gd name="connsiteY5" fmla="*/ 26885 h 586480"/>
              <a:gd name="connsiteX6" fmla="*/ 352426 w 555129"/>
              <a:gd name="connsiteY6" fmla="*/ 176904 h 586480"/>
              <a:gd name="connsiteX7" fmla="*/ 464344 w 555129"/>
              <a:gd name="connsiteY7" fmla="*/ 38791 h 586480"/>
              <a:gd name="connsiteX8" fmla="*/ 497681 w 555129"/>
              <a:gd name="connsiteY8" fmla="*/ 53079 h 586480"/>
              <a:gd name="connsiteX9" fmla="*/ 438150 w 555129"/>
              <a:gd name="connsiteY9" fmla="*/ 160236 h 586480"/>
              <a:gd name="connsiteX10" fmla="*/ 521494 w 555129"/>
              <a:gd name="connsiteY10" fmla="*/ 84034 h 586480"/>
              <a:gd name="connsiteX11" fmla="*/ 545307 w 555129"/>
              <a:gd name="connsiteY11" fmla="*/ 105466 h 586480"/>
              <a:gd name="connsiteX12" fmla="*/ 450058 w 555129"/>
              <a:gd name="connsiteY12" fmla="*/ 234054 h 586480"/>
              <a:gd name="connsiteX13" fmla="*/ 538162 w 555129"/>
              <a:gd name="connsiteY13" fmla="*/ 167379 h 586480"/>
              <a:gd name="connsiteX14" fmla="*/ 526256 w 555129"/>
              <a:gd name="connsiteY14" fmla="*/ 236434 h 586480"/>
              <a:gd name="connsiteX15" fmla="*/ 276225 w 555129"/>
              <a:gd name="connsiteY15" fmla="*/ 410267 h 586480"/>
              <a:gd name="connsiteX16" fmla="*/ 176213 w 555129"/>
              <a:gd name="connsiteY16" fmla="*/ 586480 h 586480"/>
              <a:gd name="connsiteX17" fmla="*/ 73819 w 555129"/>
              <a:gd name="connsiteY17" fmla="*/ 515042 h 586480"/>
              <a:gd name="connsiteX18" fmla="*/ 0 w 555129"/>
              <a:gd name="connsiteY18" fmla="*/ 512660 h 586480"/>
              <a:gd name="connsiteX19" fmla="*/ 111919 w 555129"/>
              <a:gd name="connsiteY19" fmla="*/ 319778 h 586480"/>
              <a:gd name="connsiteX20" fmla="*/ 166688 w 555129"/>
              <a:gd name="connsiteY20" fmla="*/ 122135 h 586480"/>
              <a:gd name="connsiteX0" fmla="*/ 166688 w 555129"/>
              <a:gd name="connsiteY0" fmla="*/ 122135 h 586480"/>
              <a:gd name="connsiteX1" fmla="*/ 204788 w 555129"/>
              <a:gd name="connsiteY1" fmla="*/ 19741 h 586480"/>
              <a:gd name="connsiteX2" fmla="*/ 254794 w 555129"/>
              <a:gd name="connsiteY2" fmla="*/ 88797 h 586480"/>
              <a:gd name="connsiteX3" fmla="*/ 235744 w 555129"/>
              <a:gd name="connsiteY3" fmla="*/ 167378 h 586480"/>
              <a:gd name="connsiteX4" fmla="*/ 409575 w 555129"/>
              <a:gd name="connsiteY4" fmla="*/ 7835 h 586480"/>
              <a:gd name="connsiteX5" fmla="*/ 450057 w 555129"/>
              <a:gd name="connsiteY5" fmla="*/ 26885 h 586480"/>
              <a:gd name="connsiteX6" fmla="*/ 352426 w 555129"/>
              <a:gd name="connsiteY6" fmla="*/ 176904 h 586480"/>
              <a:gd name="connsiteX7" fmla="*/ 464344 w 555129"/>
              <a:gd name="connsiteY7" fmla="*/ 38791 h 586480"/>
              <a:gd name="connsiteX8" fmla="*/ 497681 w 555129"/>
              <a:gd name="connsiteY8" fmla="*/ 53079 h 586480"/>
              <a:gd name="connsiteX9" fmla="*/ 438150 w 555129"/>
              <a:gd name="connsiteY9" fmla="*/ 160236 h 586480"/>
              <a:gd name="connsiteX10" fmla="*/ 521494 w 555129"/>
              <a:gd name="connsiteY10" fmla="*/ 84034 h 586480"/>
              <a:gd name="connsiteX11" fmla="*/ 545307 w 555129"/>
              <a:gd name="connsiteY11" fmla="*/ 105466 h 586480"/>
              <a:gd name="connsiteX12" fmla="*/ 450058 w 555129"/>
              <a:gd name="connsiteY12" fmla="*/ 234054 h 586480"/>
              <a:gd name="connsiteX13" fmla="*/ 538162 w 555129"/>
              <a:gd name="connsiteY13" fmla="*/ 167379 h 586480"/>
              <a:gd name="connsiteX14" fmla="*/ 526256 w 555129"/>
              <a:gd name="connsiteY14" fmla="*/ 236434 h 586480"/>
              <a:gd name="connsiteX15" fmla="*/ 276225 w 555129"/>
              <a:gd name="connsiteY15" fmla="*/ 410267 h 586480"/>
              <a:gd name="connsiteX16" fmla="*/ 176213 w 555129"/>
              <a:gd name="connsiteY16" fmla="*/ 586480 h 586480"/>
              <a:gd name="connsiteX17" fmla="*/ 73819 w 555129"/>
              <a:gd name="connsiteY17" fmla="*/ 515042 h 586480"/>
              <a:gd name="connsiteX18" fmla="*/ 0 w 555129"/>
              <a:gd name="connsiteY18" fmla="*/ 512660 h 586480"/>
              <a:gd name="connsiteX19" fmla="*/ 111919 w 555129"/>
              <a:gd name="connsiteY19" fmla="*/ 319778 h 586480"/>
              <a:gd name="connsiteX20" fmla="*/ 166688 w 555129"/>
              <a:gd name="connsiteY20" fmla="*/ 122135 h 586480"/>
              <a:gd name="connsiteX0" fmla="*/ 166688 w 555129"/>
              <a:gd name="connsiteY0" fmla="*/ 122135 h 586480"/>
              <a:gd name="connsiteX1" fmla="*/ 204788 w 555129"/>
              <a:gd name="connsiteY1" fmla="*/ 19741 h 586480"/>
              <a:gd name="connsiteX2" fmla="*/ 254794 w 555129"/>
              <a:gd name="connsiteY2" fmla="*/ 88797 h 586480"/>
              <a:gd name="connsiteX3" fmla="*/ 235744 w 555129"/>
              <a:gd name="connsiteY3" fmla="*/ 167378 h 586480"/>
              <a:gd name="connsiteX4" fmla="*/ 409575 w 555129"/>
              <a:gd name="connsiteY4" fmla="*/ 7835 h 586480"/>
              <a:gd name="connsiteX5" fmla="*/ 450057 w 555129"/>
              <a:gd name="connsiteY5" fmla="*/ 26885 h 586480"/>
              <a:gd name="connsiteX6" fmla="*/ 352426 w 555129"/>
              <a:gd name="connsiteY6" fmla="*/ 176904 h 586480"/>
              <a:gd name="connsiteX7" fmla="*/ 464344 w 555129"/>
              <a:gd name="connsiteY7" fmla="*/ 38791 h 586480"/>
              <a:gd name="connsiteX8" fmla="*/ 497681 w 555129"/>
              <a:gd name="connsiteY8" fmla="*/ 53079 h 586480"/>
              <a:gd name="connsiteX9" fmla="*/ 438150 w 555129"/>
              <a:gd name="connsiteY9" fmla="*/ 160236 h 586480"/>
              <a:gd name="connsiteX10" fmla="*/ 521494 w 555129"/>
              <a:gd name="connsiteY10" fmla="*/ 84034 h 586480"/>
              <a:gd name="connsiteX11" fmla="*/ 545307 w 555129"/>
              <a:gd name="connsiteY11" fmla="*/ 105466 h 586480"/>
              <a:gd name="connsiteX12" fmla="*/ 450058 w 555129"/>
              <a:gd name="connsiteY12" fmla="*/ 234054 h 586480"/>
              <a:gd name="connsiteX13" fmla="*/ 538162 w 555129"/>
              <a:gd name="connsiteY13" fmla="*/ 167379 h 586480"/>
              <a:gd name="connsiteX14" fmla="*/ 526256 w 555129"/>
              <a:gd name="connsiteY14" fmla="*/ 236434 h 586480"/>
              <a:gd name="connsiteX15" fmla="*/ 276225 w 555129"/>
              <a:gd name="connsiteY15" fmla="*/ 410267 h 586480"/>
              <a:gd name="connsiteX16" fmla="*/ 176213 w 555129"/>
              <a:gd name="connsiteY16" fmla="*/ 586480 h 586480"/>
              <a:gd name="connsiteX17" fmla="*/ 73819 w 555129"/>
              <a:gd name="connsiteY17" fmla="*/ 515042 h 586480"/>
              <a:gd name="connsiteX18" fmla="*/ 0 w 555129"/>
              <a:gd name="connsiteY18" fmla="*/ 512660 h 586480"/>
              <a:gd name="connsiteX19" fmla="*/ 111919 w 555129"/>
              <a:gd name="connsiteY19" fmla="*/ 319778 h 586480"/>
              <a:gd name="connsiteX20" fmla="*/ 166688 w 555129"/>
              <a:gd name="connsiteY20" fmla="*/ 122135 h 586480"/>
              <a:gd name="connsiteX0" fmla="*/ 166688 w 555129"/>
              <a:gd name="connsiteY0" fmla="*/ 122135 h 586480"/>
              <a:gd name="connsiteX1" fmla="*/ 204788 w 555129"/>
              <a:gd name="connsiteY1" fmla="*/ 19741 h 586480"/>
              <a:gd name="connsiteX2" fmla="*/ 254794 w 555129"/>
              <a:gd name="connsiteY2" fmla="*/ 88797 h 586480"/>
              <a:gd name="connsiteX3" fmla="*/ 235744 w 555129"/>
              <a:gd name="connsiteY3" fmla="*/ 167378 h 586480"/>
              <a:gd name="connsiteX4" fmla="*/ 409575 w 555129"/>
              <a:gd name="connsiteY4" fmla="*/ 7835 h 586480"/>
              <a:gd name="connsiteX5" fmla="*/ 450057 w 555129"/>
              <a:gd name="connsiteY5" fmla="*/ 26885 h 586480"/>
              <a:gd name="connsiteX6" fmla="*/ 352426 w 555129"/>
              <a:gd name="connsiteY6" fmla="*/ 176904 h 586480"/>
              <a:gd name="connsiteX7" fmla="*/ 464344 w 555129"/>
              <a:gd name="connsiteY7" fmla="*/ 38791 h 586480"/>
              <a:gd name="connsiteX8" fmla="*/ 497681 w 555129"/>
              <a:gd name="connsiteY8" fmla="*/ 53079 h 586480"/>
              <a:gd name="connsiteX9" fmla="*/ 438150 w 555129"/>
              <a:gd name="connsiteY9" fmla="*/ 160236 h 586480"/>
              <a:gd name="connsiteX10" fmla="*/ 521494 w 555129"/>
              <a:gd name="connsiteY10" fmla="*/ 84034 h 586480"/>
              <a:gd name="connsiteX11" fmla="*/ 545307 w 555129"/>
              <a:gd name="connsiteY11" fmla="*/ 105466 h 586480"/>
              <a:gd name="connsiteX12" fmla="*/ 450058 w 555129"/>
              <a:gd name="connsiteY12" fmla="*/ 234054 h 586480"/>
              <a:gd name="connsiteX13" fmla="*/ 538162 w 555129"/>
              <a:gd name="connsiteY13" fmla="*/ 167379 h 586480"/>
              <a:gd name="connsiteX14" fmla="*/ 526256 w 555129"/>
              <a:gd name="connsiteY14" fmla="*/ 236434 h 586480"/>
              <a:gd name="connsiteX15" fmla="*/ 276225 w 555129"/>
              <a:gd name="connsiteY15" fmla="*/ 410267 h 586480"/>
              <a:gd name="connsiteX16" fmla="*/ 176213 w 555129"/>
              <a:gd name="connsiteY16" fmla="*/ 586480 h 586480"/>
              <a:gd name="connsiteX17" fmla="*/ 73819 w 555129"/>
              <a:gd name="connsiteY17" fmla="*/ 515042 h 586480"/>
              <a:gd name="connsiteX18" fmla="*/ 0 w 555129"/>
              <a:gd name="connsiteY18" fmla="*/ 512660 h 586480"/>
              <a:gd name="connsiteX19" fmla="*/ 111919 w 555129"/>
              <a:gd name="connsiteY19" fmla="*/ 319778 h 586480"/>
              <a:gd name="connsiteX20" fmla="*/ 166688 w 555129"/>
              <a:gd name="connsiteY20" fmla="*/ 122135 h 586480"/>
              <a:gd name="connsiteX0" fmla="*/ 166688 w 555129"/>
              <a:gd name="connsiteY0" fmla="*/ 122595 h 586940"/>
              <a:gd name="connsiteX1" fmla="*/ 204788 w 555129"/>
              <a:gd name="connsiteY1" fmla="*/ 20201 h 586940"/>
              <a:gd name="connsiteX2" fmla="*/ 254794 w 555129"/>
              <a:gd name="connsiteY2" fmla="*/ 89257 h 586940"/>
              <a:gd name="connsiteX3" fmla="*/ 235744 w 555129"/>
              <a:gd name="connsiteY3" fmla="*/ 167838 h 586940"/>
              <a:gd name="connsiteX4" fmla="*/ 409575 w 555129"/>
              <a:gd name="connsiteY4" fmla="*/ 8295 h 586940"/>
              <a:gd name="connsiteX5" fmla="*/ 450057 w 555129"/>
              <a:gd name="connsiteY5" fmla="*/ 27345 h 586940"/>
              <a:gd name="connsiteX6" fmla="*/ 352426 w 555129"/>
              <a:gd name="connsiteY6" fmla="*/ 177364 h 586940"/>
              <a:gd name="connsiteX7" fmla="*/ 464344 w 555129"/>
              <a:gd name="connsiteY7" fmla="*/ 39251 h 586940"/>
              <a:gd name="connsiteX8" fmla="*/ 497681 w 555129"/>
              <a:gd name="connsiteY8" fmla="*/ 53539 h 586940"/>
              <a:gd name="connsiteX9" fmla="*/ 438150 w 555129"/>
              <a:gd name="connsiteY9" fmla="*/ 160696 h 586940"/>
              <a:gd name="connsiteX10" fmla="*/ 521494 w 555129"/>
              <a:gd name="connsiteY10" fmla="*/ 84494 h 586940"/>
              <a:gd name="connsiteX11" fmla="*/ 545307 w 555129"/>
              <a:gd name="connsiteY11" fmla="*/ 105926 h 586940"/>
              <a:gd name="connsiteX12" fmla="*/ 450058 w 555129"/>
              <a:gd name="connsiteY12" fmla="*/ 234514 h 586940"/>
              <a:gd name="connsiteX13" fmla="*/ 538162 w 555129"/>
              <a:gd name="connsiteY13" fmla="*/ 167839 h 586940"/>
              <a:gd name="connsiteX14" fmla="*/ 526256 w 555129"/>
              <a:gd name="connsiteY14" fmla="*/ 236894 h 586940"/>
              <a:gd name="connsiteX15" fmla="*/ 276225 w 555129"/>
              <a:gd name="connsiteY15" fmla="*/ 410727 h 586940"/>
              <a:gd name="connsiteX16" fmla="*/ 176213 w 555129"/>
              <a:gd name="connsiteY16" fmla="*/ 586940 h 586940"/>
              <a:gd name="connsiteX17" fmla="*/ 73819 w 555129"/>
              <a:gd name="connsiteY17" fmla="*/ 515502 h 586940"/>
              <a:gd name="connsiteX18" fmla="*/ 0 w 555129"/>
              <a:gd name="connsiteY18" fmla="*/ 513120 h 586940"/>
              <a:gd name="connsiteX19" fmla="*/ 111919 w 555129"/>
              <a:gd name="connsiteY19" fmla="*/ 320238 h 586940"/>
              <a:gd name="connsiteX20" fmla="*/ 166688 w 555129"/>
              <a:gd name="connsiteY20" fmla="*/ 122595 h 586940"/>
              <a:gd name="connsiteX0" fmla="*/ 166688 w 555129"/>
              <a:gd name="connsiteY0" fmla="*/ 118297 h 582642"/>
              <a:gd name="connsiteX1" fmla="*/ 204788 w 555129"/>
              <a:gd name="connsiteY1" fmla="*/ 15903 h 582642"/>
              <a:gd name="connsiteX2" fmla="*/ 254794 w 555129"/>
              <a:gd name="connsiteY2" fmla="*/ 84959 h 582642"/>
              <a:gd name="connsiteX3" fmla="*/ 235744 w 555129"/>
              <a:gd name="connsiteY3" fmla="*/ 163540 h 582642"/>
              <a:gd name="connsiteX4" fmla="*/ 409575 w 555129"/>
              <a:gd name="connsiteY4" fmla="*/ 3997 h 582642"/>
              <a:gd name="connsiteX5" fmla="*/ 450057 w 555129"/>
              <a:gd name="connsiteY5" fmla="*/ 23047 h 582642"/>
              <a:gd name="connsiteX6" fmla="*/ 352426 w 555129"/>
              <a:gd name="connsiteY6" fmla="*/ 173066 h 582642"/>
              <a:gd name="connsiteX7" fmla="*/ 464344 w 555129"/>
              <a:gd name="connsiteY7" fmla="*/ 34953 h 582642"/>
              <a:gd name="connsiteX8" fmla="*/ 497681 w 555129"/>
              <a:gd name="connsiteY8" fmla="*/ 49241 h 582642"/>
              <a:gd name="connsiteX9" fmla="*/ 438150 w 555129"/>
              <a:gd name="connsiteY9" fmla="*/ 156398 h 582642"/>
              <a:gd name="connsiteX10" fmla="*/ 521494 w 555129"/>
              <a:gd name="connsiteY10" fmla="*/ 80196 h 582642"/>
              <a:gd name="connsiteX11" fmla="*/ 545307 w 555129"/>
              <a:gd name="connsiteY11" fmla="*/ 101628 h 582642"/>
              <a:gd name="connsiteX12" fmla="*/ 450058 w 555129"/>
              <a:gd name="connsiteY12" fmla="*/ 230216 h 582642"/>
              <a:gd name="connsiteX13" fmla="*/ 538162 w 555129"/>
              <a:gd name="connsiteY13" fmla="*/ 163541 h 582642"/>
              <a:gd name="connsiteX14" fmla="*/ 526256 w 555129"/>
              <a:gd name="connsiteY14" fmla="*/ 232596 h 582642"/>
              <a:gd name="connsiteX15" fmla="*/ 276225 w 555129"/>
              <a:gd name="connsiteY15" fmla="*/ 406429 h 582642"/>
              <a:gd name="connsiteX16" fmla="*/ 176213 w 555129"/>
              <a:gd name="connsiteY16" fmla="*/ 582642 h 582642"/>
              <a:gd name="connsiteX17" fmla="*/ 73819 w 555129"/>
              <a:gd name="connsiteY17" fmla="*/ 511204 h 582642"/>
              <a:gd name="connsiteX18" fmla="*/ 0 w 555129"/>
              <a:gd name="connsiteY18" fmla="*/ 508822 h 582642"/>
              <a:gd name="connsiteX19" fmla="*/ 111919 w 555129"/>
              <a:gd name="connsiteY19" fmla="*/ 315940 h 582642"/>
              <a:gd name="connsiteX20" fmla="*/ 166688 w 555129"/>
              <a:gd name="connsiteY20" fmla="*/ 118297 h 582642"/>
              <a:gd name="connsiteX0" fmla="*/ 166688 w 555129"/>
              <a:gd name="connsiteY0" fmla="*/ 118140 h 582485"/>
              <a:gd name="connsiteX1" fmla="*/ 204788 w 555129"/>
              <a:gd name="connsiteY1" fmla="*/ 15746 h 582485"/>
              <a:gd name="connsiteX2" fmla="*/ 254794 w 555129"/>
              <a:gd name="connsiteY2" fmla="*/ 84802 h 582485"/>
              <a:gd name="connsiteX3" fmla="*/ 235744 w 555129"/>
              <a:gd name="connsiteY3" fmla="*/ 163383 h 582485"/>
              <a:gd name="connsiteX4" fmla="*/ 409575 w 555129"/>
              <a:gd name="connsiteY4" fmla="*/ 3840 h 582485"/>
              <a:gd name="connsiteX5" fmla="*/ 446797 w 555129"/>
              <a:gd name="connsiteY5" fmla="*/ 23977 h 582485"/>
              <a:gd name="connsiteX6" fmla="*/ 352426 w 555129"/>
              <a:gd name="connsiteY6" fmla="*/ 172909 h 582485"/>
              <a:gd name="connsiteX7" fmla="*/ 464344 w 555129"/>
              <a:gd name="connsiteY7" fmla="*/ 34796 h 582485"/>
              <a:gd name="connsiteX8" fmla="*/ 497681 w 555129"/>
              <a:gd name="connsiteY8" fmla="*/ 49084 h 582485"/>
              <a:gd name="connsiteX9" fmla="*/ 438150 w 555129"/>
              <a:gd name="connsiteY9" fmla="*/ 156241 h 582485"/>
              <a:gd name="connsiteX10" fmla="*/ 521494 w 555129"/>
              <a:gd name="connsiteY10" fmla="*/ 80039 h 582485"/>
              <a:gd name="connsiteX11" fmla="*/ 545307 w 555129"/>
              <a:gd name="connsiteY11" fmla="*/ 101471 h 582485"/>
              <a:gd name="connsiteX12" fmla="*/ 450058 w 555129"/>
              <a:gd name="connsiteY12" fmla="*/ 230059 h 582485"/>
              <a:gd name="connsiteX13" fmla="*/ 538162 w 555129"/>
              <a:gd name="connsiteY13" fmla="*/ 163384 h 582485"/>
              <a:gd name="connsiteX14" fmla="*/ 526256 w 555129"/>
              <a:gd name="connsiteY14" fmla="*/ 232439 h 582485"/>
              <a:gd name="connsiteX15" fmla="*/ 276225 w 555129"/>
              <a:gd name="connsiteY15" fmla="*/ 406272 h 582485"/>
              <a:gd name="connsiteX16" fmla="*/ 176213 w 555129"/>
              <a:gd name="connsiteY16" fmla="*/ 582485 h 582485"/>
              <a:gd name="connsiteX17" fmla="*/ 73819 w 555129"/>
              <a:gd name="connsiteY17" fmla="*/ 511047 h 582485"/>
              <a:gd name="connsiteX18" fmla="*/ 0 w 555129"/>
              <a:gd name="connsiteY18" fmla="*/ 508665 h 582485"/>
              <a:gd name="connsiteX19" fmla="*/ 111919 w 555129"/>
              <a:gd name="connsiteY19" fmla="*/ 315783 h 582485"/>
              <a:gd name="connsiteX20" fmla="*/ 166688 w 555129"/>
              <a:gd name="connsiteY20" fmla="*/ 118140 h 582485"/>
              <a:gd name="connsiteX0" fmla="*/ 166688 w 555129"/>
              <a:gd name="connsiteY0" fmla="*/ 120422 h 584767"/>
              <a:gd name="connsiteX1" fmla="*/ 204788 w 555129"/>
              <a:gd name="connsiteY1" fmla="*/ 18028 h 584767"/>
              <a:gd name="connsiteX2" fmla="*/ 254794 w 555129"/>
              <a:gd name="connsiteY2" fmla="*/ 87084 h 584767"/>
              <a:gd name="connsiteX3" fmla="*/ 235744 w 555129"/>
              <a:gd name="connsiteY3" fmla="*/ 165665 h 584767"/>
              <a:gd name="connsiteX4" fmla="*/ 409575 w 555129"/>
              <a:gd name="connsiteY4" fmla="*/ 6122 h 584767"/>
              <a:gd name="connsiteX5" fmla="*/ 446797 w 555129"/>
              <a:gd name="connsiteY5" fmla="*/ 26259 h 584767"/>
              <a:gd name="connsiteX6" fmla="*/ 352426 w 555129"/>
              <a:gd name="connsiteY6" fmla="*/ 175191 h 584767"/>
              <a:gd name="connsiteX7" fmla="*/ 464344 w 555129"/>
              <a:gd name="connsiteY7" fmla="*/ 37078 h 584767"/>
              <a:gd name="connsiteX8" fmla="*/ 497681 w 555129"/>
              <a:gd name="connsiteY8" fmla="*/ 51366 h 584767"/>
              <a:gd name="connsiteX9" fmla="*/ 438150 w 555129"/>
              <a:gd name="connsiteY9" fmla="*/ 158523 h 584767"/>
              <a:gd name="connsiteX10" fmla="*/ 521494 w 555129"/>
              <a:gd name="connsiteY10" fmla="*/ 82321 h 584767"/>
              <a:gd name="connsiteX11" fmla="*/ 545307 w 555129"/>
              <a:gd name="connsiteY11" fmla="*/ 103753 h 584767"/>
              <a:gd name="connsiteX12" fmla="*/ 450058 w 555129"/>
              <a:gd name="connsiteY12" fmla="*/ 232341 h 584767"/>
              <a:gd name="connsiteX13" fmla="*/ 538162 w 555129"/>
              <a:gd name="connsiteY13" fmla="*/ 165666 h 584767"/>
              <a:gd name="connsiteX14" fmla="*/ 526256 w 555129"/>
              <a:gd name="connsiteY14" fmla="*/ 234721 h 584767"/>
              <a:gd name="connsiteX15" fmla="*/ 276225 w 555129"/>
              <a:gd name="connsiteY15" fmla="*/ 408554 h 584767"/>
              <a:gd name="connsiteX16" fmla="*/ 176213 w 555129"/>
              <a:gd name="connsiteY16" fmla="*/ 584767 h 584767"/>
              <a:gd name="connsiteX17" fmla="*/ 73819 w 555129"/>
              <a:gd name="connsiteY17" fmla="*/ 513329 h 584767"/>
              <a:gd name="connsiteX18" fmla="*/ 0 w 555129"/>
              <a:gd name="connsiteY18" fmla="*/ 510947 h 584767"/>
              <a:gd name="connsiteX19" fmla="*/ 111919 w 555129"/>
              <a:gd name="connsiteY19" fmla="*/ 318065 h 584767"/>
              <a:gd name="connsiteX20" fmla="*/ 166688 w 555129"/>
              <a:gd name="connsiteY20" fmla="*/ 120422 h 584767"/>
              <a:gd name="connsiteX0" fmla="*/ 166688 w 555129"/>
              <a:gd name="connsiteY0" fmla="*/ 120422 h 584767"/>
              <a:gd name="connsiteX1" fmla="*/ 204788 w 555129"/>
              <a:gd name="connsiteY1" fmla="*/ 18028 h 584767"/>
              <a:gd name="connsiteX2" fmla="*/ 254794 w 555129"/>
              <a:gd name="connsiteY2" fmla="*/ 87084 h 584767"/>
              <a:gd name="connsiteX3" fmla="*/ 235744 w 555129"/>
              <a:gd name="connsiteY3" fmla="*/ 165665 h 584767"/>
              <a:gd name="connsiteX4" fmla="*/ 409575 w 555129"/>
              <a:gd name="connsiteY4" fmla="*/ 6122 h 584767"/>
              <a:gd name="connsiteX5" fmla="*/ 446797 w 555129"/>
              <a:gd name="connsiteY5" fmla="*/ 26259 h 584767"/>
              <a:gd name="connsiteX6" fmla="*/ 352426 w 555129"/>
              <a:gd name="connsiteY6" fmla="*/ 175191 h 584767"/>
              <a:gd name="connsiteX7" fmla="*/ 464344 w 555129"/>
              <a:gd name="connsiteY7" fmla="*/ 37078 h 584767"/>
              <a:gd name="connsiteX8" fmla="*/ 497681 w 555129"/>
              <a:gd name="connsiteY8" fmla="*/ 51366 h 584767"/>
              <a:gd name="connsiteX9" fmla="*/ 438150 w 555129"/>
              <a:gd name="connsiteY9" fmla="*/ 158523 h 584767"/>
              <a:gd name="connsiteX10" fmla="*/ 521494 w 555129"/>
              <a:gd name="connsiteY10" fmla="*/ 82321 h 584767"/>
              <a:gd name="connsiteX11" fmla="*/ 545307 w 555129"/>
              <a:gd name="connsiteY11" fmla="*/ 103753 h 584767"/>
              <a:gd name="connsiteX12" fmla="*/ 450058 w 555129"/>
              <a:gd name="connsiteY12" fmla="*/ 232341 h 584767"/>
              <a:gd name="connsiteX13" fmla="*/ 538162 w 555129"/>
              <a:gd name="connsiteY13" fmla="*/ 165666 h 584767"/>
              <a:gd name="connsiteX14" fmla="*/ 526256 w 555129"/>
              <a:gd name="connsiteY14" fmla="*/ 234721 h 584767"/>
              <a:gd name="connsiteX15" fmla="*/ 276225 w 555129"/>
              <a:gd name="connsiteY15" fmla="*/ 408554 h 584767"/>
              <a:gd name="connsiteX16" fmla="*/ 176213 w 555129"/>
              <a:gd name="connsiteY16" fmla="*/ 584767 h 584767"/>
              <a:gd name="connsiteX17" fmla="*/ 73819 w 555129"/>
              <a:gd name="connsiteY17" fmla="*/ 513329 h 584767"/>
              <a:gd name="connsiteX18" fmla="*/ 0 w 555129"/>
              <a:gd name="connsiteY18" fmla="*/ 510947 h 584767"/>
              <a:gd name="connsiteX19" fmla="*/ 111919 w 555129"/>
              <a:gd name="connsiteY19" fmla="*/ 318065 h 584767"/>
              <a:gd name="connsiteX20" fmla="*/ 166688 w 555129"/>
              <a:gd name="connsiteY20" fmla="*/ 120422 h 584767"/>
              <a:gd name="connsiteX0" fmla="*/ 166688 w 555129"/>
              <a:gd name="connsiteY0" fmla="*/ 120422 h 584767"/>
              <a:gd name="connsiteX1" fmla="*/ 204788 w 555129"/>
              <a:gd name="connsiteY1" fmla="*/ 18028 h 584767"/>
              <a:gd name="connsiteX2" fmla="*/ 254794 w 555129"/>
              <a:gd name="connsiteY2" fmla="*/ 87084 h 584767"/>
              <a:gd name="connsiteX3" fmla="*/ 235744 w 555129"/>
              <a:gd name="connsiteY3" fmla="*/ 165665 h 584767"/>
              <a:gd name="connsiteX4" fmla="*/ 409575 w 555129"/>
              <a:gd name="connsiteY4" fmla="*/ 6122 h 584767"/>
              <a:gd name="connsiteX5" fmla="*/ 446797 w 555129"/>
              <a:gd name="connsiteY5" fmla="*/ 26259 h 584767"/>
              <a:gd name="connsiteX6" fmla="*/ 352426 w 555129"/>
              <a:gd name="connsiteY6" fmla="*/ 175191 h 584767"/>
              <a:gd name="connsiteX7" fmla="*/ 464344 w 555129"/>
              <a:gd name="connsiteY7" fmla="*/ 37078 h 584767"/>
              <a:gd name="connsiteX8" fmla="*/ 497681 w 555129"/>
              <a:gd name="connsiteY8" fmla="*/ 51366 h 584767"/>
              <a:gd name="connsiteX9" fmla="*/ 438150 w 555129"/>
              <a:gd name="connsiteY9" fmla="*/ 158523 h 584767"/>
              <a:gd name="connsiteX10" fmla="*/ 521494 w 555129"/>
              <a:gd name="connsiteY10" fmla="*/ 82321 h 584767"/>
              <a:gd name="connsiteX11" fmla="*/ 545307 w 555129"/>
              <a:gd name="connsiteY11" fmla="*/ 103753 h 584767"/>
              <a:gd name="connsiteX12" fmla="*/ 450058 w 555129"/>
              <a:gd name="connsiteY12" fmla="*/ 232341 h 584767"/>
              <a:gd name="connsiteX13" fmla="*/ 538162 w 555129"/>
              <a:gd name="connsiteY13" fmla="*/ 165666 h 584767"/>
              <a:gd name="connsiteX14" fmla="*/ 526256 w 555129"/>
              <a:gd name="connsiteY14" fmla="*/ 234721 h 584767"/>
              <a:gd name="connsiteX15" fmla="*/ 276225 w 555129"/>
              <a:gd name="connsiteY15" fmla="*/ 408554 h 584767"/>
              <a:gd name="connsiteX16" fmla="*/ 176213 w 555129"/>
              <a:gd name="connsiteY16" fmla="*/ 584767 h 584767"/>
              <a:gd name="connsiteX17" fmla="*/ 73819 w 555129"/>
              <a:gd name="connsiteY17" fmla="*/ 513329 h 584767"/>
              <a:gd name="connsiteX18" fmla="*/ 0 w 555129"/>
              <a:gd name="connsiteY18" fmla="*/ 510947 h 584767"/>
              <a:gd name="connsiteX19" fmla="*/ 111919 w 555129"/>
              <a:gd name="connsiteY19" fmla="*/ 318065 h 584767"/>
              <a:gd name="connsiteX20" fmla="*/ 166688 w 555129"/>
              <a:gd name="connsiteY20" fmla="*/ 120422 h 584767"/>
              <a:gd name="connsiteX0" fmla="*/ 166688 w 555129"/>
              <a:gd name="connsiteY0" fmla="*/ 120422 h 584767"/>
              <a:gd name="connsiteX1" fmla="*/ 204788 w 555129"/>
              <a:gd name="connsiteY1" fmla="*/ 18028 h 584767"/>
              <a:gd name="connsiteX2" fmla="*/ 254794 w 555129"/>
              <a:gd name="connsiteY2" fmla="*/ 87084 h 584767"/>
              <a:gd name="connsiteX3" fmla="*/ 235744 w 555129"/>
              <a:gd name="connsiteY3" fmla="*/ 165665 h 584767"/>
              <a:gd name="connsiteX4" fmla="*/ 409575 w 555129"/>
              <a:gd name="connsiteY4" fmla="*/ 6122 h 584767"/>
              <a:gd name="connsiteX5" fmla="*/ 446797 w 555129"/>
              <a:gd name="connsiteY5" fmla="*/ 26259 h 584767"/>
              <a:gd name="connsiteX6" fmla="*/ 352426 w 555129"/>
              <a:gd name="connsiteY6" fmla="*/ 175191 h 584767"/>
              <a:gd name="connsiteX7" fmla="*/ 464344 w 555129"/>
              <a:gd name="connsiteY7" fmla="*/ 37078 h 584767"/>
              <a:gd name="connsiteX8" fmla="*/ 497681 w 555129"/>
              <a:gd name="connsiteY8" fmla="*/ 51366 h 584767"/>
              <a:gd name="connsiteX9" fmla="*/ 438150 w 555129"/>
              <a:gd name="connsiteY9" fmla="*/ 158523 h 584767"/>
              <a:gd name="connsiteX10" fmla="*/ 521494 w 555129"/>
              <a:gd name="connsiteY10" fmla="*/ 82321 h 584767"/>
              <a:gd name="connsiteX11" fmla="*/ 545307 w 555129"/>
              <a:gd name="connsiteY11" fmla="*/ 103753 h 584767"/>
              <a:gd name="connsiteX12" fmla="*/ 450058 w 555129"/>
              <a:gd name="connsiteY12" fmla="*/ 232341 h 584767"/>
              <a:gd name="connsiteX13" fmla="*/ 538162 w 555129"/>
              <a:gd name="connsiteY13" fmla="*/ 165666 h 584767"/>
              <a:gd name="connsiteX14" fmla="*/ 526256 w 555129"/>
              <a:gd name="connsiteY14" fmla="*/ 234721 h 584767"/>
              <a:gd name="connsiteX15" fmla="*/ 276225 w 555129"/>
              <a:gd name="connsiteY15" fmla="*/ 408554 h 584767"/>
              <a:gd name="connsiteX16" fmla="*/ 176213 w 555129"/>
              <a:gd name="connsiteY16" fmla="*/ 584767 h 584767"/>
              <a:gd name="connsiteX17" fmla="*/ 73819 w 555129"/>
              <a:gd name="connsiteY17" fmla="*/ 513329 h 584767"/>
              <a:gd name="connsiteX18" fmla="*/ 0 w 555129"/>
              <a:gd name="connsiteY18" fmla="*/ 510947 h 584767"/>
              <a:gd name="connsiteX19" fmla="*/ 111919 w 555129"/>
              <a:gd name="connsiteY19" fmla="*/ 318065 h 584767"/>
              <a:gd name="connsiteX20" fmla="*/ 166688 w 555129"/>
              <a:gd name="connsiteY20" fmla="*/ 120422 h 584767"/>
              <a:gd name="connsiteX0" fmla="*/ 166688 w 555129"/>
              <a:gd name="connsiteY0" fmla="*/ 120422 h 584767"/>
              <a:gd name="connsiteX1" fmla="*/ 204788 w 555129"/>
              <a:gd name="connsiteY1" fmla="*/ 18028 h 584767"/>
              <a:gd name="connsiteX2" fmla="*/ 254794 w 555129"/>
              <a:gd name="connsiteY2" fmla="*/ 87084 h 584767"/>
              <a:gd name="connsiteX3" fmla="*/ 235744 w 555129"/>
              <a:gd name="connsiteY3" fmla="*/ 165665 h 584767"/>
              <a:gd name="connsiteX4" fmla="*/ 409575 w 555129"/>
              <a:gd name="connsiteY4" fmla="*/ 6122 h 584767"/>
              <a:gd name="connsiteX5" fmla="*/ 446797 w 555129"/>
              <a:gd name="connsiteY5" fmla="*/ 26259 h 584767"/>
              <a:gd name="connsiteX6" fmla="*/ 352426 w 555129"/>
              <a:gd name="connsiteY6" fmla="*/ 175191 h 584767"/>
              <a:gd name="connsiteX7" fmla="*/ 464344 w 555129"/>
              <a:gd name="connsiteY7" fmla="*/ 37078 h 584767"/>
              <a:gd name="connsiteX8" fmla="*/ 497681 w 555129"/>
              <a:gd name="connsiteY8" fmla="*/ 51366 h 584767"/>
              <a:gd name="connsiteX9" fmla="*/ 438150 w 555129"/>
              <a:gd name="connsiteY9" fmla="*/ 158523 h 584767"/>
              <a:gd name="connsiteX10" fmla="*/ 521494 w 555129"/>
              <a:gd name="connsiteY10" fmla="*/ 82321 h 584767"/>
              <a:gd name="connsiteX11" fmla="*/ 545307 w 555129"/>
              <a:gd name="connsiteY11" fmla="*/ 103753 h 584767"/>
              <a:gd name="connsiteX12" fmla="*/ 450058 w 555129"/>
              <a:gd name="connsiteY12" fmla="*/ 232341 h 584767"/>
              <a:gd name="connsiteX13" fmla="*/ 538162 w 555129"/>
              <a:gd name="connsiteY13" fmla="*/ 165666 h 584767"/>
              <a:gd name="connsiteX14" fmla="*/ 526256 w 555129"/>
              <a:gd name="connsiteY14" fmla="*/ 234721 h 584767"/>
              <a:gd name="connsiteX15" fmla="*/ 276225 w 555129"/>
              <a:gd name="connsiteY15" fmla="*/ 408554 h 584767"/>
              <a:gd name="connsiteX16" fmla="*/ 176213 w 555129"/>
              <a:gd name="connsiteY16" fmla="*/ 584767 h 584767"/>
              <a:gd name="connsiteX17" fmla="*/ 73819 w 555129"/>
              <a:gd name="connsiteY17" fmla="*/ 513329 h 584767"/>
              <a:gd name="connsiteX18" fmla="*/ 0 w 555129"/>
              <a:gd name="connsiteY18" fmla="*/ 510947 h 584767"/>
              <a:gd name="connsiteX19" fmla="*/ 111919 w 555129"/>
              <a:gd name="connsiteY19" fmla="*/ 318065 h 584767"/>
              <a:gd name="connsiteX20" fmla="*/ 166688 w 555129"/>
              <a:gd name="connsiteY20" fmla="*/ 120422 h 584767"/>
              <a:gd name="connsiteX0" fmla="*/ 166688 w 555129"/>
              <a:gd name="connsiteY0" fmla="*/ 120422 h 584767"/>
              <a:gd name="connsiteX1" fmla="*/ 204788 w 555129"/>
              <a:gd name="connsiteY1" fmla="*/ 18028 h 584767"/>
              <a:gd name="connsiteX2" fmla="*/ 254794 w 555129"/>
              <a:gd name="connsiteY2" fmla="*/ 87084 h 584767"/>
              <a:gd name="connsiteX3" fmla="*/ 235744 w 555129"/>
              <a:gd name="connsiteY3" fmla="*/ 165665 h 584767"/>
              <a:gd name="connsiteX4" fmla="*/ 409575 w 555129"/>
              <a:gd name="connsiteY4" fmla="*/ 6122 h 584767"/>
              <a:gd name="connsiteX5" fmla="*/ 446797 w 555129"/>
              <a:gd name="connsiteY5" fmla="*/ 26259 h 584767"/>
              <a:gd name="connsiteX6" fmla="*/ 352426 w 555129"/>
              <a:gd name="connsiteY6" fmla="*/ 175191 h 584767"/>
              <a:gd name="connsiteX7" fmla="*/ 464344 w 555129"/>
              <a:gd name="connsiteY7" fmla="*/ 37078 h 584767"/>
              <a:gd name="connsiteX8" fmla="*/ 497681 w 555129"/>
              <a:gd name="connsiteY8" fmla="*/ 51366 h 584767"/>
              <a:gd name="connsiteX9" fmla="*/ 438150 w 555129"/>
              <a:gd name="connsiteY9" fmla="*/ 158523 h 584767"/>
              <a:gd name="connsiteX10" fmla="*/ 521494 w 555129"/>
              <a:gd name="connsiteY10" fmla="*/ 82321 h 584767"/>
              <a:gd name="connsiteX11" fmla="*/ 545307 w 555129"/>
              <a:gd name="connsiteY11" fmla="*/ 103753 h 584767"/>
              <a:gd name="connsiteX12" fmla="*/ 450058 w 555129"/>
              <a:gd name="connsiteY12" fmla="*/ 232341 h 584767"/>
              <a:gd name="connsiteX13" fmla="*/ 538162 w 555129"/>
              <a:gd name="connsiteY13" fmla="*/ 165666 h 584767"/>
              <a:gd name="connsiteX14" fmla="*/ 526256 w 555129"/>
              <a:gd name="connsiteY14" fmla="*/ 234721 h 584767"/>
              <a:gd name="connsiteX15" fmla="*/ 276225 w 555129"/>
              <a:gd name="connsiteY15" fmla="*/ 408554 h 584767"/>
              <a:gd name="connsiteX16" fmla="*/ 176213 w 555129"/>
              <a:gd name="connsiteY16" fmla="*/ 584767 h 584767"/>
              <a:gd name="connsiteX17" fmla="*/ 73819 w 555129"/>
              <a:gd name="connsiteY17" fmla="*/ 513329 h 584767"/>
              <a:gd name="connsiteX18" fmla="*/ 0 w 555129"/>
              <a:gd name="connsiteY18" fmla="*/ 510947 h 584767"/>
              <a:gd name="connsiteX19" fmla="*/ 111919 w 555129"/>
              <a:gd name="connsiteY19" fmla="*/ 318065 h 584767"/>
              <a:gd name="connsiteX20" fmla="*/ 166688 w 555129"/>
              <a:gd name="connsiteY20" fmla="*/ 120422 h 584767"/>
              <a:gd name="connsiteX0" fmla="*/ 166688 w 555129"/>
              <a:gd name="connsiteY0" fmla="*/ 120422 h 584767"/>
              <a:gd name="connsiteX1" fmla="*/ 204788 w 555129"/>
              <a:gd name="connsiteY1" fmla="*/ 18028 h 584767"/>
              <a:gd name="connsiteX2" fmla="*/ 254794 w 555129"/>
              <a:gd name="connsiteY2" fmla="*/ 87084 h 584767"/>
              <a:gd name="connsiteX3" fmla="*/ 235744 w 555129"/>
              <a:gd name="connsiteY3" fmla="*/ 165665 h 584767"/>
              <a:gd name="connsiteX4" fmla="*/ 409575 w 555129"/>
              <a:gd name="connsiteY4" fmla="*/ 6122 h 584767"/>
              <a:gd name="connsiteX5" fmla="*/ 446797 w 555129"/>
              <a:gd name="connsiteY5" fmla="*/ 26259 h 584767"/>
              <a:gd name="connsiteX6" fmla="*/ 352426 w 555129"/>
              <a:gd name="connsiteY6" fmla="*/ 175191 h 584767"/>
              <a:gd name="connsiteX7" fmla="*/ 464344 w 555129"/>
              <a:gd name="connsiteY7" fmla="*/ 37078 h 584767"/>
              <a:gd name="connsiteX8" fmla="*/ 497681 w 555129"/>
              <a:gd name="connsiteY8" fmla="*/ 51366 h 584767"/>
              <a:gd name="connsiteX9" fmla="*/ 438150 w 555129"/>
              <a:gd name="connsiteY9" fmla="*/ 158523 h 584767"/>
              <a:gd name="connsiteX10" fmla="*/ 514974 w 555129"/>
              <a:gd name="connsiteY10" fmla="*/ 83408 h 584767"/>
              <a:gd name="connsiteX11" fmla="*/ 545307 w 555129"/>
              <a:gd name="connsiteY11" fmla="*/ 103753 h 584767"/>
              <a:gd name="connsiteX12" fmla="*/ 450058 w 555129"/>
              <a:gd name="connsiteY12" fmla="*/ 232341 h 584767"/>
              <a:gd name="connsiteX13" fmla="*/ 538162 w 555129"/>
              <a:gd name="connsiteY13" fmla="*/ 165666 h 584767"/>
              <a:gd name="connsiteX14" fmla="*/ 526256 w 555129"/>
              <a:gd name="connsiteY14" fmla="*/ 234721 h 584767"/>
              <a:gd name="connsiteX15" fmla="*/ 276225 w 555129"/>
              <a:gd name="connsiteY15" fmla="*/ 408554 h 584767"/>
              <a:gd name="connsiteX16" fmla="*/ 176213 w 555129"/>
              <a:gd name="connsiteY16" fmla="*/ 584767 h 584767"/>
              <a:gd name="connsiteX17" fmla="*/ 73819 w 555129"/>
              <a:gd name="connsiteY17" fmla="*/ 513329 h 584767"/>
              <a:gd name="connsiteX18" fmla="*/ 0 w 555129"/>
              <a:gd name="connsiteY18" fmla="*/ 510947 h 584767"/>
              <a:gd name="connsiteX19" fmla="*/ 111919 w 555129"/>
              <a:gd name="connsiteY19" fmla="*/ 318065 h 584767"/>
              <a:gd name="connsiteX20" fmla="*/ 166688 w 555129"/>
              <a:gd name="connsiteY20" fmla="*/ 120422 h 584767"/>
              <a:gd name="connsiteX0" fmla="*/ 166688 w 555129"/>
              <a:gd name="connsiteY0" fmla="*/ 120422 h 584767"/>
              <a:gd name="connsiteX1" fmla="*/ 204788 w 555129"/>
              <a:gd name="connsiteY1" fmla="*/ 18028 h 584767"/>
              <a:gd name="connsiteX2" fmla="*/ 254794 w 555129"/>
              <a:gd name="connsiteY2" fmla="*/ 87084 h 584767"/>
              <a:gd name="connsiteX3" fmla="*/ 235744 w 555129"/>
              <a:gd name="connsiteY3" fmla="*/ 165665 h 584767"/>
              <a:gd name="connsiteX4" fmla="*/ 409575 w 555129"/>
              <a:gd name="connsiteY4" fmla="*/ 6122 h 584767"/>
              <a:gd name="connsiteX5" fmla="*/ 446797 w 555129"/>
              <a:gd name="connsiteY5" fmla="*/ 26259 h 584767"/>
              <a:gd name="connsiteX6" fmla="*/ 352426 w 555129"/>
              <a:gd name="connsiteY6" fmla="*/ 175191 h 584767"/>
              <a:gd name="connsiteX7" fmla="*/ 464344 w 555129"/>
              <a:gd name="connsiteY7" fmla="*/ 37078 h 584767"/>
              <a:gd name="connsiteX8" fmla="*/ 497681 w 555129"/>
              <a:gd name="connsiteY8" fmla="*/ 51366 h 584767"/>
              <a:gd name="connsiteX9" fmla="*/ 438150 w 555129"/>
              <a:gd name="connsiteY9" fmla="*/ 158523 h 584767"/>
              <a:gd name="connsiteX10" fmla="*/ 514974 w 555129"/>
              <a:gd name="connsiteY10" fmla="*/ 83408 h 584767"/>
              <a:gd name="connsiteX11" fmla="*/ 545307 w 555129"/>
              <a:gd name="connsiteY11" fmla="*/ 103753 h 584767"/>
              <a:gd name="connsiteX12" fmla="*/ 450058 w 555129"/>
              <a:gd name="connsiteY12" fmla="*/ 232341 h 584767"/>
              <a:gd name="connsiteX13" fmla="*/ 538162 w 555129"/>
              <a:gd name="connsiteY13" fmla="*/ 165666 h 584767"/>
              <a:gd name="connsiteX14" fmla="*/ 526256 w 555129"/>
              <a:gd name="connsiteY14" fmla="*/ 234721 h 584767"/>
              <a:gd name="connsiteX15" fmla="*/ 276225 w 555129"/>
              <a:gd name="connsiteY15" fmla="*/ 408554 h 584767"/>
              <a:gd name="connsiteX16" fmla="*/ 176213 w 555129"/>
              <a:gd name="connsiteY16" fmla="*/ 584767 h 584767"/>
              <a:gd name="connsiteX17" fmla="*/ 73819 w 555129"/>
              <a:gd name="connsiteY17" fmla="*/ 513329 h 584767"/>
              <a:gd name="connsiteX18" fmla="*/ 0 w 555129"/>
              <a:gd name="connsiteY18" fmla="*/ 510947 h 584767"/>
              <a:gd name="connsiteX19" fmla="*/ 111919 w 555129"/>
              <a:gd name="connsiteY19" fmla="*/ 318065 h 584767"/>
              <a:gd name="connsiteX20" fmla="*/ 166688 w 555129"/>
              <a:gd name="connsiteY20" fmla="*/ 120422 h 584767"/>
              <a:gd name="connsiteX0" fmla="*/ 166688 w 555129"/>
              <a:gd name="connsiteY0" fmla="*/ 120422 h 584767"/>
              <a:gd name="connsiteX1" fmla="*/ 204788 w 555129"/>
              <a:gd name="connsiteY1" fmla="*/ 18028 h 584767"/>
              <a:gd name="connsiteX2" fmla="*/ 254794 w 555129"/>
              <a:gd name="connsiteY2" fmla="*/ 87084 h 584767"/>
              <a:gd name="connsiteX3" fmla="*/ 235744 w 555129"/>
              <a:gd name="connsiteY3" fmla="*/ 165665 h 584767"/>
              <a:gd name="connsiteX4" fmla="*/ 409575 w 555129"/>
              <a:gd name="connsiteY4" fmla="*/ 6122 h 584767"/>
              <a:gd name="connsiteX5" fmla="*/ 446797 w 555129"/>
              <a:gd name="connsiteY5" fmla="*/ 26259 h 584767"/>
              <a:gd name="connsiteX6" fmla="*/ 352426 w 555129"/>
              <a:gd name="connsiteY6" fmla="*/ 175191 h 584767"/>
              <a:gd name="connsiteX7" fmla="*/ 464344 w 555129"/>
              <a:gd name="connsiteY7" fmla="*/ 37078 h 584767"/>
              <a:gd name="connsiteX8" fmla="*/ 497681 w 555129"/>
              <a:gd name="connsiteY8" fmla="*/ 51366 h 584767"/>
              <a:gd name="connsiteX9" fmla="*/ 438150 w 555129"/>
              <a:gd name="connsiteY9" fmla="*/ 158523 h 584767"/>
              <a:gd name="connsiteX10" fmla="*/ 514974 w 555129"/>
              <a:gd name="connsiteY10" fmla="*/ 83408 h 584767"/>
              <a:gd name="connsiteX11" fmla="*/ 545307 w 555129"/>
              <a:gd name="connsiteY11" fmla="*/ 103753 h 584767"/>
              <a:gd name="connsiteX12" fmla="*/ 450058 w 555129"/>
              <a:gd name="connsiteY12" fmla="*/ 232341 h 584767"/>
              <a:gd name="connsiteX13" fmla="*/ 538162 w 555129"/>
              <a:gd name="connsiteY13" fmla="*/ 165666 h 584767"/>
              <a:gd name="connsiteX14" fmla="*/ 526256 w 555129"/>
              <a:gd name="connsiteY14" fmla="*/ 234721 h 584767"/>
              <a:gd name="connsiteX15" fmla="*/ 276225 w 555129"/>
              <a:gd name="connsiteY15" fmla="*/ 408554 h 584767"/>
              <a:gd name="connsiteX16" fmla="*/ 176213 w 555129"/>
              <a:gd name="connsiteY16" fmla="*/ 584767 h 584767"/>
              <a:gd name="connsiteX17" fmla="*/ 73819 w 555129"/>
              <a:gd name="connsiteY17" fmla="*/ 513329 h 584767"/>
              <a:gd name="connsiteX18" fmla="*/ 0 w 555129"/>
              <a:gd name="connsiteY18" fmla="*/ 510947 h 584767"/>
              <a:gd name="connsiteX19" fmla="*/ 111919 w 555129"/>
              <a:gd name="connsiteY19" fmla="*/ 318065 h 584767"/>
              <a:gd name="connsiteX20" fmla="*/ 166688 w 555129"/>
              <a:gd name="connsiteY20" fmla="*/ 120422 h 584767"/>
              <a:gd name="connsiteX0" fmla="*/ 166688 w 555129"/>
              <a:gd name="connsiteY0" fmla="*/ 120422 h 584767"/>
              <a:gd name="connsiteX1" fmla="*/ 204788 w 555129"/>
              <a:gd name="connsiteY1" fmla="*/ 18028 h 584767"/>
              <a:gd name="connsiteX2" fmla="*/ 254794 w 555129"/>
              <a:gd name="connsiteY2" fmla="*/ 87084 h 584767"/>
              <a:gd name="connsiteX3" fmla="*/ 235744 w 555129"/>
              <a:gd name="connsiteY3" fmla="*/ 165665 h 584767"/>
              <a:gd name="connsiteX4" fmla="*/ 409575 w 555129"/>
              <a:gd name="connsiteY4" fmla="*/ 6122 h 584767"/>
              <a:gd name="connsiteX5" fmla="*/ 446797 w 555129"/>
              <a:gd name="connsiteY5" fmla="*/ 26259 h 584767"/>
              <a:gd name="connsiteX6" fmla="*/ 352426 w 555129"/>
              <a:gd name="connsiteY6" fmla="*/ 175191 h 584767"/>
              <a:gd name="connsiteX7" fmla="*/ 464344 w 555129"/>
              <a:gd name="connsiteY7" fmla="*/ 37078 h 584767"/>
              <a:gd name="connsiteX8" fmla="*/ 499854 w 555129"/>
              <a:gd name="connsiteY8" fmla="*/ 63319 h 584767"/>
              <a:gd name="connsiteX9" fmla="*/ 438150 w 555129"/>
              <a:gd name="connsiteY9" fmla="*/ 158523 h 584767"/>
              <a:gd name="connsiteX10" fmla="*/ 514974 w 555129"/>
              <a:gd name="connsiteY10" fmla="*/ 83408 h 584767"/>
              <a:gd name="connsiteX11" fmla="*/ 545307 w 555129"/>
              <a:gd name="connsiteY11" fmla="*/ 103753 h 584767"/>
              <a:gd name="connsiteX12" fmla="*/ 450058 w 555129"/>
              <a:gd name="connsiteY12" fmla="*/ 232341 h 584767"/>
              <a:gd name="connsiteX13" fmla="*/ 538162 w 555129"/>
              <a:gd name="connsiteY13" fmla="*/ 165666 h 584767"/>
              <a:gd name="connsiteX14" fmla="*/ 526256 w 555129"/>
              <a:gd name="connsiteY14" fmla="*/ 234721 h 584767"/>
              <a:gd name="connsiteX15" fmla="*/ 276225 w 555129"/>
              <a:gd name="connsiteY15" fmla="*/ 408554 h 584767"/>
              <a:gd name="connsiteX16" fmla="*/ 176213 w 555129"/>
              <a:gd name="connsiteY16" fmla="*/ 584767 h 584767"/>
              <a:gd name="connsiteX17" fmla="*/ 73819 w 555129"/>
              <a:gd name="connsiteY17" fmla="*/ 513329 h 584767"/>
              <a:gd name="connsiteX18" fmla="*/ 0 w 555129"/>
              <a:gd name="connsiteY18" fmla="*/ 510947 h 584767"/>
              <a:gd name="connsiteX19" fmla="*/ 111919 w 555129"/>
              <a:gd name="connsiteY19" fmla="*/ 318065 h 584767"/>
              <a:gd name="connsiteX20" fmla="*/ 166688 w 555129"/>
              <a:gd name="connsiteY20" fmla="*/ 120422 h 584767"/>
              <a:gd name="connsiteX0" fmla="*/ 166688 w 555129"/>
              <a:gd name="connsiteY0" fmla="*/ 120422 h 584767"/>
              <a:gd name="connsiteX1" fmla="*/ 204788 w 555129"/>
              <a:gd name="connsiteY1" fmla="*/ 18028 h 584767"/>
              <a:gd name="connsiteX2" fmla="*/ 254794 w 555129"/>
              <a:gd name="connsiteY2" fmla="*/ 87084 h 584767"/>
              <a:gd name="connsiteX3" fmla="*/ 235744 w 555129"/>
              <a:gd name="connsiteY3" fmla="*/ 165665 h 584767"/>
              <a:gd name="connsiteX4" fmla="*/ 409575 w 555129"/>
              <a:gd name="connsiteY4" fmla="*/ 6122 h 584767"/>
              <a:gd name="connsiteX5" fmla="*/ 446797 w 555129"/>
              <a:gd name="connsiteY5" fmla="*/ 26259 h 584767"/>
              <a:gd name="connsiteX6" fmla="*/ 352426 w 555129"/>
              <a:gd name="connsiteY6" fmla="*/ 175191 h 584767"/>
              <a:gd name="connsiteX7" fmla="*/ 464344 w 555129"/>
              <a:gd name="connsiteY7" fmla="*/ 37078 h 584767"/>
              <a:gd name="connsiteX8" fmla="*/ 499854 w 555129"/>
              <a:gd name="connsiteY8" fmla="*/ 63319 h 584767"/>
              <a:gd name="connsiteX9" fmla="*/ 438150 w 555129"/>
              <a:gd name="connsiteY9" fmla="*/ 158523 h 584767"/>
              <a:gd name="connsiteX10" fmla="*/ 514974 w 555129"/>
              <a:gd name="connsiteY10" fmla="*/ 83408 h 584767"/>
              <a:gd name="connsiteX11" fmla="*/ 545307 w 555129"/>
              <a:gd name="connsiteY11" fmla="*/ 103753 h 584767"/>
              <a:gd name="connsiteX12" fmla="*/ 450058 w 555129"/>
              <a:gd name="connsiteY12" fmla="*/ 232341 h 584767"/>
              <a:gd name="connsiteX13" fmla="*/ 538162 w 555129"/>
              <a:gd name="connsiteY13" fmla="*/ 165666 h 584767"/>
              <a:gd name="connsiteX14" fmla="*/ 526256 w 555129"/>
              <a:gd name="connsiteY14" fmla="*/ 234721 h 584767"/>
              <a:gd name="connsiteX15" fmla="*/ 276225 w 555129"/>
              <a:gd name="connsiteY15" fmla="*/ 408554 h 584767"/>
              <a:gd name="connsiteX16" fmla="*/ 176213 w 555129"/>
              <a:gd name="connsiteY16" fmla="*/ 584767 h 584767"/>
              <a:gd name="connsiteX17" fmla="*/ 73819 w 555129"/>
              <a:gd name="connsiteY17" fmla="*/ 513329 h 584767"/>
              <a:gd name="connsiteX18" fmla="*/ 0 w 555129"/>
              <a:gd name="connsiteY18" fmla="*/ 510947 h 584767"/>
              <a:gd name="connsiteX19" fmla="*/ 111919 w 555129"/>
              <a:gd name="connsiteY19" fmla="*/ 318065 h 584767"/>
              <a:gd name="connsiteX20" fmla="*/ 166688 w 555129"/>
              <a:gd name="connsiteY20" fmla="*/ 120422 h 584767"/>
              <a:gd name="connsiteX0" fmla="*/ 166688 w 555129"/>
              <a:gd name="connsiteY0" fmla="*/ 120422 h 584767"/>
              <a:gd name="connsiteX1" fmla="*/ 204788 w 555129"/>
              <a:gd name="connsiteY1" fmla="*/ 18028 h 584767"/>
              <a:gd name="connsiteX2" fmla="*/ 254794 w 555129"/>
              <a:gd name="connsiteY2" fmla="*/ 87084 h 584767"/>
              <a:gd name="connsiteX3" fmla="*/ 235744 w 555129"/>
              <a:gd name="connsiteY3" fmla="*/ 165665 h 584767"/>
              <a:gd name="connsiteX4" fmla="*/ 409575 w 555129"/>
              <a:gd name="connsiteY4" fmla="*/ 6122 h 584767"/>
              <a:gd name="connsiteX5" fmla="*/ 446797 w 555129"/>
              <a:gd name="connsiteY5" fmla="*/ 26259 h 584767"/>
              <a:gd name="connsiteX6" fmla="*/ 352426 w 555129"/>
              <a:gd name="connsiteY6" fmla="*/ 175191 h 584767"/>
              <a:gd name="connsiteX7" fmla="*/ 464344 w 555129"/>
              <a:gd name="connsiteY7" fmla="*/ 37078 h 584767"/>
              <a:gd name="connsiteX8" fmla="*/ 499854 w 555129"/>
              <a:gd name="connsiteY8" fmla="*/ 63319 h 584767"/>
              <a:gd name="connsiteX9" fmla="*/ 438150 w 555129"/>
              <a:gd name="connsiteY9" fmla="*/ 158523 h 584767"/>
              <a:gd name="connsiteX10" fmla="*/ 514974 w 555129"/>
              <a:gd name="connsiteY10" fmla="*/ 83408 h 584767"/>
              <a:gd name="connsiteX11" fmla="*/ 545307 w 555129"/>
              <a:gd name="connsiteY11" fmla="*/ 103753 h 584767"/>
              <a:gd name="connsiteX12" fmla="*/ 450058 w 555129"/>
              <a:gd name="connsiteY12" fmla="*/ 232341 h 584767"/>
              <a:gd name="connsiteX13" fmla="*/ 538162 w 555129"/>
              <a:gd name="connsiteY13" fmla="*/ 165666 h 584767"/>
              <a:gd name="connsiteX14" fmla="*/ 526256 w 555129"/>
              <a:gd name="connsiteY14" fmla="*/ 234721 h 584767"/>
              <a:gd name="connsiteX15" fmla="*/ 276225 w 555129"/>
              <a:gd name="connsiteY15" fmla="*/ 408554 h 584767"/>
              <a:gd name="connsiteX16" fmla="*/ 176213 w 555129"/>
              <a:gd name="connsiteY16" fmla="*/ 584767 h 584767"/>
              <a:gd name="connsiteX17" fmla="*/ 73819 w 555129"/>
              <a:gd name="connsiteY17" fmla="*/ 513329 h 584767"/>
              <a:gd name="connsiteX18" fmla="*/ 0 w 555129"/>
              <a:gd name="connsiteY18" fmla="*/ 510947 h 584767"/>
              <a:gd name="connsiteX19" fmla="*/ 111919 w 555129"/>
              <a:gd name="connsiteY19" fmla="*/ 318065 h 584767"/>
              <a:gd name="connsiteX20" fmla="*/ 166688 w 555129"/>
              <a:gd name="connsiteY20" fmla="*/ 120422 h 584767"/>
              <a:gd name="connsiteX0" fmla="*/ 166688 w 555129"/>
              <a:gd name="connsiteY0" fmla="*/ 120422 h 584767"/>
              <a:gd name="connsiteX1" fmla="*/ 204788 w 555129"/>
              <a:gd name="connsiteY1" fmla="*/ 18028 h 584767"/>
              <a:gd name="connsiteX2" fmla="*/ 254794 w 555129"/>
              <a:gd name="connsiteY2" fmla="*/ 87084 h 584767"/>
              <a:gd name="connsiteX3" fmla="*/ 235744 w 555129"/>
              <a:gd name="connsiteY3" fmla="*/ 165665 h 584767"/>
              <a:gd name="connsiteX4" fmla="*/ 409575 w 555129"/>
              <a:gd name="connsiteY4" fmla="*/ 6122 h 584767"/>
              <a:gd name="connsiteX5" fmla="*/ 446797 w 555129"/>
              <a:gd name="connsiteY5" fmla="*/ 26259 h 584767"/>
              <a:gd name="connsiteX6" fmla="*/ 352426 w 555129"/>
              <a:gd name="connsiteY6" fmla="*/ 175191 h 584767"/>
              <a:gd name="connsiteX7" fmla="*/ 464344 w 555129"/>
              <a:gd name="connsiteY7" fmla="*/ 37078 h 584767"/>
              <a:gd name="connsiteX8" fmla="*/ 499854 w 555129"/>
              <a:gd name="connsiteY8" fmla="*/ 63319 h 584767"/>
              <a:gd name="connsiteX9" fmla="*/ 438150 w 555129"/>
              <a:gd name="connsiteY9" fmla="*/ 158523 h 584767"/>
              <a:gd name="connsiteX10" fmla="*/ 514974 w 555129"/>
              <a:gd name="connsiteY10" fmla="*/ 83408 h 584767"/>
              <a:gd name="connsiteX11" fmla="*/ 545307 w 555129"/>
              <a:gd name="connsiteY11" fmla="*/ 103753 h 584767"/>
              <a:gd name="connsiteX12" fmla="*/ 450058 w 555129"/>
              <a:gd name="connsiteY12" fmla="*/ 232341 h 584767"/>
              <a:gd name="connsiteX13" fmla="*/ 538162 w 555129"/>
              <a:gd name="connsiteY13" fmla="*/ 165666 h 584767"/>
              <a:gd name="connsiteX14" fmla="*/ 526256 w 555129"/>
              <a:gd name="connsiteY14" fmla="*/ 234721 h 584767"/>
              <a:gd name="connsiteX15" fmla="*/ 276225 w 555129"/>
              <a:gd name="connsiteY15" fmla="*/ 408554 h 584767"/>
              <a:gd name="connsiteX16" fmla="*/ 176213 w 555129"/>
              <a:gd name="connsiteY16" fmla="*/ 584767 h 584767"/>
              <a:gd name="connsiteX17" fmla="*/ 73819 w 555129"/>
              <a:gd name="connsiteY17" fmla="*/ 513329 h 584767"/>
              <a:gd name="connsiteX18" fmla="*/ 0 w 555129"/>
              <a:gd name="connsiteY18" fmla="*/ 510947 h 584767"/>
              <a:gd name="connsiteX19" fmla="*/ 111919 w 555129"/>
              <a:gd name="connsiteY19" fmla="*/ 318065 h 584767"/>
              <a:gd name="connsiteX20" fmla="*/ 166688 w 555129"/>
              <a:gd name="connsiteY20" fmla="*/ 120422 h 584767"/>
              <a:gd name="connsiteX0" fmla="*/ 166688 w 555129"/>
              <a:gd name="connsiteY0" fmla="*/ 120422 h 584767"/>
              <a:gd name="connsiteX1" fmla="*/ 204788 w 555129"/>
              <a:gd name="connsiteY1" fmla="*/ 18028 h 584767"/>
              <a:gd name="connsiteX2" fmla="*/ 254794 w 555129"/>
              <a:gd name="connsiteY2" fmla="*/ 87084 h 584767"/>
              <a:gd name="connsiteX3" fmla="*/ 235744 w 555129"/>
              <a:gd name="connsiteY3" fmla="*/ 165665 h 584767"/>
              <a:gd name="connsiteX4" fmla="*/ 409575 w 555129"/>
              <a:gd name="connsiteY4" fmla="*/ 6122 h 584767"/>
              <a:gd name="connsiteX5" fmla="*/ 446797 w 555129"/>
              <a:gd name="connsiteY5" fmla="*/ 26259 h 584767"/>
              <a:gd name="connsiteX6" fmla="*/ 352426 w 555129"/>
              <a:gd name="connsiteY6" fmla="*/ 175191 h 584767"/>
              <a:gd name="connsiteX7" fmla="*/ 464344 w 555129"/>
              <a:gd name="connsiteY7" fmla="*/ 37078 h 584767"/>
              <a:gd name="connsiteX8" fmla="*/ 499854 w 555129"/>
              <a:gd name="connsiteY8" fmla="*/ 63319 h 584767"/>
              <a:gd name="connsiteX9" fmla="*/ 438150 w 555129"/>
              <a:gd name="connsiteY9" fmla="*/ 158523 h 584767"/>
              <a:gd name="connsiteX10" fmla="*/ 514974 w 555129"/>
              <a:gd name="connsiteY10" fmla="*/ 83408 h 584767"/>
              <a:gd name="connsiteX11" fmla="*/ 545307 w 555129"/>
              <a:gd name="connsiteY11" fmla="*/ 103753 h 584767"/>
              <a:gd name="connsiteX12" fmla="*/ 450058 w 555129"/>
              <a:gd name="connsiteY12" fmla="*/ 232341 h 584767"/>
              <a:gd name="connsiteX13" fmla="*/ 538162 w 555129"/>
              <a:gd name="connsiteY13" fmla="*/ 165666 h 584767"/>
              <a:gd name="connsiteX14" fmla="*/ 526256 w 555129"/>
              <a:gd name="connsiteY14" fmla="*/ 234721 h 584767"/>
              <a:gd name="connsiteX15" fmla="*/ 276225 w 555129"/>
              <a:gd name="connsiteY15" fmla="*/ 408554 h 584767"/>
              <a:gd name="connsiteX16" fmla="*/ 176213 w 555129"/>
              <a:gd name="connsiteY16" fmla="*/ 584767 h 584767"/>
              <a:gd name="connsiteX17" fmla="*/ 73819 w 555129"/>
              <a:gd name="connsiteY17" fmla="*/ 513329 h 584767"/>
              <a:gd name="connsiteX18" fmla="*/ 0 w 555129"/>
              <a:gd name="connsiteY18" fmla="*/ 510947 h 584767"/>
              <a:gd name="connsiteX19" fmla="*/ 111919 w 555129"/>
              <a:gd name="connsiteY19" fmla="*/ 318065 h 584767"/>
              <a:gd name="connsiteX20" fmla="*/ 166688 w 555129"/>
              <a:gd name="connsiteY20" fmla="*/ 120422 h 584767"/>
              <a:gd name="connsiteX0" fmla="*/ 166688 w 551981"/>
              <a:gd name="connsiteY0" fmla="*/ 120422 h 584767"/>
              <a:gd name="connsiteX1" fmla="*/ 204788 w 551981"/>
              <a:gd name="connsiteY1" fmla="*/ 18028 h 584767"/>
              <a:gd name="connsiteX2" fmla="*/ 254794 w 551981"/>
              <a:gd name="connsiteY2" fmla="*/ 87084 h 584767"/>
              <a:gd name="connsiteX3" fmla="*/ 235744 w 551981"/>
              <a:gd name="connsiteY3" fmla="*/ 165665 h 584767"/>
              <a:gd name="connsiteX4" fmla="*/ 409575 w 551981"/>
              <a:gd name="connsiteY4" fmla="*/ 6122 h 584767"/>
              <a:gd name="connsiteX5" fmla="*/ 446797 w 551981"/>
              <a:gd name="connsiteY5" fmla="*/ 26259 h 584767"/>
              <a:gd name="connsiteX6" fmla="*/ 352426 w 551981"/>
              <a:gd name="connsiteY6" fmla="*/ 175191 h 584767"/>
              <a:gd name="connsiteX7" fmla="*/ 464344 w 551981"/>
              <a:gd name="connsiteY7" fmla="*/ 37078 h 584767"/>
              <a:gd name="connsiteX8" fmla="*/ 499854 w 551981"/>
              <a:gd name="connsiteY8" fmla="*/ 63319 h 584767"/>
              <a:gd name="connsiteX9" fmla="*/ 438150 w 551981"/>
              <a:gd name="connsiteY9" fmla="*/ 158523 h 584767"/>
              <a:gd name="connsiteX10" fmla="*/ 514974 w 551981"/>
              <a:gd name="connsiteY10" fmla="*/ 83408 h 584767"/>
              <a:gd name="connsiteX11" fmla="*/ 545307 w 551981"/>
              <a:gd name="connsiteY11" fmla="*/ 103753 h 584767"/>
              <a:gd name="connsiteX12" fmla="*/ 450058 w 551981"/>
              <a:gd name="connsiteY12" fmla="*/ 232341 h 584767"/>
              <a:gd name="connsiteX13" fmla="*/ 538162 w 551981"/>
              <a:gd name="connsiteY13" fmla="*/ 165666 h 584767"/>
              <a:gd name="connsiteX14" fmla="*/ 526256 w 551981"/>
              <a:gd name="connsiteY14" fmla="*/ 234721 h 584767"/>
              <a:gd name="connsiteX15" fmla="*/ 276225 w 551981"/>
              <a:gd name="connsiteY15" fmla="*/ 408554 h 584767"/>
              <a:gd name="connsiteX16" fmla="*/ 176213 w 551981"/>
              <a:gd name="connsiteY16" fmla="*/ 584767 h 584767"/>
              <a:gd name="connsiteX17" fmla="*/ 73819 w 551981"/>
              <a:gd name="connsiteY17" fmla="*/ 513329 h 584767"/>
              <a:gd name="connsiteX18" fmla="*/ 0 w 551981"/>
              <a:gd name="connsiteY18" fmla="*/ 510947 h 584767"/>
              <a:gd name="connsiteX19" fmla="*/ 111919 w 551981"/>
              <a:gd name="connsiteY19" fmla="*/ 318065 h 584767"/>
              <a:gd name="connsiteX20" fmla="*/ 166688 w 551981"/>
              <a:gd name="connsiteY20" fmla="*/ 120422 h 584767"/>
              <a:gd name="connsiteX0" fmla="*/ 166688 w 551981"/>
              <a:gd name="connsiteY0" fmla="*/ 120422 h 584767"/>
              <a:gd name="connsiteX1" fmla="*/ 204788 w 551981"/>
              <a:gd name="connsiteY1" fmla="*/ 18028 h 584767"/>
              <a:gd name="connsiteX2" fmla="*/ 254794 w 551981"/>
              <a:gd name="connsiteY2" fmla="*/ 87084 h 584767"/>
              <a:gd name="connsiteX3" fmla="*/ 235744 w 551981"/>
              <a:gd name="connsiteY3" fmla="*/ 165665 h 584767"/>
              <a:gd name="connsiteX4" fmla="*/ 409575 w 551981"/>
              <a:gd name="connsiteY4" fmla="*/ 6122 h 584767"/>
              <a:gd name="connsiteX5" fmla="*/ 446797 w 551981"/>
              <a:gd name="connsiteY5" fmla="*/ 26259 h 584767"/>
              <a:gd name="connsiteX6" fmla="*/ 352426 w 551981"/>
              <a:gd name="connsiteY6" fmla="*/ 175191 h 584767"/>
              <a:gd name="connsiteX7" fmla="*/ 464344 w 551981"/>
              <a:gd name="connsiteY7" fmla="*/ 37078 h 584767"/>
              <a:gd name="connsiteX8" fmla="*/ 499854 w 551981"/>
              <a:gd name="connsiteY8" fmla="*/ 63319 h 584767"/>
              <a:gd name="connsiteX9" fmla="*/ 438150 w 551981"/>
              <a:gd name="connsiteY9" fmla="*/ 158523 h 584767"/>
              <a:gd name="connsiteX10" fmla="*/ 514974 w 551981"/>
              <a:gd name="connsiteY10" fmla="*/ 83408 h 584767"/>
              <a:gd name="connsiteX11" fmla="*/ 545307 w 551981"/>
              <a:gd name="connsiteY11" fmla="*/ 103753 h 584767"/>
              <a:gd name="connsiteX12" fmla="*/ 450058 w 551981"/>
              <a:gd name="connsiteY12" fmla="*/ 232341 h 584767"/>
              <a:gd name="connsiteX13" fmla="*/ 538162 w 551981"/>
              <a:gd name="connsiteY13" fmla="*/ 165666 h 584767"/>
              <a:gd name="connsiteX14" fmla="*/ 526256 w 551981"/>
              <a:gd name="connsiteY14" fmla="*/ 234721 h 584767"/>
              <a:gd name="connsiteX15" fmla="*/ 276225 w 551981"/>
              <a:gd name="connsiteY15" fmla="*/ 408554 h 584767"/>
              <a:gd name="connsiteX16" fmla="*/ 176213 w 551981"/>
              <a:gd name="connsiteY16" fmla="*/ 584767 h 584767"/>
              <a:gd name="connsiteX17" fmla="*/ 73819 w 551981"/>
              <a:gd name="connsiteY17" fmla="*/ 513329 h 584767"/>
              <a:gd name="connsiteX18" fmla="*/ 0 w 551981"/>
              <a:gd name="connsiteY18" fmla="*/ 510947 h 584767"/>
              <a:gd name="connsiteX19" fmla="*/ 111919 w 551981"/>
              <a:gd name="connsiteY19" fmla="*/ 318065 h 584767"/>
              <a:gd name="connsiteX20" fmla="*/ 166688 w 551981"/>
              <a:gd name="connsiteY20" fmla="*/ 120422 h 584767"/>
              <a:gd name="connsiteX0" fmla="*/ 166688 w 555570"/>
              <a:gd name="connsiteY0" fmla="*/ 120422 h 584767"/>
              <a:gd name="connsiteX1" fmla="*/ 204788 w 555570"/>
              <a:gd name="connsiteY1" fmla="*/ 18028 h 584767"/>
              <a:gd name="connsiteX2" fmla="*/ 254794 w 555570"/>
              <a:gd name="connsiteY2" fmla="*/ 87084 h 584767"/>
              <a:gd name="connsiteX3" fmla="*/ 235744 w 555570"/>
              <a:gd name="connsiteY3" fmla="*/ 165665 h 584767"/>
              <a:gd name="connsiteX4" fmla="*/ 409575 w 555570"/>
              <a:gd name="connsiteY4" fmla="*/ 6122 h 584767"/>
              <a:gd name="connsiteX5" fmla="*/ 446797 w 555570"/>
              <a:gd name="connsiteY5" fmla="*/ 26259 h 584767"/>
              <a:gd name="connsiteX6" fmla="*/ 352426 w 555570"/>
              <a:gd name="connsiteY6" fmla="*/ 175191 h 584767"/>
              <a:gd name="connsiteX7" fmla="*/ 464344 w 555570"/>
              <a:gd name="connsiteY7" fmla="*/ 37078 h 584767"/>
              <a:gd name="connsiteX8" fmla="*/ 499854 w 555570"/>
              <a:gd name="connsiteY8" fmla="*/ 63319 h 584767"/>
              <a:gd name="connsiteX9" fmla="*/ 438150 w 555570"/>
              <a:gd name="connsiteY9" fmla="*/ 158523 h 584767"/>
              <a:gd name="connsiteX10" fmla="*/ 514974 w 555570"/>
              <a:gd name="connsiteY10" fmla="*/ 83408 h 584767"/>
              <a:gd name="connsiteX11" fmla="*/ 545307 w 555570"/>
              <a:gd name="connsiteY11" fmla="*/ 103753 h 584767"/>
              <a:gd name="connsiteX12" fmla="*/ 450058 w 555570"/>
              <a:gd name="connsiteY12" fmla="*/ 232341 h 584767"/>
              <a:gd name="connsiteX13" fmla="*/ 538162 w 555570"/>
              <a:gd name="connsiteY13" fmla="*/ 165666 h 584767"/>
              <a:gd name="connsiteX14" fmla="*/ 551869 w 555570"/>
              <a:gd name="connsiteY14" fmla="*/ 181935 h 584767"/>
              <a:gd name="connsiteX15" fmla="*/ 526256 w 555570"/>
              <a:gd name="connsiteY15" fmla="*/ 234721 h 584767"/>
              <a:gd name="connsiteX16" fmla="*/ 276225 w 555570"/>
              <a:gd name="connsiteY16" fmla="*/ 408554 h 584767"/>
              <a:gd name="connsiteX17" fmla="*/ 176213 w 555570"/>
              <a:gd name="connsiteY17" fmla="*/ 584767 h 584767"/>
              <a:gd name="connsiteX18" fmla="*/ 73819 w 555570"/>
              <a:gd name="connsiteY18" fmla="*/ 513329 h 584767"/>
              <a:gd name="connsiteX19" fmla="*/ 0 w 555570"/>
              <a:gd name="connsiteY19" fmla="*/ 510947 h 584767"/>
              <a:gd name="connsiteX20" fmla="*/ 111919 w 555570"/>
              <a:gd name="connsiteY20" fmla="*/ 318065 h 584767"/>
              <a:gd name="connsiteX21" fmla="*/ 166688 w 555570"/>
              <a:gd name="connsiteY21" fmla="*/ 120422 h 584767"/>
              <a:gd name="connsiteX0" fmla="*/ 166688 w 552990"/>
              <a:gd name="connsiteY0" fmla="*/ 120422 h 584767"/>
              <a:gd name="connsiteX1" fmla="*/ 204788 w 552990"/>
              <a:gd name="connsiteY1" fmla="*/ 18028 h 584767"/>
              <a:gd name="connsiteX2" fmla="*/ 254794 w 552990"/>
              <a:gd name="connsiteY2" fmla="*/ 87084 h 584767"/>
              <a:gd name="connsiteX3" fmla="*/ 235744 w 552990"/>
              <a:gd name="connsiteY3" fmla="*/ 165665 h 584767"/>
              <a:gd name="connsiteX4" fmla="*/ 409575 w 552990"/>
              <a:gd name="connsiteY4" fmla="*/ 6122 h 584767"/>
              <a:gd name="connsiteX5" fmla="*/ 446797 w 552990"/>
              <a:gd name="connsiteY5" fmla="*/ 26259 h 584767"/>
              <a:gd name="connsiteX6" fmla="*/ 352426 w 552990"/>
              <a:gd name="connsiteY6" fmla="*/ 175191 h 584767"/>
              <a:gd name="connsiteX7" fmla="*/ 464344 w 552990"/>
              <a:gd name="connsiteY7" fmla="*/ 37078 h 584767"/>
              <a:gd name="connsiteX8" fmla="*/ 499854 w 552990"/>
              <a:gd name="connsiteY8" fmla="*/ 63319 h 584767"/>
              <a:gd name="connsiteX9" fmla="*/ 438150 w 552990"/>
              <a:gd name="connsiteY9" fmla="*/ 158523 h 584767"/>
              <a:gd name="connsiteX10" fmla="*/ 514974 w 552990"/>
              <a:gd name="connsiteY10" fmla="*/ 83408 h 584767"/>
              <a:gd name="connsiteX11" fmla="*/ 545307 w 552990"/>
              <a:gd name="connsiteY11" fmla="*/ 103753 h 584767"/>
              <a:gd name="connsiteX12" fmla="*/ 450058 w 552990"/>
              <a:gd name="connsiteY12" fmla="*/ 232341 h 584767"/>
              <a:gd name="connsiteX13" fmla="*/ 538162 w 552990"/>
              <a:gd name="connsiteY13" fmla="*/ 165666 h 584767"/>
              <a:gd name="connsiteX14" fmla="*/ 551869 w 552990"/>
              <a:gd name="connsiteY14" fmla="*/ 181935 h 584767"/>
              <a:gd name="connsiteX15" fmla="*/ 518650 w 552990"/>
              <a:gd name="connsiteY15" fmla="*/ 239067 h 584767"/>
              <a:gd name="connsiteX16" fmla="*/ 276225 w 552990"/>
              <a:gd name="connsiteY16" fmla="*/ 408554 h 584767"/>
              <a:gd name="connsiteX17" fmla="*/ 176213 w 552990"/>
              <a:gd name="connsiteY17" fmla="*/ 584767 h 584767"/>
              <a:gd name="connsiteX18" fmla="*/ 73819 w 552990"/>
              <a:gd name="connsiteY18" fmla="*/ 513329 h 584767"/>
              <a:gd name="connsiteX19" fmla="*/ 0 w 552990"/>
              <a:gd name="connsiteY19" fmla="*/ 510947 h 584767"/>
              <a:gd name="connsiteX20" fmla="*/ 111919 w 552990"/>
              <a:gd name="connsiteY20" fmla="*/ 318065 h 584767"/>
              <a:gd name="connsiteX21" fmla="*/ 166688 w 552990"/>
              <a:gd name="connsiteY21" fmla="*/ 120422 h 584767"/>
              <a:gd name="connsiteX0" fmla="*/ 166688 w 552990"/>
              <a:gd name="connsiteY0" fmla="*/ 120422 h 584767"/>
              <a:gd name="connsiteX1" fmla="*/ 204788 w 552990"/>
              <a:gd name="connsiteY1" fmla="*/ 18028 h 584767"/>
              <a:gd name="connsiteX2" fmla="*/ 254794 w 552990"/>
              <a:gd name="connsiteY2" fmla="*/ 87084 h 584767"/>
              <a:gd name="connsiteX3" fmla="*/ 235744 w 552990"/>
              <a:gd name="connsiteY3" fmla="*/ 165665 h 584767"/>
              <a:gd name="connsiteX4" fmla="*/ 409575 w 552990"/>
              <a:gd name="connsiteY4" fmla="*/ 6122 h 584767"/>
              <a:gd name="connsiteX5" fmla="*/ 446797 w 552990"/>
              <a:gd name="connsiteY5" fmla="*/ 26259 h 584767"/>
              <a:gd name="connsiteX6" fmla="*/ 352426 w 552990"/>
              <a:gd name="connsiteY6" fmla="*/ 175191 h 584767"/>
              <a:gd name="connsiteX7" fmla="*/ 464344 w 552990"/>
              <a:gd name="connsiteY7" fmla="*/ 37078 h 584767"/>
              <a:gd name="connsiteX8" fmla="*/ 499854 w 552990"/>
              <a:gd name="connsiteY8" fmla="*/ 63319 h 584767"/>
              <a:gd name="connsiteX9" fmla="*/ 438150 w 552990"/>
              <a:gd name="connsiteY9" fmla="*/ 158523 h 584767"/>
              <a:gd name="connsiteX10" fmla="*/ 514974 w 552990"/>
              <a:gd name="connsiteY10" fmla="*/ 83408 h 584767"/>
              <a:gd name="connsiteX11" fmla="*/ 545307 w 552990"/>
              <a:gd name="connsiteY11" fmla="*/ 103753 h 584767"/>
              <a:gd name="connsiteX12" fmla="*/ 450058 w 552990"/>
              <a:gd name="connsiteY12" fmla="*/ 232341 h 584767"/>
              <a:gd name="connsiteX13" fmla="*/ 538162 w 552990"/>
              <a:gd name="connsiteY13" fmla="*/ 165666 h 584767"/>
              <a:gd name="connsiteX14" fmla="*/ 551869 w 552990"/>
              <a:gd name="connsiteY14" fmla="*/ 181935 h 584767"/>
              <a:gd name="connsiteX15" fmla="*/ 518650 w 552990"/>
              <a:gd name="connsiteY15" fmla="*/ 239067 h 584767"/>
              <a:gd name="connsiteX16" fmla="*/ 276225 w 552990"/>
              <a:gd name="connsiteY16" fmla="*/ 408554 h 584767"/>
              <a:gd name="connsiteX17" fmla="*/ 176213 w 552990"/>
              <a:gd name="connsiteY17" fmla="*/ 584767 h 584767"/>
              <a:gd name="connsiteX18" fmla="*/ 73819 w 552990"/>
              <a:gd name="connsiteY18" fmla="*/ 513329 h 584767"/>
              <a:gd name="connsiteX19" fmla="*/ 0 w 552990"/>
              <a:gd name="connsiteY19" fmla="*/ 510947 h 584767"/>
              <a:gd name="connsiteX20" fmla="*/ 111919 w 552990"/>
              <a:gd name="connsiteY20" fmla="*/ 318065 h 584767"/>
              <a:gd name="connsiteX21" fmla="*/ 166688 w 552990"/>
              <a:gd name="connsiteY21" fmla="*/ 120422 h 584767"/>
              <a:gd name="connsiteX0" fmla="*/ 166688 w 559826"/>
              <a:gd name="connsiteY0" fmla="*/ 120422 h 584767"/>
              <a:gd name="connsiteX1" fmla="*/ 204788 w 559826"/>
              <a:gd name="connsiteY1" fmla="*/ 18028 h 584767"/>
              <a:gd name="connsiteX2" fmla="*/ 254794 w 559826"/>
              <a:gd name="connsiteY2" fmla="*/ 87084 h 584767"/>
              <a:gd name="connsiteX3" fmla="*/ 235744 w 559826"/>
              <a:gd name="connsiteY3" fmla="*/ 165665 h 584767"/>
              <a:gd name="connsiteX4" fmla="*/ 409575 w 559826"/>
              <a:gd name="connsiteY4" fmla="*/ 6122 h 584767"/>
              <a:gd name="connsiteX5" fmla="*/ 446797 w 559826"/>
              <a:gd name="connsiteY5" fmla="*/ 26259 h 584767"/>
              <a:gd name="connsiteX6" fmla="*/ 352426 w 559826"/>
              <a:gd name="connsiteY6" fmla="*/ 175191 h 584767"/>
              <a:gd name="connsiteX7" fmla="*/ 464344 w 559826"/>
              <a:gd name="connsiteY7" fmla="*/ 37078 h 584767"/>
              <a:gd name="connsiteX8" fmla="*/ 499854 w 559826"/>
              <a:gd name="connsiteY8" fmla="*/ 63319 h 584767"/>
              <a:gd name="connsiteX9" fmla="*/ 438150 w 559826"/>
              <a:gd name="connsiteY9" fmla="*/ 158523 h 584767"/>
              <a:gd name="connsiteX10" fmla="*/ 514974 w 559826"/>
              <a:gd name="connsiteY10" fmla="*/ 83408 h 584767"/>
              <a:gd name="connsiteX11" fmla="*/ 545307 w 559826"/>
              <a:gd name="connsiteY11" fmla="*/ 103753 h 584767"/>
              <a:gd name="connsiteX12" fmla="*/ 450058 w 559826"/>
              <a:gd name="connsiteY12" fmla="*/ 232341 h 584767"/>
              <a:gd name="connsiteX13" fmla="*/ 538162 w 559826"/>
              <a:gd name="connsiteY13" fmla="*/ 165666 h 584767"/>
              <a:gd name="connsiteX14" fmla="*/ 559475 w 559826"/>
              <a:gd name="connsiteY14" fmla="*/ 191714 h 584767"/>
              <a:gd name="connsiteX15" fmla="*/ 518650 w 559826"/>
              <a:gd name="connsiteY15" fmla="*/ 239067 h 584767"/>
              <a:gd name="connsiteX16" fmla="*/ 276225 w 559826"/>
              <a:gd name="connsiteY16" fmla="*/ 408554 h 584767"/>
              <a:gd name="connsiteX17" fmla="*/ 176213 w 559826"/>
              <a:gd name="connsiteY17" fmla="*/ 584767 h 584767"/>
              <a:gd name="connsiteX18" fmla="*/ 73819 w 559826"/>
              <a:gd name="connsiteY18" fmla="*/ 513329 h 584767"/>
              <a:gd name="connsiteX19" fmla="*/ 0 w 559826"/>
              <a:gd name="connsiteY19" fmla="*/ 510947 h 584767"/>
              <a:gd name="connsiteX20" fmla="*/ 111919 w 559826"/>
              <a:gd name="connsiteY20" fmla="*/ 318065 h 584767"/>
              <a:gd name="connsiteX21" fmla="*/ 166688 w 559826"/>
              <a:gd name="connsiteY21" fmla="*/ 120422 h 584767"/>
              <a:gd name="connsiteX0" fmla="*/ 166688 w 564058"/>
              <a:gd name="connsiteY0" fmla="*/ 120422 h 584767"/>
              <a:gd name="connsiteX1" fmla="*/ 204788 w 564058"/>
              <a:gd name="connsiteY1" fmla="*/ 18028 h 584767"/>
              <a:gd name="connsiteX2" fmla="*/ 254794 w 564058"/>
              <a:gd name="connsiteY2" fmla="*/ 87084 h 584767"/>
              <a:gd name="connsiteX3" fmla="*/ 235744 w 564058"/>
              <a:gd name="connsiteY3" fmla="*/ 165665 h 584767"/>
              <a:gd name="connsiteX4" fmla="*/ 409575 w 564058"/>
              <a:gd name="connsiteY4" fmla="*/ 6122 h 584767"/>
              <a:gd name="connsiteX5" fmla="*/ 446797 w 564058"/>
              <a:gd name="connsiteY5" fmla="*/ 26259 h 584767"/>
              <a:gd name="connsiteX6" fmla="*/ 352426 w 564058"/>
              <a:gd name="connsiteY6" fmla="*/ 175191 h 584767"/>
              <a:gd name="connsiteX7" fmla="*/ 464344 w 564058"/>
              <a:gd name="connsiteY7" fmla="*/ 37078 h 584767"/>
              <a:gd name="connsiteX8" fmla="*/ 499854 w 564058"/>
              <a:gd name="connsiteY8" fmla="*/ 63319 h 584767"/>
              <a:gd name="connsiteX9" fmla="*/ 438150 w 564058"/>
              <a:gd name="connsiteY9" fmla="*/ 158523 h 584767"/>
              <a:gd name="connsiteX10" fmla="*/ 514974 w 564058"/>
              <a:gd name="connsiteY10" fmla="*/ 83408 h 584767"/>
              <a:gd name="connsiteX11" fmla="*/ 545307 w 564058"/>
              <a:gd name="connsiteY11" fmla="*/ 103753 h 584767"/>
              <a:gd name="connsiteX12" fmla="*/ 450058 w 564058"/>
              <a:gd name="connsiteY12" fmla="*/ 232341 h 584767"/>
              <a:gd name="connsiteX13" fmla="*/ 538162 w 564058"/>
              <a:gd name="connsiteY13" fmla="*/ 165666 h 584767"/>
              <a:gd name="connsiteX14" fmla="*/ 563822 w 564058"/>
              <a:gd name="connsiteY14" fmla="*/ 175414 h 584767"/>
              <a:gd name="connsiteX15" fmla="*/ 518650 w 564058"/>
              <a:gd name="connsiteY15" fmla="*/ 239067 h 584767"/>
              <a:gd name="connsiteX16" fmla="*/ 276225 w 564058"/>
              <a:gd name="connsiteY16" fmla="*/ 408554 h 584767"/>
              <a:gd name="connsiteX17" fmla="*/ 176213 w 564058"/>
              <a:gd name="connsiteY17" fmla="*/ 584767 h 584767"/>
              <a:gd name="connsiteX18" fmla="*/ 73819 w 564058"/>
              <a:gd name="connsiteY18" fmla="*/ 513329 h 584767"/>
              <a:gd name="connsiteX19" fmla="*/ 0 w 564058"/>
              <a:gd name="connsiteY19" fmla="*/ 510947 h 584767"/>
              <a:gd name="connsiteX20" fmla="*/ 111919 w 564058"/>
              <a:gd name="connsiteY20" fmla="*/ 318065 h 584767"/>
              <a:gd name="connsiteX21" fmla="*/ 166688 w 564058"/>
              <a:gd name="connsiteY21" fmla="*/ 120422 h 584767"/>
              <a:gd name="connsiteX0" fmla="*/ 166688 w 560876"/>
              <a:gd name="connsiteY0" fmla="*/ 120422 h 584767"/>
              <a:gd name="connsiteX1" fmla="*/ 204788 w 560876"/>
              <a:gd name="connsiteY1" fmla="*/ 18028 h 584767"/>
              <a:gd name="connsiteX2" fmla="*/ 254794 w 560876"/>
              <a:gd name="connsiteY2" fmla="*/ 87084 h 584767"/>
              <a:gd name="connsiteX3" fmla="*/ 235744 w 560876"/>
              <a:gd name="connsiteY3" fmla="*/ 165665 h 584767"/>
              <a:gd name="connsiteX4" fmla="*/ 409575 w 560876"/>
              <a:gd name="connsiteY4" fmla="*/ 6122 h 584767"/>
              <a:gd name="connsiteX5" fmla="*/ 446797 w 560876"/>
              <a:gd name="connsiteY5" fmla="*/ 26259 h 584767"/>
              <a:gd name="connsiteX6" fmla="*/ 352426 w 560876"/>
              <a:gd name="connsiteY6" fmla="*/ 175191 h 584767"/>
              <a:gd name="connsiteX7" fmla="*/ 464344 w 560876"/>
              <a:gd name="connsiteY7" fmla="*/ 37078 h 584767"/>
              <a:gd name="connsiteX8" fmla="*/ 499854 w 560876"/>
              <a:gd name="connsiteY8" fmla="*/ 63319 h 584767"/>
              <a:gd name="connsiteX9" fmla="*/ 438150 w 560876"/>
              <a:gd name="connsiteY9" fmla="*/ 158523 h 584767"/>
              <a:gd name="connsiteX10" fmla="*/ 514974 w 560876"/>
              <a:gd name="connsiteY10" fmla="*/ 83408 h 584767"/>
              <a:gd name="connsiteX11" fmla="*/ 545307 w 560876"/>
              <a:gd name="connsiteY11" fmla="*/ 103753 h 584767"/>
              <a:gd name="connsiteX12" fmla="*/ 450058 w 560876"/>
              <a:gd name="connsiteY12" fmla="*/ 232341 h 584767"/>
              <a:gd name="connsiteX13" fmla="*/ 538162 w 560876"/>
              <a:gd name="connsiteY13" fmla="*/ 165666 h 584767"/>
              <a:gd name="connsiteX14" fmla="*/ 560563 w 560876"/>
              <a:gd name="connsiteY14" fmla="*/ 183020 h 584767"/>
              <a:gd name="connsiteX15" fmla="*/ 518650 w 560876"/>
              <a:gd name="connsiteY15" fmla="*/ 239067 h 584767"/>
              <a:gd name="connsiteX16" fmla="*/ 276225 w 560876"/>
              <a:gd name="connsiteY16" fmla="*/ 408554 h 584767"/>
              <a:gd name="connsiteX17" fmla="*/ 176213 w 560876"/>
              <a:gd name="connsiteY17" fmla="*/ 584767 h 584767"/>
              <a:gd name="connsiteX18" fmla="*/ 73819 w 560876"/>
              <a:gd name="connsiteY18" fmla="*/ 513329 h 584767"/>
              <a:gd name="connsiteX19" fmla="*/ 0 w 560876"/>
              <a:gd name="connsiteY19" fmla="*/ 510947 h 584767"/>
              <a:gd name="connsiteX20" fmla="*/ 111919 w 560876"/>
              <a:gd name="connsiteY20" fmla="*/ 318065 h 584767"/>
              <a:gd name="connsiteX21" fmla="*/ 166688 w 560876"/>
              <a:gd name="connsiteY21" fmla="*/ 120422 h 584767"/>
              <a:gd name="connsiteX0" fmla="*/ 166688 w 560876"/>
              <a:gd name="connsiteY0" fmla="*/ 119247 h 583592"/>
              <a:gd name="connsiteX1" fmla="*/ 204788 w 560876"/>
              <a:gd name="connsiteY1" fmla="*/ 16853 h 583592"/>
              <a:gd name="connsiteX2" fmla="*/ 254794 w 560876"/>
              <a:gd name="connsiteY2" fmla="*/ 85909 h 583592"/>
              <a:gd name="connsiteX3" fmla="*/ 235744 w 560876"/>
              <a:gd name="connsiteY3" fmla="*/ 164490 h 583592"/>
              <a:gd name="connsiteX4" fmla="*/ 409575 w 560876"/>
              <a:gd name="connsiteY4" fmla="*/ 4947 h 583592"/>
              <a:gd name="connsiteX5" fmla="*/ 441364 w 560876"/>
              <a:gd name="connsiteY5" fmla="*/ 33777 h 583592"/>
              <a:gd name="connsiteX6" fmla="*/ 352426 w 560876"/>
              <a:gd name="connsiteY6" fmla="*/ 174016 h 583592"/>
              <a:gd name="connsiteX7" fmla="*/ 464344 w 560876"/>
              <a:gd name="connsiteY7" fmla="*/ 35903 h 583592"/>
              <a:gd name="connsiteX8" fmla="*/ 499854 w 560876"/>
              <a:gd name="connsiteY8" fmla="*/ 62144 h 583592"/>
              <a:gd name="connsiteX9" fmla="*/ 438150 w 560876"/>
              <a:gd name="connsiteY9" fmla="*/ 157348 h 583592"/>
              <a:gd name="connsiteX10" fmla="*/ 514974 w 560876"/>
              <a:gd name="connsiteY10" fmla="*/ 82233 h 583592"/>
              <a:gd name="connsiteX11" fmla="*/ 545307 w 560876"/>
              <a:gd name="connsiteY11" fmla="*/ 102578 h 583592"/>
              <a:gd name="connsiteX12" fmla="*/ 450058 w 560876"/>
              <a:gd name="connsiteY12" fmla="*/ 231166 h 583592"/>
              <a:gd name="connsiteX13" fmla="*/ 538162 w 560876"/>
              <a:gd name="connsiteY13" fmla="*/ 164491 h 583592"/>
              <a:gd name="connsiteX14" fmla="*/ 560563 w 560876"/>
              <a:gd name="connsiteY14" fmla="*/ 181845 h 583592"/>
              <a:gd name="connsiteX15" fmla="*/ 518650 w 560876"/>
              <a:gd name="connsiteY15" fmla="*/ 237892 h 583592"/>
              <a:gd name="connsiteX16" fmla="*/ 276225 w 560876"/>
              <a:gd name="connsiteY16" fmla="*/ 407379 h 583592"/>
              <a:gd name="connsiteX17" fmla="*/ 176213 w 560876"/>
              <a:gd name="connsiteY17" fmla="*/ 583592 h 583592"/>
              <a:gd name="connsiteX18" fmla="*/ 73819 w 560876"/>
              <a:gd name="connsiteY18" fmla="*/ 512154 h 583592"/>
              <a:gd name="connsiteX19" fmla="*/ 0 w 560876"/>
              <a:gd name="connsiteY19" fmla="*/ 509772 h 583592"/>
              <a:gd name="connsiteX20" fmla="*/ 111919 w 560876"/>
              <a:gd name="connsiteY20" fmla="*/ 316890 h 583592"/>
              <a:gd name="connsiteX21" fmla="*/ 166688 w 560876"/>
              <a:gd name="connsiteY21" fmla="*/ 119247 h 583592"/>
              <a:gd name="connsiteX0" fmla="*/ 166688 w 560876"/>
              <a:gd name="connsiteY0" fmla="*/ 109934 h 574279"/>
              <a:gd name="connsiteX1" fmla="*/ 204788 w 560876"/>
              <a:gd name="connsiteY1" fmla="*/ 7540 h 574279"/>
              <a:gd name="connsiteX2" fmla="*/ 254794 w 560876"/>
              <a:gd name="connsiteY2" fmla="*/ 76596 h 574279"/>
              <a:gd name="connsiteX3" fmla="*/ 235744 w 560876"/>
              <a:gd name="connsiteY3" fmla="*/ 155177 h 574279"/>
              <a:gd name="connsiteX4" fmla="*/ 404142 w 560876"/>
              <a:gd name="connsiteY4" fmla="*/ 6501 h 574279"/>
              <a:gd name="connsiteX5" fmla="*/ 441364 w 560876"/>
              <a:gd name="connsiteY5" fmla="*/ 24464 h 574279"/>
              <a:gd name="connsiteX6" fmla="*/ 352426 w 560876"/>
              <a:gd name="connsiteY6" fmla="*/ 164703 h 574279"/>
              <a:gd name="connsiteX7" fmla="*/ 464344 w 560876"/>
              <a:gd name="connsiteY7" fmla="*/ 26590 h 574279"/>
              <a:gd name="connsiteX8" fmla="*/ 499854 w 560876"/>
              <a:gd name="connsiteY8" fmla="*/ 52831 h 574279"/>
              <a:gd name="connsiteX9" fmla="*/ 438150 w 560876"/>
              <a:gd name="connsiteY9" fmla="*/ 148035 h 574279"/>
              <a:gd name="connsiteX10" fmla="*/ 514974 w 560876"/>
              <a:gd name="connsiteY10" fmla="*/ 72920 h 574279"/>
              <a:gd name="connsiteX11" fmla="*/ 545307 w 560876"/>
              <a:gd name="connsiteY11" fmla="*/ 93265 h 574279"/>
              <a:gd name="connsiteX12" fmla="*/ 450058 w 560876"/>
              <a:gd name="connsiteY12" fmla="*/ 221853 h 574279"/>
              <a:gd name="connsiteX13" fmla="*/ 538162 w 560876"/>
              <a:gd name="connsiteY13" fmla="*/ 155178 h 574279"/>
              <a:gd name="connsiteX14" fmla="*/ 560563 w 560876"/>
              <a:gd name="connsiteY14" fmla="*/ 172532 h 574279"/>
              <a:gd name="connsiteX15" fmla="*/ 518650 w 560876"/>
              <a:gd name="connsiteY15" fmla="*/ 228579 h 574279"/>
              <a:gd name="connsiteX16" fmla="*/ 276225 w 560876"/>
              <a:gd name="connsiteY16" fmla="*/ 398066 h 574279"/>
              <a:gd name="connsiteX17" fmla="*/ 176213 w 560876"/>
              <a:gd name="connsiteY17" fmla="*/ 574279 h 574279"/>
              <a:gd name="connsiteX18" fmla="*/ 73819 w 560876"/>
              <a:gd name="connsiteY18" fmla="*/ 502841 h 574279"/>
              <a:gd name="connsiteX19" fmla="*/ 0 w 560876"/>
              <a:gd name="connsiteY19" fmla="*/ 500459 h 574279"/>
              <a:gd name="connsiteX20" fmla="*/ 111919 w 560876"/>
              <a:gd name="connsiteY20" fmla="*/ 307577 h 574279"/>
              <a:gd name="connsiteX21" fmla="*/ 166688 w 560876"/>
              <a:gd name="connsiteY21" fmla="*/ 109934 h 574279"/>
              <a:gd name="connsiteX0" fmla="*/ 166688 w 560876"/>
              <a:gd name="connsiteY0" fmla="*/ 110826 h 575171"/>
              <a:gd name="connsiteX1" fmla="*/ 204788 w 560876"/>
              <a:gd name="connsiteY1" fmla="*/ 8432 h 575171"/>
              <a:gd name="connsiteX2" fmla="*/ 254794 w 560876"/>
              <a:gd name="connsiteY2" fmla="*/ 77488 h 575171"/>
              <a:gd name="connsiteX3" fmla="*/ 235744 w 560876"/>
              <a:gd name="connsiteY3" fmla="*/ 156069 h 575171"/>
              <a:gd name="connsiteX4" fmla="*/ 399796 w 560876"/>
              <a:gd name="connsiteY4" fmla="*/ 6306 h 575171"/>
              <a:gd name="connsiteX5" fmla="*/ 441364 w 560876"/>
              <a:gd name="connsiteY5" fmla="*/ 25356 h 575171"/>
              <a:gd name="connsiteX6" fmla="*/ 352426 w 560876"/>
              <a:gd name="connsiteY6" fmla="*/ 165595 h 575171"/>
              <a:gd name="connsiteX7" fmla="*/ 464344 w 560876"/>
              <a:gd name="connsiteY7" fmla="*/ 27482 h 575171"/>
              <a:gd name="connsiteX8" fmla="*/ 499854 w 560876"/>
              <a:gd name="connsiteY8" fmla="*/ 53723 h 575171"/>
              <a:gd name="connsiteX9" fmla="*/ 438150 w 560876"/>
              <a:gd name="connsiteY9" fmla="*/ 148927 h 575171"/>
              <a:gd name="connsiteX10" fmla="*/ 514974 w 560876"/>
              <a:gd name="connsiteY10" fmla="*/ 73812 h 575171"/>
              <a:gd name="connsiteX11" fmla="*/ 545307 w 560876"/>
              <a:gd name="connsiteY11" fmla="*/ 94157 h 575171"/>
              <a:gd name="connsiteX12" fmla="*/ 450058 w 560876"/>
              <a:gd name="connsiteY12" fmla="*/ 222745 h 575171"/>
              <a:gd name="connsiteX13" fmla="*/ 538162 w 560876"/>
              <a:gd name="connsiteY13" fmla="*/ 156070 h 575171"/>
              <a:gd name="connsiteX14" fmla="*/ 560563 w 560876"/>
              <a:gd name="connsiteY14" fmla="*/ 173424 h 575171"/>
              <a:gd name="connsiteX15" fmla="*/ 518650 w 560876"/>
              <a:gd name="connsiteY15" fmla="*/ 229471 h 575171"/>
              <a:gd name="connsiteX16" fmla="*/ 276225 w 560876"/>
              <a:gd name="connsiteY16" fmla="*/ 398958 h 575171"/>
              <a:gd name="connsiteX17" fmla="*/ 176213 w 560876"/>
              <a:gd name="connsiteY17" fmla="*/ 575171 h 575171"/>
              <a:gd name="connsiteX18" fmla="*/ 73819 w 560876"/>
              <a:gd name="connsiteY18" fmla="*/ 503733 h 575171"/>
              <a:gd name="connsiteX19" fmla="*/ 0 w 560876"/>
              <a:gd name="connsiteY19" fmla="*/ 501351 h 575171"/>
              <a:gd name="connsiteX20" fmla="*/ 111919 w 560876"/>
              <a:gd name="connsiteY20" fmla="*/ 308469 h 575171"/>
              <a:gd name="connsiteX21" fmla="*/ 166688 w 560876"/>
              <a:gd name="connsiteY21" fmla="*/ 110826 h 575171"/>
              <a:gd name="connsiteX0" fmla="*/ 166688 w 560876"/>
              <a:gd name="connsiteY0" fmla="*/ 117451 h 581796"/>
              <a:gd name="connsiteX1" fmla="*/ 204788 w 560876"/>
              <a:gd name="connsiteY1" fmla="*/ 15057 h 581796"/>
              <a:gd name="connsiteX2" fmla="*/ 254794 w 560876"/>
              <a:gd name="connsiteY2" fmla="*/ 84113 h 581796"/>
              <a:gd name="connsiteX3" fmla="*/ 235744 w 560876"/>
              <a:gd name="connsiteY3" fmla="*/ 162694 h 581796"/>
              <a:gd name="connsiteX4" fmla="*/ 399796 w 560876"/>
              <a:gd name="connsiteY4" fmla="*/ 12931 h 581796"/>
              <a:gd name="connsiteX5" fmla="*/ 441364 w 560876"/>
              <a:gd name="connsiteY5" fmla="*/ 31981 h 581796"/>
              <a:gd name="connsiteX6" fmla="*/ 352426 w 560876"/>
              <a:gd name="connsiteY6" fmla="*/ 172220 h 581796"/>
              <a:gd name="connsiteX7" fmla="*/ 464344 w 560876"/>
              <a:gd name="connsiteY7" fmla="*/ 34107 h 581796"/>
              <a:gd name="connsiteX8" fmla="*/ 499854 w 560876"/>
              <a:gd name="connsiteY8" fmla="*/ 60348 h 581796"/>
              <a:gd name="connsiteX9" fmla="*/ 438150 w 560876"/>
              <a:gd name="connsiteY9" fmla="*/ 155552 h 581796"/>
              <a:gd name="connsiteX10" fmla="*/ 514974 w 560876"/>
              <a:gd name="connsiteY10" fmla="*/ 80437 h 581796"/>
              <a:gd name="connsiteX11" fmla="*/ 545307 w 560876"/>
              <a:gd name="connsiteY11" fmla="*/ 100782 h 581796"/>
              <a:gd name="connsiteX12" fmla="*/ 450058 w 560876"/>
              <a:gd name="connsiteY12" fmla="*/ 229370 h 581796"/>
              <a:gd name="connsiteX13" fmla="*/ 538162 w 560876"/>
              <a:gd name="connsiteY13" fmla="*/ 162695 h 581796"/>
              <a:gd name="connsiteX14" fmla="*/ 560563 w 560876"/>
              <a:gd name="connsiteY14" fmla="*/ 180049 h 581796"/>
              <a:gd name="connsiteX15" fmla="*/ 518650 w 560876"/>
              <a:gd name="connsiteY15" fmla="*/ 236096 h 581796"/>
              <a:gd name="connsiteX16" fmla="*/ 276225 w 560876"/>
              <a:gd name="connsiteY16" fmla="*/ 405583 h 581796"/>
              <a:gd name="connsiteX17" fmla="*/ 176213 w 560876"/>
              <a:gd name="connsiteY17" fmla="*/ 581796 h 581796"/>
              <a:gd name="connsiteX18" fmla="*/ 73819 w 560876"/>
              <a:gd name="connsiteY18" fmla="*/ 510358 h 581796"/>
              <a:gd name="connsiteX19" fmla="*/ 0 w 560876"/>
              <a:gd name="connsiteY19" fmla="*/ 507976 h 581796"/>
              <a:gd name="connsiteX20" fmla="*/ 111919 w 560876"/>
              <a:gd name="connsiteY20" fmla="*/ 315094 h 581796"/>
              <a:gd name="connsiteX21" fmla="*/ 166688 w 560876"/>
              <a:gd name="connsiteY21" fmla="*/ 117451 h 581796"/>
              <a:gd name="connsiteX0" fmla="*/ 166688 w 560876"/>
              <a:gd name="connsiteY0" fmla="*/ 118715 h 583060"/>
              <a:gd name="connsiteX1" fmla="*/ 204788 w 560876"/>
              <a:gd name="connsiteY1" fmla="*/ 16321 h 583060"/>
              <a:gd name="connsiteX2" fmla="*/ 254794 w 560876"/>
              <a:gd name="connsiteY2" fmla="*/ 85377 h 583060"/>
              <a:gd name="connsiteX3" fmla="*/ 235744 w 560876"/>
              <a:gd name="connsiteY3" fmla="*/ 163958 h 583060"/>
              <a:gd name="connsiteX4" fmla="*/ 399796 w 560876"/>
              <a:gd name="connsiteY4" fmla="*/ 14195 h 583060"/>
              <a:gd name="connsiteX5" fmla="*/ 441364 w 560876"/>
              <a:gd name="connsiteY5" fmla="*/ 33245 h 583060"/>
              <a:gd name="connsiteX6" fmla="*/ 352426 w 560876"/>
              <a:gd name="connsiteY6" fmla="*/ 173484 h 583060"/>
              <a:gd name="connsiteX7" fmla="*/ 464344 w 560876"/>
              <a:gd name="connsiteY7" fmla="*/ 35371 h 583060"/>
              <a:gd name="connsiteX8" fmla="*/ 499854 w 560876"/>
              <a:gd name="connsiteY8" fmla="*/ 61612 h 583060"/>
              <a:gd name="connsiteX9" fmla="*/ 438150 w 560876"/>
              <a:gd name="connsiteY9" fmla="*/ 156816 h 583060"/>
              <a:gd name="connsiteX10" fmla="*/ 514974 w 560876"/>
              <a:gd name="connsiteY10" fmla="*/ 81701 h 583060"/>
              <a:gd name="connsiteX11" fmla="*/ 545307 w 560876"/>
              <a:gd name="connsiteY11" fmla="*/ 102046 h 583060"/>
              <a:gd name="connsiteX12" fmla="*/ 450058 w 560876"/>
              <a:gd name="connsiteY12" fmla="*/ 230634 h 583060"/>
              <a:gd name="connsiteX13" fmla="*/ 538162 w 560876"/>
              <a:gd name="connsiteY13" fmla="*/ 163959 h 583060"/>
              <a:gd name="connsiteX14" fmla="*/ 560563 w 560876"/>
              <a:gd name="connsiteY14" fmla="*/ 181313 h 583060"/>
              <a:gd name="connsiteX15" fmla="*/ 518650 w 560876"/>
              <a:gd name="connsiteY15" fmla="*/ 237360 h 583060"/>
              <a:gd name="connsiteX16" fmla="*/ 276225 w 560876"/>
              <a:gd name="connsiteY16" fmla="*/ 406847 h 583060"/>
              <a:gd name="connsiteX17" fmla="*/ 176213 w 560876"/>
              <a:gd name="connsiteY17" fmla="*/ 583060 h 583060"/>
              <a:gd name="connsiteX18" fmla="*/ 73819 w 560876"/>
              <a:gd name="connsiteY18" fmla="*/ 511622 h 583060"/>
              <a:gd name="connsiteX19" fmla="*/ 0 w 560876"/>
              <a:gd name="connsiteY19" fmla="*/ 509240 h 583060"/>
              <a:gd name="connsiteX20" fmla="*/ 111919 w 560876"/>
              <a:gd name="connsiteY20" fmla="*/ 316358 h 583060"/>
              <a:gd name="connsiteX21" fmla="*/ 166688 w 560876"/>
              <a:gd name="connsiteY21" fmla="*/ 118715 h 583060"/>
              <a:gd name="connsiteX0" fmla="*/ 166688 w 560876"/>
              <a:gd name="connsiteY0" fmla="*/ 119546 h 583891"/>
              <a:gd name="connsiteX1" fmla="*/ 204788 w 560876"/>
              <a:gd name="connsiteY1" fmla="*/ 17152 h 583891"/>
              <a:gd name="connsiteX2" fmla="*/ 254794 w 560876"/>
              <a:gd name="connsiteY2" fmla="*/ 86208 h 583891"/>
              <a:gd name="connsiteX3" fmla="*/ 235744 w 560876"/>
              <a:gd name="connsiteY3" fmla="*/ 164789 h 583891"/>
              <a:gd name="connsiteX4" fmla="*/ 401969 w 560876"/>
              <a:gd name="connsiteY4" fmla="*/ 13939 h 583891"/>
              <a:gd name="connsiteX5" fmla="*/ 441364 w 560876"/>
              <a:gd name="connsiteY5" fmla="*/ 34076 h 583891"/>
              <a:gd name="connsiteX6" fmla="*/ 352426 w 560876"/>
              <a:gd name="connsiteY6" fmla="*/ 174315 h 583891"/>
              <a:gd name="connsiteX7" fmla="*/ 464344 w 560876"/>
              <a:gd name="connsiteY7" fmla="*/ 36202 h 583891"/>
              <a:gd name="connsiteX8" fmla="*/ 499854 w 560876"/>
              <a:gd name="connsiteY8" fmla="*/ 62443 h 583891"/>
              <a:gd name="connsiteX9" fmla="*/ 438150 w 560876"/>
              <a:gd name="connsiteY9" fmla="*/ 157647 h 583891"/>
              <a:gd name="connsiteX10" fmla="*/ 514974 w 560876"/>
              <a:gd name="connsiteY10" fmla="*/ 82532 h 583891"/>
              <a:gd name="connsiteX11" fmla="*/ 545307 w 560876"/>
              <a:gd name="connsiteY11" fmla="*/ 102877 h 583891"/>
              <a:gd name="connsiteX12" fmla="*/ 450058 w 560876"/>
              <a:gd name="connsiteY12" fmla="*/ 231465 h 583891"/>
              <a:gd name="connsiteX13" fmla="*/ 538162 w 560876"/>
              <a:gd name="connsiteY13" fmla="*/ 164790 h 583891"/>
              <a:gd name="connsiteX14" fmla="*/ 560563 w 560876"/>
              <a:gd name="connsiteY14" fmla="*/ 182144 h 583891"/>
              <a:gd name="connsiteX15" fmla="*/ 518650 w 560876"/>
              <a:gd name="connsiteY15" fmla="*/ 238191 h 583891"/>
              <a:gd name="connsiteX16" fmla="*/ 276225 w 560876"/>
              <a:gd name="connsiteY16" fmla="*/ 407678 h 583891"/>
              <a:gd name="connsiteX17" fmla="*/ 176213 w 560876"/>
              <a:gd name="connsiteY17" fmla="*/ 583891 h 583891"/>
              <a:gd name="connsiteX18" fmla="*/ 73819 w 560876"/>
              <a:gd name="connsiteY18" fmla="*/ 512453 h 583891"/>
              <a:gd name="connsiteX19" fmla="*/ 0 w 560876"/>
              <a:gd name="connsiteY19" fmla="*/ 510071 h 583891"/>
              <a:gd name="connsiteX20" fmla="*/ 111919 w 560876"/>
              <a:gd name="connsiteY20" fmla="*/ 317189 h 583891"/>
              <a:gd name="connsiteX21" fmla="*/ 166688 w 560876"/>
              <a:gd name="connsiteY21" fmla="*/ 119546 h 58389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</a:cxnLst>
            <a:rect l="l" t="t" r="r" b="b"/>
            <a:pathLst>
              <a:path w="560876" h="583891">
                <a:moveTo>
                  <a:pt x="166688" y="119546"/>
                </a:moveTo>
                <a:cubicBezTo>
                  <a:pt x="216298" y="88590"/>
                  <a:pt x="188914" y="52870"/>
                  <a:pt x="204788" y="17152"/>
                </a:cubicBezTo>
                <a:cubicBezTo>
                  <a:pt x="210676" y="11293"/>
                  <a:pt x="257969" y="20328"/>
                  <a:pt x="254794" y="86208"/>
                </a:cubicBezTo>
                <a:lnTo>
                  <a:pt x="235744" y="164789"/>
                </a:lnTo>
                <a:cubicBezTo>
                  <a:pt x="291306" y="136215"/>
                  <a:pt x="332120" y="121095"/>
                  <a:pt x="401969" y="13939"/>
                </a:cubicBezTo>
                <a:cubicBezTo>
                  <a:pt x="420432" y="-18111"/>
                  <a:pt x="457416" y="12190"/>
                  <a:pt x="441364" y="34076"/>
                </a:cubicBezTo>
                <a:lnTo>
                  <a:pt x="352426" y="174315"/>
                </a:lnTo>
                <a:cubicBezTo>
                  <a:pt x="389732" y="128277"/>
                  <a:pt x="431801" y="84782"/>
                  <a:pt x="464344" y="36202"/>
                </a:cubicBezTo>
                <a:cubicBezTo>
                  <a:pt x="480889" y="8366"/>
                  <a:pt x="524600" y="21823"/>
                  <a:pt x="499854" y="62443"/>
                </a:cubicBezTo>
                <a:lnTo>
                  <a:pt x="438150" y="157647"/>
                </a:lnTo>
                <a:cubicBezTo>
                  <a:pt x="431800" y="181062"/>
                  <a:pt x="491473" y="97707"/>
                  <a:pt x="514974" y="82532"/>
                </a:cubicBezTo>
                <a:cubicBezTo>
                  <a:pt x="532833" y="73404"/>
                  <a:pt x="549823" y="84706"/>
                  <a:pt x="545307" y="102877"/>
                </a:cubicBezTo>
                <a:cubicBezTo>
                  <a:pt x="546829" y="117939"/>
                  <a:pt x="447677" y="213606"/>
                  <a:pt x="450058" y="231465"/>
                </a:cubicBezTo>
                <a:cubicBezTo>
                  <a:pt x="448074" y="249721"/>
                  <a:pt x="519906" y="168362"/>
                  <a:pt x="538162" y="164790"/>
                </a:cubicBezTo>
                <a:cubicBezTo>
                  <a:pt x="555131" y="156389"/>
                  <a:pt x="562547" y="170635"/>
                  <a:pt x="560563" y="182144"/>
                </a:cubicBezTo>
                <a:cubicBezTo>
                  <a:pt x="558579" y="193653"/>
                  <a:pt x="541772" y="211288"/>
                  <a:pt x="518650" y="238191"/>
                </a:cubicBezTo>
                <a:cubicBezTo>
                  <a:pt x="471025" y="307644"/>
                  <a:pt x="371078" y="388230"/>
                  <a:pt x="276225" y="407678"/>
                </a:cubicBezTo>
                <a:lnTo>
                  <a:pt x="176213" y="583891"/>
                </a:lnTo>
                <a:cubicBezTo>
                  <a:pt x="134144" y="572778"/>
                  <a:pt x="101600" y="533091"/>
                  <a:pt x="73819" y="512453"/>
                </a:cubicBezTo>
                <a:lnTo>
                  <a:pt x="0" y="510071"/>
                </a:lnTo>
                <a:lnTo>
                  <a:pt x="111919" y="317189"/>
                </a:lnTo>
                <a:cubicBezTo>
                  <a:pt x="119857" y="258055"/>
                  <a:pt x="119063" y="147724"/>
                  <a:pt x="166688" y="119546"/>
                </a:cubicBezTo>
                <a:close/>
              </a:path>
            </a:pathLst>
          </a:custGeom>
          <a:solidFill>
            <a:srgbClr val="ECC5AA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74" name="Group 3"/>
          <p:cNvGrpSpPr/>
          <p:nvPr/>
        </p:nvGrpSpPr>
        <p:grpSpPr>
          <a:xfrm>
            <a:off x="6232936" y="2819401"/>
            <a:ext cx="2917192" cy="3522658"/>
            <a:chOff x="0" y="4270374"/>
            <a:chExt cx="1355397" cy="1636712"/>
          </a:xfrm>
        </p:grpSpPr>
        <p:sp>
          <p:nvSpPr>
            <p:cNvPr id="75" name="Rectangle 1"/>
            <p:cNvSpPr/>
            <p:nvPr/>
          </p:nvSpPr>
          <p:spPr>
            <a:xfrm>
              <a:off x="0" y="4270374"/>
              <a:ext cx="1098550" cy="1635125"/>
            </a:xfrm>
            <a:custGeom>
              <a:avLst/>
              <a:gdLst>
                <a:gd name="connsiteX0" fmla="*/ 0 w 1098550"/>
                <a:gd name="connsiteY0" fmla="*/ 0 h 1631950"/>
                <a:gd name="connsiteX1" fmla="*/ 1098550 w 1098550"/>
                <a:gd name="connsiteY1" fmla="*/ 0 h 1631950"/>
                <a:gd name="connsiteX2" fmla="*/ 1098550 w 1098550"/>
                <a:gd name="connsiteY2" fmla="*/ 1631950 h 1631950"/>
                <a:gd name="connsiteX3" fmla="*/ 0 w 1098550"/>
                <a:gd name="connsiteY3" fmla="*/ 1631950 h 1631950"/>
                <a:gd name="connsiteX4" fmla="*/ 0 w 1098550"/>
                <a:gd name="connsiteY4" fmla="*/ 0 h 1631950"/>
                <a:gd name="connsiteX0" fmla="*/ 0 w 1098550"/>
                <a:gd name="connsiteY0" fmla="*/ 3175 h 1635125"/>
                <a:gd name="connsiteX1" fmla="*/ 781050 w 1098550"/>
                <a:gd name="connsiteY1" fmla="*/ 0 h 1635125"/>
                <a:gd name="connsiteX2" fmla="*/ 1098550 w 1098550"/>
                <a:gd name="connsiteY2" fmla="*/ 3175 h 1635125"/>
                <a:gd name="connsiteX3" fmla="*/ 1098550 w 1098550"/>
                <a:gd name="connsiteY3" fmla="*/ 1635125 h 1635125"/>
                <a:gd name="connsiteX4" fmla="*/ 0 w 1098550"/>
                <a:gd name="connsiteY4" fmla="*/ 1635125 h 1635125"/>
                <a:gd name="connsiteX5" fmla="*/ 0 w 1098550"/>
                <a:gd name="connsiteY5" fmla="*/ 3175 h 1635125"/>
                <a:gd name="connsiteX0" fmla="*/ 0 w 1098550"/>
                <a:gd name="connsiteY0" fmla="*/ 3175 h 1635125"/>
                <a:gd name="connsiteX1" fmla="*/ 781050 w 1098550"/>
                <a:gd name="connsiteY1" fmla="*/ 0 h 1635125"/>
                <a:gd name="connsiteX2" fmla="*/ 1098550 w 1098550"/>
                <a:gd name="connsiteY2" fmla="*/ 3175 h 1635125"/>
                <a:gd name="connsiteX3" fmla="*/ 1098550 w 1098550"/>
                <a:gd name="connsiteY3" fmla="*/ 1635125 h 1635125"/>
                <a:gd name="connsiteX4" fmla="*/ 0 w 1098550"/>
                <a:gd name="connsiteY4" fmla="*/ 1635125 h 1635125"/>
                <a:gd name="connsiteX5" fmla="*/ 0 w 1098550"/>
                <a:gd name="connsiteY5" fmla="*/ 1063626 h 1635125"/>
                <a:gd name="connsiteX6" fmla="*/ 0 w 1098550"/>
                <a:gd name="connsiteY6" fmla="*/ 3175 h 1635125"/>
                <a:gd name="connsiteX0" fmla="*/ 0 w 1098550"/>
                <a:gd name="connsiteY0" fmla="*/ 3175 h 1635125"/>
                <a:gd name="connsiteX1" fmla="*/ 781050 w 1098550"/>
                <a:gd name="connsiteY1" fmla="*/ 0 h 1635125"/>
                <a:gd name="connsiteX2" fmla="*/ 1098550 w 1098550"/>
                <a:gd name="connsiteY2" fmla="*/ 3175 h 1635125"/>
                <a:gd name="connsiteX3" fmla="*/ 1098550 w 1098550"/>
                <a:gd name="connsiteY3" fmla="*/ 1352551 h 1635125"/>
                <a:gd name="connsiteX4" fmla="*/ 1098550 w 1098550"/>
                <a:gd name="connsiteY4" fmla="*/ 1635125 h 1635125"/>
                <a:gd name="connsiteX5" fmla="*/ 0 w 1098550"/>
                <a:gd name="connsiteY5" fmla="*/ 1635125 h 1635125"/>
                <a:gd name="connsiteX6" fmla="*/ 0 w 1098550"/>
                <a:gd name="connsiteY6" fmla="*/ 1063626 h 1635125"/>
                <a:gd name="connsiteX7" fmla="*/ 0 w 1098550"/>
                <a:gd name="connsiteY7" fmla="*/ 3175 h 1635125"/>
                <a:gd name="connsiteX0" fmla="*/ 0 w 1098550"/>
                <a:gd name="connsiteY0" fmla="*/ 3175 h 1635125"/>
                <a:gd name="connsiteX1" fmla="*/ 781050 w 1098550"/>
                <a:gd name="connsiteY1" fmla="*/ 0 h 1635125"/>
                <a:gd name="connsiteX2" fmla="*/ 1098550 w 1098550"/>
                <a:gd name="connsiteY2" fmla="*/ 1352551 h 1635125"/>
                <a:gd name="connsiteX3" fmla="*/ 1098550 w 1098550"/>
                <a:gd name="connsiteY3" fmla="*/ 1635125 h 1635125"/>
                <a:gd name="connsiteX4" fmla="*/ 0 w 1098550"/>
                <a:gd name="connsiteY4" fmla="*/ 1635125 h 1635125"/>
                <a:gd name="connsiteX5" fmla="*/ 0 w 1098550"/>
                <a:gd name="connsiteY5" fmla="*/ 1063626 h 1635125"/>
                <a:gd name="connsiteX6" fmla="*/ 0 w 1098550"/>
                <a:gd name="connsiteY6" fmla="*/ 3175 h 1635125"/>
                <a:gd name="connsiteX0" fmla="*/ 0 w 1098550"/>
                <a:gd name="connsiteY0" fmla="*/ 1063626 h 1635125"/>
                <a:gd name="connsiteX1" fmla="*/ 781050 w 1098550"/>
                <a:gd name="connsiteY1" fmla="*/ 0 h 1635125"/>
                <a:gd name="connsiteX2" fmla="*/ 1098550 w 1098550"/>
                <a:gd name="connsiteY2" fmla="*/ 1352551 h 1635125"/>
                <a:gd name="connsiteX3" fmla="*/ 1098550 w 1098550"/>
                <a:gd name="connsiteY3" fmla="*/ 1635125 h 1635125"/>
                <a:gd name="connsiteX4" fmla="*/ 0 w 1098550"/>
                <a:gd name="connsiteY4" fmla="*/ 1635125 h 1635125"/>
                <a:gd name="connsiteX5" fmla="*/ 0 w 1098550"/>
                <a:gd name="connsiteY5" fmla="*/ 1063626 h 16351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098550" h="1635125">
                  <a:moveTo>
                    <a:pt x="0" y="1063626"/>
                  </a:moveTo>
                  <a:lnTo>
                    <a:pt x="781050" y="0"/>
                  </a:lnTo>
                  <a:lnTo>
                    <a:pt x="1098550" y="1352551"/>
                  </a:lnTo>
                  <a:lnTo>
                    <a:pt x="1098550" y="1635125"/>
                  </a:lnTo>
                  <a:lnTo>
                    <a:pt x="0" y="1635125"/>
                  </a:lnTo>
                  <a:lnTo>
                    <a:pt x="0" y="1063626"/>
                  </a:lnTo>
                  <a:close/>
                </a:path>
              </a:pathLst>
            </a:custGeom>
            <a:solidFill>
              <a:srgbClr val="818EAE">
                <a:lumMod val="20000"/>
                <a:lumOff val="8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6" name="Rectangle 3"/>
            <p:cNvSpPr/>
            <p:nvPr/>
          </p:nvSpPr>
          <p:spPr>
            <a:xfrm>
              <a:off x="780906" y="4272587"/>
              <a:ext cx="574491" cy="1634499"/>
            </a:xfrm>
            <a:custGeom>
              <a:avLst/>
              <a:gdLst>
                <a:gd name="connsiteX0" fmla="*/ 0 w 568325"/>
                <a:gd name="connsiteY0" fmla="*/ 0 h 1327150"/>
                <a:gd name="connsiteX1" fmla="*/ 568325 w 568325"/>
                <a:gd name="connsiteY1" fmla="*/ 0 h 1327150"/>
                <a:gd name="connsiteX2" fmla="*/ 568325 w 568325"/>
                <a:gd name="connsiteY2" fmla="*/ 1327150 h 1327150"/>
                <a:gd name="connsiteX3" fmla="*/ 0 w 568325"/>
                <a:gd name="connsiteY3" fmla="*/ 1327150 h 1327150"/>
                <a:gd name="connsiteX4" fmla="*/ 0 w 568325"/>
                <a:gd name="connsiteY4" fmla="*/ 0 h 1327150"/>
                <a:gd name="connsiteX0" fmla="*/ 0 w 568325"/>
                <a:gd name="connsiteY0" fmla="*/ 0 h 1327150"/>
                <a:gd name="connsiteX1" fmla="*/ 568325 w 568325"/>
                <a:gd name="connsiteY1" fmla="*/ 0 h 1327150"/>
                <a:gd name="connsiteX2" fmla="*/ 566738 w 568325"/>
                <a:gd name="connsiteY2" fmla="*/ 648494 h 1327150"/>
                <a:gd name="connsiteX3" fmla="*/ 568325 w 568325"/>
                <a:gd name="connsiteY3" fmla="*/ 1327150 h 1327150"/>
                <a:gd name="connsiteX4" fmla="*/ 0 w 568325"/>
                <a:gd name="connsiteY4" fmla="*/ 1327150 h 1327150"/>
                <a:gd name="connsiteX5" fmla="*/ 0 w 568325"/>
                <a:gd name="connsiteY5" fmla="*/ 0 h 1327150"/>
                <a:gd name="connsiteX0" fmla="*/ 0 w 568325"/>
                <a:gd name="connsiteY0" fmla="*/ 0 h 1327150"/>
                <a:gd name="connsiteX1" fmla="*/ 568325 w 568325"/>
                <a:gd name="connsiteY1" fmla="*/ 0 h 1327150"/>
                <a:gd name="connsiteX2" fmla="*/ 566738 w 568325"/>
                <a:gd name="connsiteY2" fmla="*/ 648494 h 1327150"/>
                <a:gd name="connsiteX3" fmla="*/ 568325 w 568325"/>
                <a:gd name="connsiteY3" fmla="*/ 1327150 h 1327150"/>
                <a:gd name="connsiteX4" fmla="*/ 307181 w 568325"/>
                <a:gd name="connsiteY4" fmla="*/ 1325219 h 1327150"/>
                <a:gd name="connsiteX5" fmla="*/ 0 w 568325"/>
                <a:gd name="connsiteY5" fmla="*/ 1327150 h 1327150"/>
                <a:gd name="connsiteX6" fmla="*/ 0 w 568325"/>
                <a:gd name="connsiteY6" fmla="*/ 0 h 1327150"/>
                <a:gd name="connsiteX0" fmla="*/ 0 w 568325"/>
                <a:gd name="connsiteY0" fmla="*/ 0 h 1327150"/>
                <a:gd name="connsiteX1" fmla="*/ 566738 w 568325"/>
                <a:gd name="connsiteY1" fmla="*/ 648494 h 1327150"/>
                <a:gd name="connsiteX2" fmla="*/ 568325 w 568325"/>
                <a:gd name="connsiteY2" fmla="*/ 1327150 h 1327150"/>
                <a:gd name="connsiteX3" fmla="*/ 307181 w 568325"/>
                <a:gd name="connsiteY3" fmla="*/ 1325219 h 1327150"/>
                <a:gd name="connsiteX4" fmla="*/ 0 w 568325"/>
                <a:gd name="connsiteY4" fmla="*/ 1327150 h 1327150"/>
                <a:gd name="connsiteX5" fmla="*/ 0 w 568325"/>
                <a:gd name="connsiteY5" fmla="*/ 0 h 1327150"/>
                <a:gd name="connsiteX0" fmla="*/ 0 w 568325"/>
                <a:gd name="connsiteY0" fmla="*/ 0 h 1327150"/>
                <a:gd name="connsiteX1" fmla="*/ 566738 w 568325"/>
                <a:gd name="connsiteY1" fmla="*/ 648494 h 1327150"/>
                <a:gd name="connsiteX2" fmla="*/ 568325 w 568325"/>
                <a:gd name="connsiteY2" fmla="*/ 1327150 h 1327150"/>
                <a:gd name="connsiteX3" fmla="*/ 307181 w 568325"/>
                <a:gd name="connsiteY3" fmla="*/ 1325219 h 1327150"/>
                <a:gd name="connsiteX4" fmla="*/ 0 w 568325"/>
                <a:gd name="connsiteY4" fmla="*/ 0 h 1327150"/>
                <a:gd name="connsiteX0" fmla="*/ 0 w 568325"/>
                <a:gd name="connsiteY0" fmla="*/ 0 h 1327150"/>
                <a:gd name="connsiteX1" fmla="*/ 400051 w 568325"/>
                <a:gd name="connsiteY1" fmla="*/ 561605 h 1327150"/>
                <a:gd name="connsiteX2" fmla="*/ 568325 w 568325"/>
                <a:gd name="connsiteY2" fmla="*/ 1327150 h 1327150"/>
                <a:gd name="connsiteX3" fmla="*/ 307181 w 568325"/>
                <a:gd name="connsiteY3" fmla="*/ 1325219 h 1327150"/>
                <a:gd name="connsiteX4" fmla="*/ 0 w 568325"/>
                <a:gd name="connsiteY4" fmla="*/ 0 h 1327150"/>
                <a:gd name="connsiteX0" fmla="*/ 0 w 571172"/>
                <a:gd name="connsiteY0" fmla="*/ 0 h 1327150"/>
                <a:gd name="connsiteX1" fmla="*/ 571172 w 571172"/>
                <a:gd name="connsiteY1" fmla="*/ 528112 h 1327150"/>
                <a:gd name="connsiteX2" fmla="*/ 568325 w 571172"/>
                <a:gd name="connsiteY2" fmla="*/ 1327150 h 1327150"/>
                <a:gd name="connsiteX3" fmla="*/ 307181 w 571172"/>
                <a:gd name="connsiteY3" fmla="*/ 1325219 h 1327150"/>
                <a:gd name="connsiteX4" fmla="*/ 0 w 571172"/>
                <a:gd name="connsiteY4" fmla="*/ 0 h 1327150"/>
                <a:gd name="connsiteX0" fmla="*/ 0 w 573385"/>
                <a:gd name="connsiteY0" fmla="*/ 0 h 1323561"/>
                <a:gd name="connsiteX1" fmla="*/ 573385 w 573385"/>
                <a:gd name="connsiteY1" fmla="*/ 524523 h 1323561"/>
                <a:gd name="connsiteX2" fmla="*/ 570538 w 573385"/>
                <a:gd name="connsiteY2" fmla="*/ 1323561 h 1323561"/>
                <a:gd name="connsiteX3" fmla="*/ 309394 w 573385"/>
                <a:gd name="connsiteY3" fmla="*/ 1321630 h 1323561"/>
                <a:gd name="connsiteX4" fmla="*/ 0 w 573385"/>
                <a:gd name="connsiteY4" fmla="*/ 0 h 1323561"/>
                <a:gd name="connsiteX0" fmla="*/ 0 w 574491"/>
                <a:gd name="connsiteY0" fmla="*/ 0 h 1324458"/>
                <a:gd name="connsiteX1" fmla="*/ 574491 w 574491"/>
                <a:gd name="connsiteY1" fmla="*/ 525420 h 1324458"/>
                <a:gd name="connsiteX2" fmla="*/ 571644 w 574491"/>
                <a:gd name="connsiteY2" fmla="*/ 1324458 h 1324458"/>
                <a:gd name="connsiteX3" fmla="*/ 310500 w 574491"/>
                <a:gd name="connsiteY3" fmla="*/ 1322527 h 1324458"/>
                <a:gd name="connsiteX4" fmla="*/ 0 w 574491"/>
                <a:gd name="connsiteY4" fmla="*/ 0 h 1324458"/>
                <a:gd name="connsiteX0" fmla="*/ 0 w 574491"/>
                <a:gd name="connsiteY0" fmla="*/ 0 h 1325355"/>
                <a:gd name="connsiteX1" fmla="*/ 574491 w 574491"/>
                <a:gd name="connsiteY1" fmla="*/ 526317 h 1325355"/>
                <a:gd name="connsiteX2" fmla="*/ 571644 w 574491"/>
                <a:gd name="connsiteY2" fmla="*/ 1325355 h 1325355"/>
                <a:gd name="connsiteX3" fmla="*/ 310500 w 574491"/>
                <a:gd name="connsiteY3" fmla="*/ 1323424 h 1325355"/>
                <a:gd name="connsiteX4" fmla="*/ 0 w 574491"/>
                <a:gd name="connsiteY4" fmla="*/ 0 h 13253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574491" h="1325355">
                  <a:moveTo>
                    <a:pt x="0" y="0"/>
                  </a:moveTo>
                  <a:lnTo>
                    <a:pt x="574491" y="526317"/>
                  </a:lnTo>
                  <a:lnTo>
                    <a:pt x="571644" y="1325355"/>
                  </a:lnTo>
                  <a:lnTo>
                    <a:pt x="310500" y="1323424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818EAE">
                <a:lumMod val="60000"/>
                <a:lumOff val="4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77" name="Group 28"/>
          <p:cNvGrpSpPr/>
          <p:nvPr/>
        </p:nvGrpSpPr>
        <p:grpSpPr>
          <a:xfrm>
            <a:off x="5889072" y="852714"/>
            <a:ext cx="3254928" cy="1847966"/>
            <a:chOff x="6182326" y="471928"/>
            <a:chExt cx="2934187" cy="1665868"/>
          </a:xfrm>
          <a:effectLst/>
        </p:grpSpPr>
        <p:sp>
          <p:nvSpPr>
            <p:cNvPr id="78" name="Freeform 29"/>
            <p:cNvSpPr/>
            <p:nvPr/>
          </p:nvSpPr>
          <p:spPr>
            <a:xfrm>
              <a:off x="6182326" y="471928"/>
              <a:ext cx="2934187" cy="1647231"/>
            </a:xfrm>
            <a:custGeom>
              <a:avLst/>
              <a:gdLst>
                <a:gd name="connsiteX0" fmla="*/ 4191003 w 6982691"/>
                <a:gd name="connsiteY0" fmla="*/ 0 h 4114800"/>
                <a:gd name="connsiteX1" fmla="*/ 5832767 w 6982691"/>
                <a:gd name="connsiteY1" fmla="*/ 1323110 h 4114800"/>
                <a:gd name="connsiteX2" fmla="*/ 5824553 w 6982691"/>
                <a:gd name="connsiteY2" fmla="*/ 1454204 h 4114800"/>
                <a:gd name="connsiteX3" fmla="*/ 5915172 w 6982691"/>
                <a:gd name="connsiteY3" fmla="*/ 1468035 h 4114800"/>
                <a:gd name="connsiteX4" fmla="*/ 6982691 w 6982691"/>
                <a:gd name="connsiteY4" fmla="*/ 2777836 h 4114800"/>
                <a:gd name="connsiteX5" fmla="*/ 5645727 w 6982691"/>
                <a:gd name="connsiteY5" fmla="*/ 4114800 h 4114800"/>
                <a:gd name="connsiteX6" fmla="*/ 1336964 w 6982691"/>
                <a:gd name="connsiteY6" fmla="*/ 4114800 h 4114800"/>
                <a:gd name="connsiteX7" fmla="*/ 0 w 6982691"/>
                <a:gd name="connsiteY7" fmla="*/ 2777836 h 4114800"/>
                <a:gd name="connsiteX8" fmla="*/ 1200267 w 6982691"/>
                <a:gd name="connsiteY8" fmla="*/ 1447775 h 4114800"/>
                <a:gd name="connsiteX9" fmla="*/ 1256791 w 6982691"/>
                <a:gd name="connsiteY9" fmla="*/ 1444921 h 4114800"/>
                <a:gd name="connsiteX10" fmla="*/ 1263237 w 6982691"/>
                <a:gd name="connsiteY10" fmla="*/ 1384285 h 4114800"/>
                <a:gd name="connsiteX11" fmla="*/ 2050475 w 6982691"/>
                <a:gd name="connsiteY11" fmla="*/ 775855 h 4114800"/>
                <a:gd name="connsiteX12" fmla="*/ 2561617 w 6982691"/>
                <a:gd name="connsiteY12" fmla="*/ 949859 h 4114800"/>
                <a:gd name="connsiteX13" fmla="*/ 2604065 w 6982691"/>
                <a:gd name="connsiteY13" fmla="*/ 989162 h 4114800"/>
                <a:gd name="connsiteX14" fmla="*/ 2623050 w 6982691"/>
                <a:gd name="connsiteY14" fmla="*/ 929658 h 4114800"/>
                <a:gd name="connsiteX15" fmla="*/ 4191003 w 6982691"/>
                <a:gd name="connsiteY15" fmla="*/ 0 h 4114800"/>
                <a:gd name="connsiteX0" fmla="*/ 4191003 w 6982691"/>
                <a:gd name="connsiteY0" fmla="*/ 0 h 4114800"/>
                <a:gd name="connsiteX1" fmla="*/ 5832767 w 6982691"/>
                <a:gd name="connsiteY1" fmla="*/ 1323110 h 4114800"/>
                <a:gd name="connsiteX2" fmla="*/ 5824553 w 6982691"/>
                <a:gd name="connsiteY2" fmla="*/ 1454204 h 4114800"/>
                <a:gd name="connsiteX3" fmla="*/ 6982691 w 6982691"/>
                <a:gd name="connsiteY3" fmla="*/ 2777836 h 4114800"/>
                <a:gd name="connsiteX4" fmla="*/ 5645727 w 6982691"/>
                <a:gd name="connsiteY4" fmla="*/ 4114800 h 4114800"/>
                <a:gd name="connsiteX5" fmla="*/ 1336964 w 6982691"/>
                <a:gd name="connsiteY5" fmla="*/ 4114800 h 4114800"/>
                <a:gd name="connsiteX6" fmla="*/ 0 w 6982691"/>
                <a:gd name="connsiteY6" fmla="*/ 2777836 h 4114800"/>
                <a:gd name="connsiteX7" fmla="*/ 1200267 w 6982691"/>
                <a:gd name="connsiteY7" fmla="*/ 1447775 h 4114800"/>
                <a:gd name="connsiteX8" fmla="*/ 1256791 w 6982691"/>
                <a:gd name="connsiteY8" fmla="*/ 1444921 h 4114800"/>
                <a:gd name="connsiteX9" fmla="*/ 1263237 w 6982691"/>
                <a:gd name="connsiteY9" fmla="*/ 1384285 h 4114800"/>
                <a:gd name="connsiteX10" fmla="*/ 2050475 w 6982691"/>
                <a:gd name="connsiteY10" fmla="*/ 775855 h 4114800"/>
                <a:gd name="connsiteX11" fmla="*/ 2561617 w 6982691"/>
                <a:gd name="connsiteY11" fmla="*/ 949859 h 4114800"/>
                <a:gd name="connsiteX12" fmla="*/ 2604065 w 6982691"/>
                <a:gd name="connsiteY12" fmla="*/ 989162 h 4114800"/>
                <a:gd name="connsiteX13" fmla="*/ 2623050 w 6982691"/>
                <a:gd name="connsiteY13" fmla="*/ 929658 h 4114800"/>
                <a:gd name="connsiteX14" fmla="*/ 4191003 w 6982691"/>
                <a:gd name="connsiteY14" fmla="*/ 0 h 4114800"/>
                <a:gd name="connsiteX0" fmla="*/ 4191003 w 6984458"/>
                <a:gd name="connsiteY0" fmla="*/ 0 h 4114800"/>
                <a:gd name="connsiteX1" fmla="*/ 5832767 w 6984458"/>
                <a:gd name="connsiteY1" fmla="*/ 1323110 h 4114800"/>
                <a:gd name="connsiteX2" fmla="*/ 5905151 w 6984458"/>
                <a:gd name="connsiteY2" fmla="*/ 1395098 h 4114800"/>
                <a:gd name="connsiteX3" fmla="*/ 6982691 w 6984458"/>
                <a:gd name="connsiteY3" fmla="*/ 2777836 h 4114800"/>
                <a:gd name="connsiteX4" fmla="*/ 5645727 w 6984458"/>
                <a:gd name="connsiteY4" fmla="*/ 4114800 h 4114800"/>
                <a:gd name="connsiteX5" fmla="*/ 1336964 w 6984458"/>
                <a:gd name="connsiteY5" fmla="*/ 4114800 h 4114800"/>
                <a:gd name="connsiteX6" fmla="*/ 0 w 6984458"/>
                <a:gd name="connsiteY6" fmla="*/ 2777836 h 4114800"/>
                <a:gd name="connsiteX7" fmla="*/ 1200267 w 6984458"/>
                <a:gd name="connsiteY7" fmla="*/ 1447775 h 4114800"/>
                <a:gd name="connsiteX8" fmla="*/ 1256791 w 6984458"/>
                <a:gd name="connsiteY8" fmla="*/ 1444921 h 4114800"/>
                <a:gd name="connsiteX9" fmla="*/ 1263237 w 6984458"/>
                <a:gd name="connsiteY9" fmla="*/ 1384285 h 4114800"/>
                <a:gd name="connsiteX10" fmla="*/ 2050475 w 6984458"/>
                <a:gd name="connsiteY10" fmla="*/ 775855 h 4114800"/>
                <a:gd name="connsiteX11" fmla="*/ 2561617 w 6984458"/>
                <a:gd name="connsiteY11" fmla="*/ 949859 h 4114800"/>
                <a:gd name="connsiteX12" fmla="*/ 2604065 w 6984458"/>
                <a:gd name="connsiteY12" fmla="*/ 989162 h 4114800"/>
                <a:gd name="connsiteX13" fmla="*/ 2623050 w 6984458"/>
                <a:gd name="connsiteY13" fmla="*/ 929658 h 4114800"/>
                <a:gd name="connsiteX14" fmla="*/ 4191003 w 6984458"/>
                <a:gd name="connsiteY14" fmla="*/ 0 h 4114800"/>
                <a:gd name="connsiteX0" fmla="*/ 4191003 w 6057725"/>
                <a:gd name="connsiteY0" fmla="*/ 0 h 4114800"/>
                <a:gd name="connsiteX1" fmla="*/ 5832767 w 6057725"/>
                <a:gd name="connsiteY1" fmla="*/ 1323110 h 4114800"/>
                <a:gd name="connsiteX2" fmla="*/ 5905151 w 6057725"/>
                <a:gd name="connsiteY2" fmla="*/ 1395098 h 4114800"/>
                <a:gd name="connsiteX3" fmla="*/ 5645727 w 6057725"/>
                <a:gd name="connsiteY3" fmla="*/ 4114800 h 4114800"/>
                <a:gd name="connsiteX4" fmla="*/ 1336964 w 6057725"/>
                <a:gd name="connsiteY4" fmla="*/ 4114800 h 4114800"/>
                <a:gd name="connsiteX5" fmla="*/ 0 w 6057725"/>
                <a:gd name="connsiteY5" fmla="*/ 2777836 h 4114800"/>
                <a:gd name="connsiteX6" fmla="*/ 1200267 w 6057725"/>
                <a:gd name="connsiteY6" fmla="*/ 1447775 h 4114800"/>
                <a:gd name="connsiteX7" fmla="*/ 1256791 w 6057725"/>
                <a:gd name="connsiteY7" fmla="*/ 1444921 h 4114800"/>
                <a:gd name="connsiteX8" fmla="*/ 1263237 w 6057725"/>
                <a:gd name="connsiteY8" fmla="*/ 1384285 h 4114800"/>
                <a:gd name="connsiteX9" fmla="*/ 2050475 w 6057725"/>
                <a:gd name="connsiteY9" fmla="*/ 775855 h 4114800"/>
                <a:gd name="connsiteX10" fmla="*/ 2561617 w 6057725"/>
                <a:gd name="connsiteY10" fmla="*/ 949859 h 4114800"/>
                <a:gd name="connsiteX11" fmla="*/ 2604065 w 6057725"/>
                <a:gd name="connsiteY11" fmla="*/ 989162 h 4114800"/>
                <a:gd name="connsiteX12" fmla="*/ 2623050 w 6057725"/>
                <a:gd name="connsiteY12" fmla="*/ 929658 h 4114800"/>
                <a:gd name="connsiteX13" fmla="*/ 4191003 w 6057725"/>
                <a:gd name="connsiteY13" fmla="*/ 0 h 4114800"/>
                <a:gd name="connsiteX0" fmla="*/ 4191003 w 6304506"/>
                <a:gd name="connsiteY0" fmla="*/ 0 h 4114800"/>
                <a:gd name="connsiteX1" fmla="*/ 5832767 w 6304506"/>
                <a:gd name="connsiteY1" fmla="*/ 1323110 h 4114800"/>
                <a:gd name="connsiteX2" fmla="*/ 5905151 w 6304506"/>
                <a:gd name="connsiteY2" fmla="*/ 1395098 h 4114800"/>
                <a:gd name="connsiteX3" fmla="*/ 5645727 w 6304506"/>
                <a:gd name="connsiteY3" fmla="*/ 4114800 h 4114800"/>
                <a:gd name="connsiteX4" fmla="*/ 1336964 w 6304506"/>
                <a:gd name="connsiteY4" fmla="*/ 4114800 h 4114800"/>
                <a:gd name="connsiteX5" fmla="*/ 0 w 6304506"/>
                <a:gd name="connsiteY5" fmla="*/ 2777836 h 4114800"/>
                <a:gd name="connsiteX6" fmla="*/ 1200267 w 6304506"/>
                <a:gd name="connsiteY6" fmla="*/ 1447775 h 4114800"/>
                <a:gd name="connsiteX7" fmla="*/ 1256791 w 6304506"/>
                <a:gd name="connsiteY7" fmla="*/ 1444921 h 4114800"/>
                <a:gd name="connsiteX8" fmla="*/ 1263237 w 6304506"/>
                <a:gd name="connsiteY8" fmla="*/ 1384285 h 4114800"/>
                <a:gd name="connsiteX9" fmla="*/ 2050475 w 6304506"/>
                <a:gd name="connsiteY9" fmla="*/ 775855 h 4114800"/>
                <a:gd name="connsiteX10" fmla="*/ 2561617 w 6304506"/>
                <a:gd name="connsiteY10" fmla="*/ 949859 h 4114800"/>
                <a:gd name="connsiteX11" fmla="*/ 2604065 w 6304506"/>
                <a:gd name="connsiteY11" fmla="*/ 989162 h 4114800"/>
                <a:gd name="connsiteX12" fmla="*/ 2623050 w 6304506"/>
                <a:gd name="connsiteY12" fmla="*/ 929658 h 4114800"/>
                <a:gd name="connsiteX13" fmla="*/ 4191003 w 6304506"/>
                <a:gd name="connsiteY13" fmla="*/ 0 h 4114800"/>
                <a:gd name="connsiteX0" fmla="*/ 4191003 w 6828167"/>
                <a:gd name="connsiteY0" fmla="*/ 0 h 4114800"/>
                <a:gd name="connsiteX1" fmla="*/ 5832767 w 6828167"/>
                <a:gd name="connsiteY1" fmla="*/ 1323110 h 4114800"/>
                <a:gd name="connsiteX2" fmla="*/ 5905151 w 6828167"/>
                <a:gd name="connsiteY2" fmla="*/ 1395098 h 4114800"/>
                <a:gd name="connsiteX3" fmla="*/ 5645727 w 6828167"/>
                <a:gd name="connsiteY3" fmla="*/ 4114800 h 4114800"/>
                <a:gd name="connsiteX4" fmla="*/ 1336964 w 6828167"/>
                <a:gd name="connsiteY4" fmla="*/ 4114800 h 4114800"/>
                <a:gd name="connsiteX5" fmla="*/ 0 w 6828167"/>
                <a:gd name="connsiteY5" fmla="*/ 2777836 h 4114800"/>
                <a:gd name="connsiteX6" fmla="*/ 1200267 w 6828167"/>
                <a:gd name="connsiteY6" fmla="*/ 1447775 h 4114800"/>
                <a:gd name="connsiteX7" fmla="*/ 1256791 w 6828167"/>
                <a:gd name="connsiteY7" fmla="*/ 1444921 h 4114800"/>
                <a:gd name="connsiteX8" fmla="*/ 1263237 w 6828167"/>
                <a:gd name="connsiteY8" fmla="*/ 1384285 h 4114800"/>
                <a:gd name="connsiteX9" fmla="*/ 2050475 w 6828167"/>
                <a:gd name="connsiteY9" fmla="*/ 775855 h 4114800"/>
                <a:gd name="connsiteX10" fmla="*/ 2561617 w 6828167"/>
                <a:gd name="connsiteY10" fmla="*/ 949859 h 4114800"/>
                <a:gd name="connsiteX11" fmla="*/ 2604065 w 6828167"/>
                <a:gd name="connsiteY11" fmla="*/ 989162 h 4114800"/>
                <a:gd name="connsiteX12" fmla="*/ 2623050 w 6828167"/>
                <a:gd name="connsiteY12" fmla="*/ 929658 h 4114800"/>
                <a:gd name="connsiteX13" fmla="*/ 4191003 w 6828167"/>
                <a:gd name="connsiteY13" fmla="*/ 0 h 4114800"/>
                <a:gd name="connsiteX0" fmla="*/ 4191003 w 6912148"/>
                <a:gd name="connsiteY0" fmla="*/ 0 h 4114800"/>
                <a:gd name="connsiteX1" fmla="*/ 5832767 w 6912148"/>
                <a:gd name="connsiteY1" fmla="*/ 1323110 h 4114800"/>
                <a:gd name="connsiteX2" fmla="*/ 5905151 w 6912148"/>
                <a:gd name="connsiteY2" fmla="*/ 1395098 h 4114800"/>
                <a:gd name="connsiteX3" fmla="*/ 5645727 w 6912148"/>
                <a:gd name="connsiteY3" fmla="*/ 4114800 h 4114800"/>
                <a:gd name="connsiteX4" fmla="*/ 1336964 w 6912148"/>
                <a:gd name="connsiteY4" fmla="*/ 4114800 h 4114800"/>
                <a:gd name="connsiteX5" fmla="*/ 0 w 6912148"/>
                <a:gd name="connsiteY5" fmla="*/ 2777836 h 4114800"/>
                <a:gd name="connsiteX6" fmla="*/ 1200267 w 6912148"/>
                <a:gd name="connsiteY6" fmla="*/ 1447775 h 4114800"/>
                <a:gd name="connsiteX7" fmla="*/ 1256791 w 6912148"/>
                <a:gd name="connsiteY7" fmla="*/ 1444921 h 4114800"/>
                <a:gd name="connsiteX8" fmla="*/ 1263237 w 6912148"/>
                <a:gd name="connsiteY8" fmla="*/ 1384285 h 4114800"/>
                <a:gd name="connsiteX9" fmla="*/ 2050475 w 6912148"/>
                <a:gd name="connsiteY9" fmla="*/ 775855 h 4114800"/>
                <a:gd name="connsiteX10" fmla="*/ 2561617 w 6912148"/>
                <a:gd name="connsiteY10" fmla="*/ 949859 h 4114800"/>
                <a:gd name="connsiteX11" fmla="*/ 2604065 w 6912148"/>
                <a:gd name="connsiteY11" fmla="*/ 989162 h 4114800"/>
                <a:gd name="connsiteX12" fmla="*/ 2623050 w 6912148"/>
                <a:gd name="connsiteY12" fmla="*/ 929658 h 4114800"/>
                <a:gd name="connsiteX13" fmla="*/ 4191003 w 6912148"/>
                <a:gd name="connsiteY13" fmla="*/ 0 h 4114800"/>
                <a:gd name="connsiteX0" fmla="*/ 4191003 w 6908391"/>
                <a:gd name="connsiteY0" fmla="*/ 0 h 4114800"/>
                <a:gd name="connsiteX1" fmla="*/ 5832767 w 6908391"/>
                <a:gd name="connsiteY1" fmla="*/ 1323110 h 4114800"/>
                <a:gd name="connsiteX2" fmla="*/ 5905151 w 6908391"/>
                <a:gd name="connsiteY2" fmla="*/ 1395098 h 4114800"/>
                <a:gd name="connsiteX3" fmla="*/ 5645727 w 6908391"/>
                <a:gd name="connsiteY3" fmla="*/ 4114800 h 4114800"/>
                <a:gd name="connsiteX4" fmla="*/ 1336964 w 6908391"/>
                <a:gd name="connsiteY4" fmla="*/ 4114800 h 4114800"/>
                <a:gd name="connsiteX5" fmla="*/ 0 w 6908391"/>
                <a:gd name="connsiteY5" fmla="*/ 2777836 h 4114800"/>
                <a:gd name="connsiteX6" fmla="*/ 1200267 w 6908391"/>
                <a:gd name="connsiteY6" fmla="*/ 1447775 h 4114800"/>
                <a:gd name="connsiteX7" fmla="*/ 1256791 w 6908391"/>
                <a:gd name="connsiteY7" fmla="*/ 1444921 h 4114800"/>
                <a:gd name="connsiteX8" fmla="*/ 1263237 w 6908391"/>
                <a:gd name="connsiteY8" fmla="*/ 1384285 h 4114800"/>
                <a:gd name="connsiteX9" fmla="*/ 2050475 w 6908391"/>
                <a:gd name="connsiteY9" fmla="*/ 775855 h 4114800"/>
                <a:gd name="connsiteX10" fmla="*/ 2561617 w 6908391"/>
                <a:gd name="connsiteY10" fmla="*/ 949859 h 4114800"/>
                <a:gd name="connsiteX11" fmla="*/ 2604065 w 6908391"/>
                <a:gd name="connsiteY11" fmla="*/ 989162 h 4114800"/>
                <a:gd name="connsiteX12" fmla="*/ 2623050 w 6908391"/>
                <a:gd name="connsiteY12" fmla="*/ 929658 h 4114800"/>
                <a:gd name="connsiteX13" fmla="*/ 4191003 w 6908391"/>
                <a:gd name="connsiteY13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1263237 w 6908391"/>
                <a:gd name="connsiteY7" fmla="*/ 1384285 h 4114800"/>
                <a:gd name="connsiteX8" fmla="*/ 2050475 w 6908391"/>
                <a:gd name="connsiteY8" fmla="*/ 775855 h 4114800"/>
                <a:gd name="connsiteX9" fmla="*/ 2561617 w 6908391"/>
                <a:gd name="connsiteY9" fmla="*/ 949859 h 4114800"/>
                <a:gd name="connsiteX10" fmla="*/ 2604065 w 6908391"/>
                <a:gd name="connsiteY10" fmla="*/ 989162 h 4114800"/>
                <a:gd name="connsiteX11" fmla="*/ 2623050 w 6908391"/>
                <a:gd name="connsiteY11" fmla="*/ 929658 h 4114800"/>
                <a:gd name="connsiteX12" fmla="*/ 4191003 w 6908391"/>
                <a:gd name="connsiteY12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1263237 w 6908391"/>
                <a:gd name="connsiteY7" fmla="*/ 1384285 h 4114800"/>
                <a:gd name="connsiteX8" fmla="*/ 2050475 w 6908391"/>
                <a:gd name="connsiteY8" fmla="*/ 775855 h 4114800"/>
                <a:gd name="connsiteX9" fmla="*/ 2561617 w 6908391"/>
                <a:gd name="connsiteY9" fmla="*/ 949859 h 4114800"/>
                <a:gd name="connsiteX10" fmla="*/ 2604065 w 6908391"/>
                <a:gd name="connsiteY10" fmla="*/ 989162 h 4114800"/>
                <a:gd name="connsiteX11" fmla="*/ 4191003 w 6908391"/>
                <a:gd name="connsiteY11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1263237 w 6908391"/>
                <a:gd name="connsiteY7" fmla="*/ 1384285 h 4114800"/>
                <a:gd name="connsiteX8" fmla="*/ 2050475 w 6908391"/>
                <a:gd name="connsiteY8" fmla="*/ 775855 h 4114800"/>
                <a:gd name="connsiteX9" fmla="*/ 2561617 w 6908391"/>
                <a:gd name="connsiteY9" fmla="*/ 949859 h 4114800"/>
                <a:gd name="connsiteX10" fmla="*/ 4191003 w 6908391"/>
                <a:gd name="connsiteY10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1263237 w 6908391"/>
                <a:gd name="connsiteY7" fmla="*/ 1384285 h 4114800"/>
                <a:gd name="connsiteX8" fmla="*/ 2050475 w 6908391"/>
                <a:gd name="connsiteY8" fmla="*/ 775855 h 4114800"/>
                <a:gd name="connsiteX9" fmla="*/ 2615349 w 6908391"/>
                <a:gd name="connsiteY9" fmla="*/ 863889 h 4114800"/>
                <a:gd name="connsiteX10" fmla="*/ 4191003 w 6908391"/>
                <a:gd name="connsiteY10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1263237 w 6908391"/>
                <a:gd name="connsiteY7" fmla="*/ 1384285 h 4114800"/>
                <a:gd name="connsiteX8" fmla="*/ 2615349 w 6908391"/>
                <a:gd name="connsiteY8" fmla="*/ 863889 h 4114800"/>
                <a:gd name="connsiteX9" fmla="*/ 4191003 w 6908391"/>
                <a:gd name="connsiteY9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2615349 w 6908391"/>
                <a:gd name="connsiteY7" fmla="*/ 863889 h 4114800"/>
                <a:gd name="connsiteX8" fmla="*/ 4191003 w 6908391"/>
                <a:gd name="connsiteY8" fmla="*/ 0 h 4114800"/>
                <a:gd name="connsiteX0" fmla="*/ 4191161 w 6908549"/>
                <a:gd name="connsiteY0" fmla="*/ 0 h 4114800"/>
                <a:gd name="connsiteX1" fmla="*/ 5905309 w 6908549"/>
                <a:gd name="connsiteY1" fmla="*/ 1395098 h 4114800"/>
                <a:gd name="connsiteX2" fmla="*/ 5645885 w 6908549"/>
                <a:gd name="connsiteY2" fmla="*/ 4114800 h 4114800"/>
                <a:gd name="connsiteX3" fmla="*/ 1337122 w 6908549"/>
                <a:gd name="connsiteY3" fmla="*/ 4114800 h 4114800"/>
                <a:gd name="connsiteX4" fmla="*/ 158 w 6908549"/>
                <a:gd name="connsiteY4" fmla="*/ 2777836 h 4114800"/>
                <a:gd name="connsiteX5" fmla="*/ 1256949 w 6908549"/>
                <a:gd name="connsiteY5" fmla="*/ 1444921 h 4114800"/>
                <a:gd name="connsiteX6" fmla="*/ 2615507 w 6908549"/>
                <a:gd name="connsiteY6" fmla="*/ 863889 h 4114800"/>
                <a:gd name="connsiteX7" fmla="*/ 4191161 w 6908549"/>
                <a:gd name="connsiteY7" fmla="*/ 0 h 4114800"/>
                <a:gd name="connsiteX0" fmla="*/ 4191208 w 6908596"/>
                <a:gd name="connsiteY0" fmla="*/ 0 h 4114800"/>
                <a:gd name="connsiteX1" fmla="*/ 5905356 w 6908596"/>
                <a:gd name="connsiteY1" fmla="*/ 1395098 h 4114800"/>
                <a:gd name="connsiteX2" fmla="*/ 5645932 w 6908596"/>
                <a:gd name="connsiteY2" fmla="*/ 4114800 h 4114800"/>
                <a:gd name="connsiteX3" fmla="*/ 1337169 w 6908596"/>
                <a:gd name="connsiteY3" fmla="*/ 4114800 h 4114800"/>
                <a:gd name="connsiteX4" fmla="*/ 205 w 6908596"/>
                <a:gd name="connsiteY4" fmla="*/ 2777836 h 4114800"/>
                <a:gd name="connsiteX5" fmla="*/ 1246250 w 6908596"/>
                <a:gd name="connsiteY5" fmla="*/ 1369697 h 4114800"/>
                <a:gd name="connsiteX6" fmla="*/ 2615554 w 6908596"/>
                <a:gd name="connsiteY6" fmla="*/ 863889 h 4114800"/>
                <a:gd name="connsiteX7" fmla="*/ 4191208 w 6908596"/>
                <a:gd name="connsiteY7" fmla="*/ 0 h 4114800"/>
                <a:gd name="connsiteX0" fmla="*/ 4083776 w 6801164"/>
                <a:gd name="connsiteY0" fmla="*/ 0 h 4114800"/>
                <a:gd name="connsiteX1" fmla="*/ 5797924 w 6801164"/>
                <a:gd name="connsiteY1" fmla="*/ 1395098 h 4114800"/>
                <a:gd name="connsiteX2" fmla="*/ 5538500 w 6801164"/>
                <a:gd name="connsiteY2" fmla="*/ 4114800 h 4114800"/>
                <a:gd name="connsiteX3" fmla="*/ 1229737 w 6801164"/>
                <a:gd name="connsiteY3" fmla="*/ 4114800 h 4114800"/>
                <a:gd name="connsiteX4" fmla="*/ 237 w 6801164"/>
                <a:gd name="connsiteY4" fmla="*/ 2745597 h 4114800"/>
                <a:gd name="connsiteX5" fmla="*/ 1138818 w 6801164"/>
                <a:gd name="connsiteY5" fmla="*/ 1369697 h 4114800"/>
                <a:gd name="connsiteX6" fmla="*/ 2508122 w 6801164"/>
                <a:gd name="connsiteY6" fmla="*/ 863889 h 4114800"/>
                <a:gd name="connsiteX7" fmla="*/ 4083776 w 6801164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2508020 w 6801062"/>
                <a:gd name="connsiteY0" fmla="*/ 171477 h 3422388"/>
                <a:gd name="connsiteX1" fmla="*/ 5797822 w 6801062"/>
                <a:gd name="connsiteY1" fmla="*/ 702686 h 3422388"/>
                <a:gd name="connsiteX2" fmla="*/ 5538398 w 6801062"/>
                <a:gd name="connsiteY2" fmla="*/ 3422388 h 3422388"/>
                <a:gd name="connsiteX3" fmla="*/ 1229635 w 6801062"/>
                <a:gd name="connsiteY3" fmla="*/ 3422388 h 3422388"/>
                <a:gd name="connsiteX4" fmla="*/ 135 w 6801062"/>
                <a:gd name="connsiteY4" fmla="*/ 2053185 h 3422388"/>
                <a:gd name="connsiteX5" fmla="*/ 1160209 w 6801062"/>
                <a:gd name="connsiteY5" fmla="*/ 677285 h 3422388"/>
                <a:gd name="connsiteX6" fmla="*/ 2508020 w 6801062"/>
                <a:gd name="connsiteY6" fmla="*/ 171477 h 3422388"/>
                <a:gd name="connsiteX0" fmla="*/ 2508020 w 6801062"/>
                <a:gd name="connsiteY0" fmla="*/ 428507 h 3679418"/>
                <a:gd name="connsiteX1" fmla="*/ 5797822 w 6801062"/>
                <a:gd name="connsiteY1" fmla="*/ 959716 h 3679418"/>
                <a:gd name="connsiteX2" fmla="*/ 5538398 w 6801062"/>
                <a:gd name="connsiteY2" fmla="*/ 3679418 h 3679418"/>
                <a:gd name="connsiteX3" fmla="*/ 1229635 w 6801062"/>
                <a:gd name="connsiteY3" fmla="*/ 3679418 h 3679418"/>
                <a:gd name="connsiteX4" fmla="*/ 135 w 6801062"/>
                <a:gd name="connsiteY4" fmla="*/ 2310215 h 3679418"/>
                <a:gd name="connsiteX5" fmla="*/ 1160209 w 6801062"/>
                <a:gd name="connsiteY5" fmla="*/ 934315 h 3679418"/>
                <a:gd name="connsiteX6" fmla="*/ 2508020 w 6801062"/>
                <a:gd name="connsiteY6" fmla="*/ 428507 h 3679418"/>
                <a:gd name="connsiteX0" fmla="*/ 2508020 w 6801062"/>
                <a:gd name="connsiteY0" fmla="*/ 624726 h 3875637"/>
                <a:gd name="connsiteX1" fmla="*/ 5797822 w 6801062"/>
                <a:gd name="connsiteY1" fmla="*/ 1155935 h 3875637"/>
                <a:gd name="connsiteX2" fmla="*/ 5538398 w 6801062"/>
                <a:gd name="connsiteY2" fmla="*/ 3875637 h 3875637"/>
                <a:gd name="connsiteX3" fmla="*/ 1229635 w 6801062"/>
                <a:gd name="connsiteY3" fmla="*/ 3875637 h 3875637"/>
                <a:gd name="connsiteX4" fmla="*/ 135 w 6801062"/>
                <a:gd name="connsiteY4" fmla="*/ 2506434 h 3875637"/>
                <a:gd name="connsiteX5" fmla="*/ 1160209 w 6801062"/>
                <a:gd name="connsiteY5" fmla="*/ 1130534 h 3875637"/>
                <a:gd name="connsiteX6" fmla="*/ 2508020 w 6801062"/>
                <a:gd name="connsiteY6" fmla="*/ 624726 h 3875637"/>
                <a:gd name="connsiteX0" fmla="*/ 2508020 w 6801062"/>
                <a:gd name="connsiteY0" fmla="*/ 852528 h 4103439"/>
                <a:gd name="connsiteX1" fmla="*/ 5797822 w 6801062"/>
                <a:gd name="connsiteY1" fmla="*/ 1383737 h 4103439"/>
                <a:gd name="connsiteX2" fmla="*/ 5538398 w 6801062"/>
                <a:gd name="connsiteY2" fmla="*/ 4103439 h 4103439"/>
                <a:gd name="connsiteX3" fmla="*/ 1229635 w 6801062"/>
                <a:gd name="connsiteY3" fmla="*/ 4103439 h 4103439"/>
                <a:gd name="connsiteX4" fmla="*/ 135 w 6801062"/>
                <a:gd name="connsiteY4" fmla="*/ 2734236 h 4103439"/>
                <a:gd name="connsiteX5" fmla="*/ 1160209 w 6801062"/>
                <a:gd name="connsiteY5" fmla="*/ 1358336 h 4103439"/>
                <a:gd name="connsiteX6" fmla="*/ 2508020 w 6801062"/>
                <a:gd name="connsiteY6" fmla="*/ 852528 h 4103439"/>
                <a:gd name="connsiteX0" fmla="*/ 2508020 w 6801062"/>
                <a:gd name="connsiteY0" fmla="*/ 904699 h 4155610"/>
                <a:gd name="connsiteX1" fmla="*/ 5797822 w 6801062"/>
                <a:gd name="connsiteY1" fmla="*/ 1435908 h 4155610"/>
                <a:gd name="connsiteX2" fmla="*/ 5538398 w 6801062"/>
                <a:gd name="connsiteY2" fmla="*/ 4155610 h 4155610"/>
                <a:gd name="connsiteX3" fmla="*/ 1229635 w 6801062"/>
                <a:gd name="connsiteY3" fmla="*/ 4155610 h 4155610"/>
                <a:gd name="connsiteX4" fmla="*/ 135 w 6801062"/>
                <a:gd name="connsiteY4" fmla="*/ 2786407 h 4155610"/>
                <a:gd name="connsiteX5" fmla="*/ 1160209 w 6801062"/>
                <a:gd name="connsiteY5" fmla="*/ 1410507 h 4155610"/>
                <a:gd name="connsiteX6" fmla="*/ 2508020 w 6801062"/>
                <a:gd name="connsiteY6" fmla="*/ 904699 h 4155610"/>
                <a:gd name="connsiteX0" fmla="*/ 2508020 w 6801062"/>
                <a:gd name="connsiteY0" fmla="*/ 904699 h 4155610"/>
                <a:gd name="connsiteX1" fmla="*/ 5797822 w 6801062"/>
                <a:gd name="connsiteY1" fmla="*/ 1435908 h 4155610"/>
                <a:gd name="connsiteX2" fmla="*/ 5538398 w 6801062"/>
                <a:gd name="connsiteY2" fmla="*/ 4155610 h 4155610"/>
                <a:gd name="connsiteX3" fmla="*/ 1229635 w 6801062"/>
                <a:gd name="connsiteY3" fmla="*/ 4155610 h 4155610"/>
                <a:gd name="connsiteX4" fmla="*/ 135 w 6801062"/>
                <a:gd name="connsiteY4" fmla="*/ 2786407 h 4155610"/>
                <a:gd name="connsiteX5" fmla="*/ 1160209 w 6801062"/>
                <a:gd name="connsiteY5" fmla="*/ 1410507 h 4155610"/>
                <a:gd name="connsiteX6" fmla="*/ 2508020 w 6801062"/>
                <a:gd name="connsiteY6" fmla="*/ 904699 h 4155610"/>
                <a:gd name="connsiteX0" fmla="*/ 1679655 w 5972697"/>
                <a:gd name="connsiteY0" fmla="*/ 904699 h 4155610"/>
                <a:gd name="connsiteX1" fmla="*/ 4969457 w 5972697"/>
                <a:gd name="connsiteY1" fmla="*/ 1435908 h 4155610"/>
                <a:gd name="connsiteX2" fmla="*/ 4710033 w 5972697"/>
                <a:gd name="connsiteY2" fmla="*/ 4155610 h 4155610"/>
                <a:gd name="connsiteX3" fmla="*/ 401270 w 5972697"/>
                <a:gd name="connsiteY3" fmla="*/ 4155610 h 4155610"/>
                <a:gd name="connsiteX4" fmla="*/ 331844 w 5972697"/>
                <a:gd name="connsiteY4" fmla="*/ 1410507 h 4155610"/>
                <a:gd name="connsiteX5" fmla="*/ 1679655 w 5972697"/>
                <a:gd name="connsiteY5" fmla="*/ 904699 h 4155610"/>
                <a:gd name="connsiteX0" fmla="*/ 2014189 w 6307231"/>
                <a:gd name="connsiteY0" fmla="*/ 904699 h 4155610"/>
                <a:gd name="connsiteX1" fmla="*/ 5303991 w 6307231"/>
                <a:gd name="connsiteY1" fmla="*/ 1435908 h 4155610"/>
                <a:gd name="connsiteX2" fmla="*/ 5044567 w 6307231"/>
                <a:gd name="connsiteY2" fmla="*/ 4155610 h 4155610"/>
                <a:gd name="connsiteX3" fmla="*/ 735804 w 6307231"/>
                <a:gd name="connsiteY3" fmla="*/ 4155610 h 4155610"/>
                <a:gd name="connsiteX4" fmla="*/ 666378 w 6307231"/>
                <a:gd name="connsiteY4" fmla="*/ 1410507 h 4155610"/>
                <a:gd name="connsiteX5" fmla="*/ 2014189 w 6307231"/>
                <a:gd name="connsiteY5" fmla="*/ 904699 h 4155610"/>
                <a:gd name="connsiteX0" fmla="*/ 2373228 w 6666270"/>
                <a:gd name="connsiteY0" fmla="*/ 904699 h 4155610"/>
                <a:gd name="connsiteX1" fmla="*/ 5663030 w 6666270"/>
                <a:gd name="connsiteY1" fmla="*/ 1435908 h 4155610"/>
                <a:gd name="connsiteX2" fmla="*/ 5403606 w 6666270"/>
                <a:gd name="connsiteY2" fmla="*/ 4155610 h 4155610"/>
                <a:gd name="connsiteX3" fmla="*/ 1094843 w 6666270"/>
                <a:gd name="connsiteY3" fmla="*/ 4155610 h 4155610"/>
                <a:gd name="connsiteX4" fmla="*/ 1025417 w 6666270"/>
                <a:gd name="connsiteY4" fmla="*/ 1410507 h 4155610"/>
                <a:gd name="connsiteX5" fmla="*/ 2373228 w 6666270"/>
                <a:gd name="connsiteY5" fmla="*/ 904699 h 4155610"/>
                <a:gd name="connsiteX0" fmla="*/ 2492057 w 6785099"/>
                <a:gd name="connsiteY0" fmla="*/ 904699 h 4155610"/>
                <a:gd name="connsiteX1" fmla="*/ 5781859 w 6785099"/>
                <a:gd name="connsiteY1" fmla="*/ 1435908 h 4155610"/>
                <a:gd name="connsiteX2" fmla="*/ 5522435 w 6785099"/>
                <a:gd name="connsiteY2" fmla="*/ 4155610 h 4155610"/>
                <a:gd name="connsiteX3" fmla="*/ 1213672 w 6785099"/>
                <a:gd name="connsiteY3" fmla="*/ 4155610 h 4155610"/>
                <a:gd name="connsiteX4" fmla="*/ 1144246 w 6785099"/>
                <a:gd name="connsiteY4" fmla="*/ 1410507 h 4155610"/>
                <a:gd name="connsiteX5" fmla="*/ 2492057 w 6785099"/>
                <a:gd name="connsiteY5" fmla="*/ 904699 h 4155610"/>
                <a:gd name="connsiteX0" fmla="*/ 2492057 w 6785099"/>
                <a:gd name="connsiteY0" fmla="*/ 904699 h 4155610"/>
                <a:gd name="connsiteX1" fmla="*/ 5781859 w 6785099"/>
                <a:gd name="connsiteY1" fmla="*/ 1435908 h 4155610"/>
                <a:gd name="connsiteX2" fmla="*/ 5522435 w 6785099"/>
                <a:gd name="connsiteY2" fmla="*/ 4155610 h 4155610"/>
                <a:gd name="connsiteX3" fmla="*/ 1213672 w 6785099"/>
                <a:gd name="connsiteY3" fmla="*/ 4155610 h 4155610"/>
                <a:gd name="connsiteX4" fmla="*/ 1144246 w 6785099"/>
                <a:gd name="connsiteY4" fmla="*/ 1410507 h 4155610"/>
                <a:gd name="connsiteX5" fmla="*/ 2492057 w 6785099"/>
                <a:gd name="connsiteY5" fmla="*/ 904699 h 4155610"/>
                <a:gd name="connsiteX0" fmla="*/ 2492057 w 6785099"/>
                <a:gd name="connsiteY0" fmla="*/ 904699 h 4155610"/>
                <a:gd name="connsiteX1" fmla="*/ 5781859 w 6785099"/>
                <a:gd name="connsiteY1" fmla="*/ 1435908 h 4155610"/>
                <a:gd name="connsiteX2" fmla="*/ 5522435 w 6785099"/>
                <a:gd name="connsiteY2" fmla="*/ 4155610 h 4155610"/>
                <a:gd name="connsiteX3" fmla="*/ 1213672 w 6785099"/>
                <a:gd name="connsiteY3" fmla="*/ 4155610 h 4155610"/>
                <a:gd name="connsiteX4" fmla="*/ 1144246 w 6785099"/>
                <a:gd name="connsiteY4" fmla="*/ 1410507 h 4155610"/>
                <a:gd name="connsiteX5" fmla="*/ 2492057 w 6785099"/>
                <a:gd name="connsiteY5" fmla="*/ 904699 h 4155610"/>
                <a:gd name="connsiteX0" fmla="*/ 2492057 w 6785099"/>
                <a:gd name="connsiteY0" fmla="*/ 904699 h 4155610"/>
                <a:gd name="connsiteX1" fmla="*/ 5781859 w 6785099"/>
                <a:gd name="connsiteY1" fmla="*/ 1435908 h 4155610"/>
                <a:gd name="connsiteX2" fmla="*/ 5522435 w 6785099"/>
                <a:gd name="connsiteY2" fmla="*/ 4155610 h 4155610"/>
                <a:gd name="connsiteX3" fmla="*/ 1213672 w 6785099"/>
                <a:gd name="connsiteY3" fmla="*/ 4155610 h 4155610"/>
                <a:gd name="connsiteX4" fmla="*/ 1144246 w 6785099"/>
                <a:gd name="connsiteY4" fmla="*/ 1410507 h 4155610"/>
                <a:gd name="connsiteX5" fmla="*/ 2492057 w 6785099"/>
                <a:gd name="connsiteY5" fmla="*/ 904699 h 4155610"/>
                <a:gd name="connsiteX0" fmla="*/ 2492057 w 6785099"/>
                <a:gd name="connsiteY0" fmla="*/ 904699 h 4155610"/>
                <a:gd name="connsiteX1" fmla="*/ 5781859 w 6785099"/>
                <a:gd name="connsiteY1" fmla="*/ 1435908 h 4155610"/>
                <a:gd name="connsiteX2" fmla="*/ 5522435 w 6785099"/>
                <a:gd name="connsiteY2" fmla="*/ 4155610 h 4155610"/>
                <a:gd name="connsiteX3" fmla="*/ 1213672 w 6785099"/>
                <a:gd name="connsiteY3" fmla="*/ 4155610 h 4155610"/>
                <a:gd name="connsiteX4" fmla="*/ 1144246 w 6785099"/>
                <a:gd name="connsiteY4" fmla="*/ 1410507 h 4155610"/>
                <a:gd name="connsiteX5" fmla="*/ 2492057 w 6785099"/>
                <a:gd name="connsiteY5" fmla="*/ 904699 h 4155610"/>
                <a:gd name="connsiteX0" fmla="*/ 2528614 w 6821656"/>
                <a:gd name="connsiteY0" fmla="*/ 904699 h 4155610"/>
                <a:gd name="connsiteX1" fmla="*/ 5818416 w 6821656"/>
                <a:gd name="connsiteY1" fmla="*/ 1435908 h 4155610"/>
                <a:gd name="connsiteX2" fmla="*/ 5558992 w 6821656"/>
                <a:gd name="connsiteY2" fmla="*/ 4155610 h 4155610"/>
                <a:gd name="connsiteX3" fmla="*/ 1250229 w 6821656"/>
                <a:gd name="connsiteY3" fmla="*/ 4155610 h 4155610"/>
                <a:gd name="connsiteX4" fmla="*/ 1180803 w 6821656"/>
                <a:gd name="connsiteY4" fmla="*/ 1410507 h 4155610"/>
                <a:gd name="connsiteX5" fmla="*/ 2528614 w 6821656"/>
                <a:gd name="connsiteY5" fmla="*/ 904699 h 4155610"/>
                <a:gd name="connsiteX0" fmla="*/ 2480712 w 6773754"/>
                <a:gd name="connsiteY0" fmla="*/ 904699 h 4155610"/>
                <a:gd name="connsiteX1" fmla="*/ 5770514 w 6773754"/>
                <a:gd name="connsiteY1" fmla="*/ 1435908 h 4155610"/>
                <a:gd name="connsiteX2" fmla="*/ 5511090 w 6773754"/>
                <a:gd name="connsiteY2" fmla="*/ 4155610 h 4155610"/>
                <a:gd name="connsiteX3" fmla="*/ 1202327 w 6773754"/>
                <a:gd name="connsiteY3" fmla="*/ 4155610 h 4155610"/>
                <a:gd name="connsiteX4" fmla="*/ 1132901 w 6773754"/>
                <a:gd name="connsiteY4" fmla="*/ 1410507 h 4155610"/>
                <a:gd name="connsiteX5" fmla="*/ 2480712 w 6773754"/>
                <a:gd name="connsiteY5" fmla="*/ 904699 h 4155610"/>
                <a:gd name="connsiteX0" fmla="*/ 2451753 w 6744795"/>
                <a:gd name="connsiteY0" fmla="*/ 904699 h 4155610"/>
                <a:gd name="connsiteX1" fmla="*/ 5741555 w 6744795"/>
                <a:gd name="connsiteY1" fmla="*/ 1435908 h 4155610"/>
                <a:gd name="connsiteX2" fmla="*/ 5482131 w 6744795"/>
                <a:gd name="connsiteY2" fmla="*/ 4155610 h 4155610"/>
                <a:gd name="connsiteX3" fmla="*/ 1173368 w 6744795"/>
                <a:gd name="connsiteY3" fmla="*/ 4155610 h 4155610"/>
                <a:gd name="connsiteX4" fmla="*/ 1167451 w 6744795"/>
                <a:gd name="connsiteY4" fmla="*/ 1545335 h 4155610"/>
                <a:gd name="connsiteX5" fmla="*/ 2451753 w 6744795"/>
                <a:gd name="connsiteY5" fmla="*/ 904699 h 4155610"/>
                <a:gd name="connsiteX0" fmla="*/ 2517179 w 6810221"/>
                <a:gd name="connsiteY0" fmla="*/ 904699 h 4155610"/>
                <a:gd name="connsiteX1" fmla="*/ 5806981 w 6810221"/>
                <a:gd name="connsiteY1" fmla="*/ 1435908 h 4155610"/>
                <a:gd name="connsiteX2" fmla="*/ 5547557 w 6810221"/>
                <a:gd name="connsiteY2" fmla="*/ 4155610 h 4155610"/>
                <a:gd name="connsiteX3" fmla="*/ 1238794 w 6810221"/>
                <a:gd name="connsiteY3" fmla="*/ 4155610 h 4155610"/>
                <a:gd name="connsiteX4" fmla="*/ 1232877 w 6810221"/>
                <a:gd name="connsiteY4" fmla="*/ 1545335 h 4155610"/>
                <a:gd name="connsiteX5" fmla="*/ 2517179 w 6810221"/>
                <a:gd name="connsiteY5" fmla="*/ 904699 h 4155610"/>
                <a:gd name="connsiteX0" fmla="*/ 2523917 w 6816959"/>
                <a:gd name="connsiteY0" fmla="*/ 904699 h 4155610"/>
                <a:gd name="connsiteX1" fmla="*/ 5813719 w 6816959"/>
                <a:gd name="connsiteY1" fmla="*/ 1435908 h 4155610"/>
                <a:gd name="connsiteX2" fmla="*/ 5554295 w 6816959"/>
                <a:gd name="connsiteY2" fmla="*/ 4155610 h 4155610"/>
                <a:gd name="connsiteX3" fmla="*/ 1245532 w 6816959"/>
                <a:gd name="connsiteY3" fmla="*/ 4155610 h 4155610"/>
                <a:gd name="connsiteX4" fmla="*/ 1239615 w 6816959"/>
                <a:gd name="connsiteY4" fmla="*/ 1545335 h 4155610"/>
                <a:gd name="connsiteX5" fmla="*/ 2523917 w 6816959"/>
                <a:gd name="connsiteY5" fmla="*/ 904699 h 4155610"/>
                <a:gd name="connsiteX0" fmla="*/ 2541237 w 6816959"/>
                <a:gd name="connsiteY0" fmla="*/ 1012636 h 3993889"/>
                <a:gd name="connsiteX1" fmla="*/ 5813719 w 6816959"/>
                <a:gd name="connsiteY1" fmla="*/ 1274187 h 3993889"/>
                <a:gd name="connsiteX2" fmla="*/ 5554295 w 6816959"/>
                <a:gd name="connsiteY2" fmla="*/ 3993889 h 3993889"/>
                <a:gd name="connsiteX3" fmla="*/ 1245532 w 6816959"/>
                <a:gd name="connsiteY3" fmla="*/ 3993889 h 3993889"/>
                <a:gd name="connsiteX4" fmla="*/ 1239615 w 6816959"/>
                <a:gd name="connsiteY4" fmla="*/ 1383614 h 3993889"/>
                <a:gd name="connsiteX5" fmla="*/ 2541237 w 6816959"/>
                <a:gd name="connsiteY5" fmla="*/ 1012636 h 3993889"/>
                <a:gd name="connsiteX0" fmla="*/ 2541237 w 6816959"/>
                <a:gd name="connsiteY0" fmla="*/ 1012636 h 3993889"/>
                <a:gd name="connsiteX1" fmla="*/ 5813719 w 6816959"/>
                <a:gd name="connsiteY1" fmla="*/ 1274187 h 3993889"/>
                <a:gd name="connsiteX2" fmla="*/ 5554295 w 6816959"/>
                <a:gd name="connsiteY2" fmla="*/ 3993889 h 3993889"/>
                <a:gd name="connsiteX3" fmla="*/ 1245532 w 6816959"/>
                <a:gd name="connsiteY3" fmla="*/ 3993889 h 3993889"/>
                <a:gd name="connsiteX4" fmla="*/ 1239615 w 6816959"/>
                <a:gd name="connsiteY4" fmla="*/ 1383614 h 3993889"/>
                <a:gd name="connsiteX5" fmla="*/ 2541237 w 6816959"/>
                <a:gd name="connsiteY5" fmla="*/ 1012636 h 3993889"/>
                <a:gd name="connsiteX0" fmla="*/ 2541237 w 6816959"/>
                <a:gd name="connsiteY0" fmla="*/ 1012636 h 3993889"/>
                <a:gd name="connsiteX1" fmla="*/ 5813719 w 6816959"/>
                <a:gd name="connsiteY1" fmla="*/ 1274187 h 3993889"/>
                <a:gd name="connsiteX2" fmla="*/ 5554295 w 6816959"/>
                <a:gd name="connsiteY2" fmla="*/ 3993889 h 3993889"/>
                <a:gd name="connsiteX3" fmla="*/ 1245532 w 6816959"/>
                <a:gd name="connsiteY3" fmla="*/ 3993889 h 3993889"/>
                <a:gd name="connsiteX4" fmla="*/ 1239615 w 6816959"/>
                <a:gd name="connsiteY4" fmla="*/ 1383614 h 3993889"/>
                <a:gd name="connsiteX5" fmla="*/ 2541237 w 6816959"/>
                <a:gd name="connsiteY5" fmla="*/ 1012636 h 3993889"/>
                <a:gd name="connsiteX0" fmla="*/ 2552785 w 6816959"/>
                <a:gd name="connsiteY0" fmla="*/ 1012637 h 3993889"/>
                <a:gd name="connsiteX1" fmla="*/ 5813719 w 6816959"/>
                <a:gd name="connsiteY1" fmla="*/ 1274187 h 3993889"/>
                <a:gd name="connsiteX2" fmla="*/ 5554295 w 6816959"/>
                <a:gd name="connsiteY2" fmla="*/ 3993889 h 3993889"/>
                <a:gd name="connsiteX3" fmla="*/ 1245532 w 6816959"/>
                <a:gd name="connsiteY3" fmla="*/ 3993889 h 3993889"/>
                <a:gd name="connsiteX4" fmla="*/ 1239615 w 6816959"/>
                <a:gd name="connsiteY4" fmla="*/ 1383614 h 3993889"/>
                <a:gd name="connsiteX5" fmla="*/ 2552785 w 6816959"/>
                <a:gd name="connsiteY5" fmla="*/ 1012637 h 3993889"/>
                <a:gd name="connsiteX0" fmla="*/ 2552785 w 6816959"/>
                <a:gd name="connsiteY0" fmla="*/ 1161538 h 4142790"/>
                <a:gd name="connsiteX1" fmla="*/ 5813719 w 6816959"/>
                <a:gd name="connsiteY1" fmla="*/ 1423088 h 4142790"/>
                <a:gd name="connsiteX2" fmla="*/ 5554295 w 6816959"/>
                <a:gd name="connsiteY2" fmla="*/ 4142790 h 4142790"/>
                <a:gd name="connsiteX3" fmla="*/ 1245532 w 6816959"/>
                <a:gd name="connsiteY3" fmla="*/ 4142790 h 4142790"/>
                <a:gd name="connsiteX4" fmla="*/ 1239615 w 6816959"/>
                <a:gd name="connsiteY4" fmla="*/ 1532515 h 4142790"/>
                <a:gd name="connsiteX5" fmla="*/ 2552785 w 6816959"/>
                <a:gd name="connsiteY5" fmla="*/ 1161538 h 4142790"/>
                <a:gd name="connsiteX0" fmla="*/ 2552785 w 6776467"/>
                <a:gd name="connsiteY0" fmla="*/ 1116066 h 4097318"/>
                <a:gd name="connsiteX1" fmla="*/ 5738666 w 6776467"/>
                <a:gd name="connsiteY1" fmla="*/ 1494060 h 4097318"/>
                <a:gd name="connsiteX2" fmla="*/ 5554295 w 6776467"/>
                <a:gd name="connsiteY2" fmla="*/ 4097318 h 4097318"/>
                <a:gd name="connsiteX3" fmla="*/ 1245532 w 6776467"/>
                <a:gd name="connsiteY3" fmla="*/ 4097318 h 4097318"/>
                <a:gd name="connsiteX4" fmla="*/ 1239615 w 6776467"/>
                <a:gd name="connsiteY4" fmla="*/ 1487043 h 4097318"/>
                <a:gd name="connsiteX5" fmla="*/ 2552785 w 6776467"/>
                <a:gd name="connsiteY5" fmla="*/ 1116066 h 4097318"/>
                <a:gd name="connsiteX0" fmla="*/ 2552785 w 6776467"/>
                <a:gd name="connsiteY0" fmla="*/ 1258222 h 4239474"/>
                <a:gd name="connsiteX1" fmla="*/ 5738666 w 6776467"/>
                <a:gd name="connsiteY1" fmla="*/ 1636216 h 4239474"/>
                <a:gd name="connsiteX2" fmla="*/ 5554295 w 6776467"/>
                <a:gd name="connsiteY2" fmla="*/ 4239474 h 4239474"/>
                <a:gd name="connsiteX3" fmla="*/ 1245532 w 6776467"/>
                <a:gd name="connsiteY3" fmla="*/ 4239474 h 4239474"/>
                <a:gd name="connsiteX4" fmla="*/ 1239615 w 6776467"/>
                <a:gd name="connsiteY4" fmla="*/ 1629199 h 4239474"/>
                <a:gd name="connsiteX5" fmla="*/ 2552785 w 6776467"/>
                <a:gd name="connsiteY5" fmla="*/ 1258222 h 4239474"/>
                <a:gd name="connsiteX0" fmla="*/ 2552785 w 6833199"/>
                <a:gd name="connsiteY0" fmla="*/ 1258222 h 4239474"/>
                <a:gd name="connsiteX1" fmla="*/ 5738666 w 6833199"/>
                <a:gd name="connsiteY1" fmla="*/ 1636216 h 4239474"/>
                <a:gd name="connsiteX2" fmla="*/ 5554295 w 6833199"/>
                <a:gd name="connsiteY2" fmla="*/ 4239474 h 4239474"/>
                <a:gd name="connsiteX3" fmla="*/ 1245532 w 6833199"/>
                <a:gd name="connsiteY3" fmla="*/ 4239474 h 4239474"/>
                <a:gd name="connsiteX4" fmla="*/ 1239615 w 6833199"/>
                <a:gd name="connsiteY4" fmla="*/ 1629199 h 4239474"/>
                <a:gd name="connsiteX5" fmla="*/ 2552785 w 6833199"/>
                <a:gd name="connsiteY5" fmla="*/ 1258222 h 4239474"/>
                <a:gd name="connsiteX0" fmla="*/ 2552785 w 6831175"/>
                <a:gd name="connsiteY0" fmla="*/ 1258222 h 4239474"/>
                <a:gd name="connsiteX1" fmla="*/ 5738666 w 6831175"/>
                <a:gd name="connsiteY1" fmla="*/ 1636216 h 4239474"/>
                <a:gd name="connsiteX2" fmla="*/ 5554295 w 6831175"/>
                <a:gd name="connsiteY2" fmla="*/ 4239474 h 4239474"/>
                <a:gd name="connsiteX3" fmla="*/ 1245532 w 6831175"/>
                <a:gd name="connsiteY3" fmla="*/ 4239474 h 4239474"/>
                <a:gd name="connsiteX4" fmla="*/ 1239615 w 6831175"/>
                <a:gd name="connsiteY4" fmla="*/ 1629199 h 4239474"/>
                <a:gd name="connsiteX5" fmla="*/ 2552785 w 6831175"/>
                <a:gd name="connsiteY5" fmla="*/ 1258222 h 4239474"/>
                <a:gd name="connsiteX0" fmla="*/ 2552785 w 6827133"/>
                <a:gd name="connsiteY0" fmla="*/ 1258222 h 4239474"/>
                <a:gd name="connsiteX1" fmla="*/ 5738666 w 6827133"/>
                <a:gd name="connsiteY1" fmla="*/ 1636216 h 4239474"/>
                <a:gd name="connsiteX2" fmla="*/ 5554295 w 6827133"/>
                <a:gd name="connsiteY2" fmla="*/ 4239474 h 4239474"/>
                <a:gd name="connsiteX3" fmla="*/ 1245532 w 6827133"/>
                <a:gd name="connsiteY3" fmla="*/ 4239474 h 4239474"/>
                <a:gd name="connsiteX4" fmla="*/ 1239615 w 6827133"/>
                <a:gd name="connsiteY4" fmla="*/ 1629199 h 4239474"/>
                <a:gd name="connsiteX5" fmla="*/ 2552785 w 6827133"/>
                <a:gd name="connsiteY5" fmla="*/ 1258222 h 423947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6827133" h="4239474">
                  <a:moveTo>
                    <a:pt x="2552785" y="1258222"/>
                  </a:moveTo>
                  <a:cubicBezTo>
                    <a:pt x="3020069" y="-632280"/>
                    <a:pt x="5686422" y="-299707"/>
                    <a:pt x="5738666" y="1636216"/>
                  </a:cubicBezTo>
                  <a:cubicBezTo>
                    <a:pt x="7324075" y="1908404"/>
                    <a:pt x="7104316" y="4205041"/>
                    <a:pt x="5554295" y="4239474"/>
                  </a:cubicBezTo>
                  <a:lnTo>
                    <a:pt x="1245532" y="4239474"/>
                  </a:lnTo>
                  <a:cubicBezTo>
                    <a:pt x="-547254" y="4096672"/>
                    <a:pt x="-275818" y="1536068"/>
                    <a:pt x="1239615" y="1629199"/>
                  </a:cubicBezTo>
                  <a:cubicBezTo>
                    <a:pt x="1209434" y="891771"/>
                    <a:pt x="2153665" y="526883"/>
                    <a:pt x="2552785" y="1258222"/>
                  </a:cubicBezTo>
                  <a:close/>
                </a:path>
              </a:pathLst>
            </a:custGeom>
            <a:solidFill>
              <a:srgbClr val="D8F3FC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9" name="Freeform 30"/>
            <p:cNvSpPr/>
            <p:nvPr/>
          </p:nvSpPr>
          <p:spPr>
            <a:xfrm>
              <a:off x="6208785" y="514333"/>
              <a:ext cx="2885918" cy="1623463"/>
            </a:xfrm>
            <a:custGeom>
              <a:avLst/>
              <a:gdLst>
                <a:gd name="connsiteX0" fmla="*/ 4191003 w 6982691"/>
                <a:gd name="connsiteY0" fmla="*/ 0 h 4114800"/>
                <a:gd name="connsiteX1" fmla="*/ 5832767 w 6982691"/>
                <a:gd name="connsiteY1" fmla="*/ 1323110 h 4114800"/>
                <a:gd name="connsiteX2" fmla="*/ 5824553 w 6982691"/>
                <a:gd name="connsiteY2" fmla="*/ 1454204 h 4114800"/>
                <a:gd name="connsiteX3" fmla="*/ 5915172 w 6982691"/>
                <a:gd name="connsiteY3" fmla="*/ 1468035 h 4114800"/>
                <a:gd name="connsiteX4" fmla="*/ 6982691 w 6982691"/>
                <a:gd name="connsiteY4" fmla="*/ 2777836 h 4114800"/>
                <a:gd name="connsiteX5" fmla="*/ 5645727 w 6982691"/>
                <a:gd name="connsiteY5" fmla="*/ 4114800 h 4114800"/>
                <a:gd name="connsiteX6" fmla="*/ 1336964 w 6982691"/>
                <a:gd name="connsiteY6" fmla="*/ 4114800 h 4114800"/>
                <a:gd name="connsiteX7" fmla="*/ 0 w 6982691"/>
                <a:gd name="connsiteY7" fmla="*/ 2777836 h 4114800"/>
                <a:gd name="connsiteX8" fmla="*/ 1200267 w 6982691"/>
                <a:gd name="connsiteY8" fmla="*/ 1447775 h 4114800"/>
                <a:gd name="connsiteX9" fmla="*/ 1256791 w 6982691"/>
                <a:gd name="connsiteY9" fmla="*/ 1444921 h 4114800"/>
                <a:gd name="connsiteX10" fmla="*/ 1263237 w 6982691"/>
                <a:gd name="connsiteY10" fmla="*/ 1384285 h 4114800"/>
                <a:gd name="connsiteX11" fmla="*/ 2050475 w 6982691"/>
                <a:gd name="connsiteY11" fmla="*/ 775855 h 4114800"/>
                <a:gd name="connsiteX12" fmla="*/ 2561617 w 6982691"/>
                <a:gd name="connsiteY12" fmla="*/ 949859 h 4114800"/>
                <a:gd name="connsiteX13" fmla="*/ 2604065 w 6982691"/>
                <a:gd name="connsiteY13" fmla="*/ 989162 h 4114800"/>
                <a:gd name="connsiteX14" fmla="*/ 2623050 w 6982691"/>
                <a:gd name="connsiteY14" fmla="*/ 929658 h 4114800"/>
                <a:gd name="connsiteX15" fmla="*/ 4191003 w 6982691"/>
                <a:gd name="connsiteY15" fmla="*/ 0 h 4114800"/>
                <a:gd name="connsiteX0" fmla="*/ 4191003 w 6982691"/>
                <a:gd name="connsiteY0" fmla="*/ 0 h 4114800"/>
                <a:gd name="connsiteX1" fmla="*/ 5832767 w 6982691"/>
                <a:gd name="connsiteY1" fmla="*/ 1323110 h 4114800"/>
                <a:gd name="connsiteX2" fmla="*/ 5824553 w 6982691"/>
                <a:gd name="connsiteY2" fmla="*/ 1454204 h 4114800"/>
                <a:gd name="connsiteX3" fmla="*/ 6982691 w 6982691"/>
                <a:gd name="connsiteY3" fmla="*/ 2777836 h 4114800"/>
                <a:gd name="connsiteX4" fmla="*/ 5645727 w 6982691"/>
                <a:gd name="connsiteY4" fmla="*/ 4114800 h 4114800"/>
                <a:gd name="connsiteX5" fmla="*/ 1336964 w 6982691"/>
                <a:gd name="connsiteY5" fmla="*/ 4114800 h 4114800"/>
                <a:gd name="connsiteX6" fmla="*/ 0 w 6982691"/>
                <a:gd name="connsiteY6" fmla="*/ 2777836 h 4114800"/>
                <a:gd name="connsiteX7" fmla="*/ 1200267 w 6982691"/>
                <a:gd name="connsiteY7" fmla="*/ 1447775 h 4114800"/>
                <a:gd name="connsiteX8" fmla="*/ 1256791 w 6982691"/>
                <a:gd name="connsiteY8" fmla="*/ 1444921 h 4114800"/>
                <a:gd name="connsiteX9" fmla="*/ 1263237 w 6982691"/>
                <a:gd name="connsiteY9" fmla="*/ 1384285 h 4114800"/>
                <a:gd name="connsiteX10" fmla="*/ 2050475 w 6982691"/>
                <a:gd name="connsiteY10" fmla="*/ 775855 h 4114800"/>
                <a:gd name="connsiteX11" fmla="*/ 2561617 w 6982691"/>
                <a:gd name="connsiteY11" fmla="*/ 949859 h 4114800"/>
                <a:gd name="connsiteX12" fmla="*/ 2604065 w 6982691"/>
                <a:gd name="connsiteY12" fmla="*/ 989162 h 4114800"/>
                <a:gd name="connsiteX13" fmla="*/ 2623050 w 6982691"/>
                <a:gd name="connsiteY13" fmla="*/ 929658 h 4114800"/>
                <a:gd name="connsiteX14" fmla="*/ 4191003 w 6982691"/>
                <a:gd name="connsiteY14" fmla="*/ 0 h 4114800"/>
                <a:gd name="connsiteX0" fmla="*/ 4191003 w 6984458"/>
                <a:gd name="connsiteY0" fmla="*/ 0 h 4114800"/>
                <a:gd name="connsiteX1" fmla="*/ 5832767 w 6984458"/>
                <a:gd name="connsiteY1" fmla="*/ 1323110 h 4114800"/>
                <a:gd name="connsiteX2" fmla="*/ 5905151 w 6984458"/>
                <a:gd name="connsiteY2" fmla="*/ 1395098 h 4114800"/>
                <a:gd name="connsiteX3" fmla="*/ 6982691 w 6984458"/>
                <a:gd name="connsiteY3" fmla="*/ 2777836 h 4114800"/>
                <a:gd name="connsiteX4" fmla="*/ 5645727 w 6984458"/>
                <a:gd name="connsiteY4" fmla="*/ 4114800 h 4114800"/>
                <a:gd name="connsiteX5" fmla="*/ 1336964 w 6984458"/>
                <a:gd name="connsiteY5" fmla="*/ 4114800 h 4114800"/>
                <a:gd name="connsiteX6" fmla="*/ 0 w 6984458"/>
                <a:gd name="connsiteY6" fmla="*/ 2777836 h 4114800"/>
                <a:gd name="connsiteX7" fmla="*/ 1200267 w 6984458"/>
                <a:gd name="connsiteY7" fmla="*/ 1447775 h 4114800"/>
                <a:gd name="connsiteX8" fmla="*/ 1256791 w 6984458"/>
                <a:gd name="connsiteY8" fmla="*/ 1444921 h 4114800"/>
                <a:gd name="connsiteX9" fmla="*/ 1263237 w 6984458"/>
                <a:gd name="connsiteY9" fmla="*/ 1384285 h 4114800"/>
                <a:gd name="connsiteX10" fmla="*/ 2050475 w 6984458"/>
                <a:gd name="connsiteY10" fmla="*/ 775855 h 4114800"/>
                <a:gd name="connsiteX11" fmla="*/ 2561617 w 6984458"/>
                <a:gd name="connsiteY11" fmla="*/ 949859 h 4114800"/>
                <a:gd name="connsiteX12" fmla="*/ 2604065 w 6984458"/>
                <a:gd name="connsiteY12" fmla="*/ 989162 h 4114800"/>
                <a:gd name="connsiteX13" fmla="*/ 2623050 w 6984458"/>
                <a:gd name="connsiteY13" fmla="*/ 929658 h 4114800"/>
                <a:gd name="connsiteX14" fmla="*/ 4191003 w 6984458"/>
                <a:gd name="connsiteY14" fmla="*/ 0 h 4114800"/>
                <a:gd name="connsiteX0" fmla="*/ 4191003 w 6057725"/>
                <a:gd name="connsiteY0" fmla="*/ 0 h 4114800"/>
                <a:gd name="connsiteX1" fmla="*/ 5832767 w 6057725"/>
                <a:gd name="connsiteY1" fmla="*/ 1323110 h 4114800"/>
                <a:gd name="connsiteX2" fmla="*/ 5905151 w 6057725"/>
                <a:gd name="connsiteY2" fmla="*/ 1395098 h 4114800"/>
                <a:gd name="connsiteX3" fmla="*/ 5645727 w 6057725"/>
                <a:gd name="connsiteY3" fmla="*/ 4114800 h 4114800"/>
                <a:gd name="connsiteX4" fmla="*/ 1336964 w 6057725"/>
                <a:gd name="connsiteY4" fmla="*/ 4114800 h 4114800"/>
                <a:gd name="connsiteX5" fmla="*/ 0 w 6057725"/>
                <a:gd name="connsiteY5" fmla="*/ 2777836 h 4114800"/>
                <a:gd name="connsiteX6" fmla="*/ 1200267 w 6057725"/>
                <a:gd name="connsiteY6" fmla="*/ 1447775 h 4114800"/>
                <a:gd name="connsiteX7" fmla="*/ 1256791 w 6057725"/>
                <a:gd name="connsiteY7" fmla="*/ 1444921 h 4114800"/>
                <a:gd name="connsiteX8" fmla="*/ 1263237 w 6057725"/>
                <a:gd name="connsiteY8" fmla="*/ 1384285 h 4114800"/>
                <a:gd name="connsiteX9" fmla="*/ 2050475 w 6057725"/>
                <a:gd name="connsiteY9" fmla="*/ 775855 h 4114800"/>
                <a:gd name="connsiteX10" fmla="*/ 2561617 w 6057725"/>
                <a:gd name="connsiteY10" fmla="*/ 949859 h 4114800"/>
                <a:gd name="connsiteX11" fmla="*/ 2604065 w 6057725"/>
                <a:gd name="connsiteY11" fmla="*/ 989162 h 4114800"/>
                <a:gd name="connsiteX12" fmla="*/ 2623050 w 6057725"/>
                <a:gd name="connsiteY12" fmla="*/ 929658 h 4114800"/>
                <a:gd name="connsiteX13" fmla="*/ 4191003 w 6057725"/>
                <a:gd name="connsiteY13" fmla="*/ 0 h 4114800"/>
                <a:gd name="connsiteX0" fmla="*/ 4191003 w 6304506"/>
                <a:gd name="connsiteY0" fmla="*/ 0 h 4114800"/>
                <a:gd name="connsiteX1" fmla="*/ 5832767 w 6304506"/>
                <a:gd name="connsiteY1" fmla="*/ 1323110 h 4114800"/>
                <a:gd name="connsiteX2" fmla="*/ 5905151 w 6304506"/>
                <a:gd name="connsiteY2" fmla="*/ 1395098 h 4114800"/>
                <a:gd name="connsiteX3" fmla="*/ 5645727 w 6304506"/>
                <a:gd name="connsiteY3" fmla="*/ 4114800 h 4114800"/>
                <a:gd name="connsiteX4" fmla="*/ 1336964 w 6304506"/>
                <a:gd name="connsiteY4" fmla="*/ 4114800 h 4114800"/>
                <a:gd name="connsiteX5" fmla="*/ 0 w 6304506"/>
                <a:gd name="connsiteY5" fmla="*/ 2777836 h 4114800"/>
                <a:gd name="connsiteX6" fmla="*/ 1200267 w 6304506"/>
                <a:gd name="connsiteY6" fmla="*/ 1447775 h 4114800"/>
                <a:gd name="connsiteX7" fmla="*/ 1256791 w 6304506"/>
                <a:gd name="connsiteY7" fmla="*/ 1444921 h 4114800"/>
                <a:gd name="connsiteX8" fmla="*/ 1263237 w 6304506"/>
                <a:gd name="connsiteY8" fmla="*/ 1384285 h 4114800"/>
                <a:gd name="connsiteX9" fmla="*/ 2050475 w 6304506"/>
                <a:gd name="connsiteY9" fmla="*/ 775855 h 4114800"/>
                <a:gd name="connsiteX10" fmla="*/ 2561617 w 6304506"/>
                <a:gd name="connsiteY10" fmla="*/ 949859 h 4114800"/>
                <a:gd name="connsiteX11" fmla="*/ 2604065 w 6304506"/>
                <a:gd name="connsiteY11" fmla="*/ 989162 h 4114800"/>
                <a:gd name="connsiteX12" fmla="*/ 2623050 w 6304506"/>
                <a:gd name="connsiteY12" fmla="*/ 929658 h 4114800"/>
                <a:gd name="connsiteX13" fmla="*/ 4191003 w 6304506"/>
                <a:gd name="connsiteY13" fmla="*/ 0 h 4114800"/>
                <a:gd name="connsiteX0" fmla="*/ 4191003 w 6828167"/>
                <a:gd name="connsiteY0" fmla="*/ 0 h 4114800"/>
                <a:gd name="connsiteX1" fmla="*/ 5832767 w 6828167"/>
                <a:gd name="connsiteY1" fmla="*/ 1323110 h 4114800"/>
                <a:gd name="connsiteX2" fmla="*/ 5905151 w 6828167"/>
                <a:gd name="connsiteY2" fmla="*/ 1395098 h 4114800"/>
                <a:gd name="connsiteX3" fmla="*/ 5645727 w 6828167"/>
                <a:gd name="connsiteY3" fmla="*/ 4114800 h 4114800"/>
                <a:gd name="connsiteX4" fmla="*/ 1336964 w 6828167"/>
                <a:gd name="connsiteY4" fmla="*/ 4114800 h 4114800"/>
                <a:gd name="connsiteX5" fmla="*/ 0 w 6828167"/>
                <a:gd name="connsiteY5" fmla="*/ 2777836 h 4114800"/>
                <a:gd name="connsiteX6" fmla="*/ 1200267 w 6828167"/>
                <a:gd name="connsiteY6" fmla="*/ 1447775 h 4114800"/>
                <a:gd name="connsiteX7" fmla="*/ 1256791 w 6828167"/>
                <a:gd name="connsiteY7" fmla="*/ 1444921 h 4114800"/>
                <a:gd name="connsiteX8" fmla="*/ 1263237 w 6828167"/>
                <a:gd name="connsiteY8" fmla="*/ 1384285 h 4114800"/>
                <a:gd name="connsiteX9" fmla="*/ 2050475 w 6828167"/>
                <a:gd name="connsiteY9" fmla="*/ 775855 h 4114800"/>
                <a:gd name="connsiteX10" fmla="*/ 2561617 w 6828167"/>
                <a:gd name="connsiteY10" fmla="*/ 949859 h 4114800"/>
                <a:gd name="connsiteX11" fmla="*/ 2604065 w 6828167"/>
                <a:gd name="connsiteY11" fmla="*/ 989162 h 4114800"/>
                <a:gd name="connsiteX12" fmla="*/ 2623050 w 6828167"/>
                <a:gd name="connsiteY12" fmla="*/ 929658 h 4114800"/>
                <a:gd name="connsiteX13" fmla="*/ 4191003 w 6828167"/>
                <a:gd name="connsiteY13" fmla="*/ 0 h 4114800"/>
                <a:gd name="connsiteX0" fmla="*/ 4191003 w 6912148"/>
                <a:gd name="connsiteY0" fmla="*/ 0 h 4114800"/>
                <a:gd name="connsiteX1" fmla="*/ 5832767 w 6912148"/>
                <a:gd name="connsiteY1" fmla="*/ 1323110 h 4114800"/>
                <a:gd name="connsiteX2" fmla="*/ 5905151 w 6912148"/>
                <a:gd name="connsiteY2" fmla="*/ 1395098 h 4114800"/>
                <a:gd name="connsiteX3" fmla="*/ 5645727 w 6912148"/>
                <a:gd name="connsiteY3" fmla="*/ 4114800 h 4114800"/>
                <a:gd name="connsiteX4" fmla="*/ 1336964 w 6912148"/>
                <a:gd name="connsiteY4" fmla="*/ 4114800 h 4114800"/>
                <a:gd name="connsiteX5" fmla="*/ 0 w 6912148"/>
                <a:gd name="connsiteY5" fmla="*/ 2777836 h 4114800"/>
                <a:gd name="connsiteX6" fmla="*/ 1200267 w 6912148"/>
                <a:gd name="connsiteY6" fmla="*/ 1447775 h 4114800"/>
                <a:gd name="connsiteX7" fmla="*/ 1256791 w 6912148"/>
                <a:gd name="connsiteY7" fmla="*/ 1444921 h 4114800"/>
                <a:gd name="connsiteX8" fmla="*/ 1263237 w 6912148"/>
                <a:gd name="connsiteY8" fmla="*/ 1384285 h 4114800"/>
                <a:gd name="connsiteX9" fmla="*/ 2050475 w 6912148"/>
                <a:gd name="connsiteY9" fmla="*/ 775855 h 4114800"/>
                <a:gd name="connsiteX10" fmla="*/ 2561617 w 6912148"/>
                <a:gd name="connsiteY10" fmla="*/ 949859 h 4114800"/>
                <a:gd name="connsiteX11" fmla="*/ 2604065 w 6912148"/>
                <a:gd name="connsiteY11" fmla="*/ 989162 h 4114800"/>
                <a:gd name="connsiteX12" fmla="*/ 2623050 w 6912148"/>
                <a:gd name="connsiteY12" fmla="*/ 929658 h 4114800"/>
                <a:gd name="connsiteX13" fmla="*/ 4191003 w 6912148"/>
                <a:gd name="connsiteY13" fmla="*/ 0 h 4114800"/>
                <a:gd name="connsiteX0" fmla="*/ 4191003 w 6908391"/>
                <a:gd name="connsiteY0" fmla="*/ 0 h 4114800"/>
                <a:gd name="connsiteX1" fmla="*/ 5832767 w 6908391"/>
                <a:gd name="connsiteY1" fmla="*/ 1323110 h 4114800"/>
                <a:gd name="connsiteX2" fmla="*/ 5905151 w 6908391"/>
                <a:gd name="connsiteY2" fmla="*/ 1395098 h 4114800"/>
                <a:gd name="connsiteX3" fmla="*/ 5645727 w 6908391"/>
                <a:gd name="connsiteY3" fmla="*/ 4114800 h 4114800"/>
                <a:gd name="connsiteX4" fmla="*/ 1336964 w 6908391"/>
                <a:gd name="connsiteY4" fmla="*/ 4114800 h 4114800"/>
                <a:gd name="connsiteX5" fmla="*/ 0 w 6908391"/>
                <a:gd name="connsiteY5" fmla="*/ 2777836 h 4114800"/>
                <a:gd name="connsiteX6" fmla="*/ 1200267 w 6908391"/>
                <a:gd name="connsiteY6" fmla="*/ 1447775 h 4114800"/>
                <a:gd name="connsiteX7" fmla="*/ 1256791 w 6908391"/>
                <a:gd name="connsiteY7" fmla="*/ 1444921 h 4114800"/>
                <a:gd name="connsiteX8" fmla="*/ 1263237 w 6908391"/>
                <a:gd name="connsiteY8" fmla="*/ 1384285 h 4114800"/>
                <a:gd name="connsiteX9" fmla="*/ 2050475 w 6908391"/>
                <a:gd name="connsiteY9" fmla="*/ 775855 h 4114800"/>
                <a:gd name="connsiteX10" fmla="*/ 2561617 w 6908391"/>
                <a:gd name="connsiteY10" fmla="*/ 949859 h 4114800"/>
                <a:gd name="connsiteX11" fmla="*/ 2604065 w 6908391"/>
                <a:gd name="connsiteY11" fmla="*/ 989162 h 4114800"/>
                <a:gd name="connsiteX12" fmla="*/ 2623050 w 6908391"/>
                <a:gd name="connsiteY12" fmla="*/ 929658 h 4114800"/>
                <a:gd name="connsiteX13" fmla="*/ 4191003 w 6908391"/>
                <a:gd name="connsiteY13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1263237 w 6908391"/>
                <a:gd name="connsiteY7" fmla="*/ 1384285 h 4114800"/>
                <a:gd name="connsiteX8" fmla="*/ 2050475 w 6908391"/>
                <a:gd name="connsiteY8" fmla="*/ 775855 h 4114800"/>
                <a:gd name="connsiteX9" fmla="*/ 2561617 w 6908391"/>
                <a:gd name="connsiteY9" fmla="*/ 949859 h 4114800"/>
                <a:gd name="connsiteX10" fmla="*/ 2604065 w 6908391"/>
                <a:gd name="connsiteY10" fmla="*/ 989162 h 4114800"/>
                <a:gd name="connsiteX11" fmla="*/ 2623050 w 6908391"/>
                <a:gd name="connsiteY11" fmla="*/ 929658 h 4114800"/>
                <a:gd name="connsiteX12" fmla="*/ 4191003 w 6908391"/>
                <a:gd name="connsiteY12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1263237 w 6908391"/>
                <a:gd name="connsiteY7" fmla="*/ 1384285 h 4114800"/>
                <a:gd name="connsiteX8" fmla="*/ 2050475 w 6908391"/>
                <a:gd name="connsiteY8" fmla="*/ 775855 h 4114800"/>
                <a:gd name="connsiteX9" fmla="*/ 2561617 w 6908391"/>
                <a:gd name="connsiteY9" fmla="*/ 949859 h 4114800"/>
                <a:gd name="connsiteX10" fmla="*/ 2604065 w 6908391"/>
                <a:gd name="connsiteY10" fmla="*/ 989162 h 4114800"/>
                <a:gd name="connsiteX11" fmla="*/ 4191003 w 6908391"/>
                <a:gd name="connsiteY11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1263237 w 6908391"/>
                <a:gd name="connsiteY7" fmla="*/ 1384285 h 4114800"/>
                <a:gd name="connsiteX8" fmla="*/ 2050475 w 6908391"/>
                <a:gd name="connsiteY8" fmla="*/ 775855 h 4114800"/>
                <a:gd name="connsiteX9" fmla="*/ 2561617 w 6908391"/>
                <a:gd name="connsiteY9" fmla="*/ 949859 h 4114800"/>
                <a:gd name="connsiteX10" fmla="*/ 4191003 w 6908391"/>
                <a:gd name="connsiteY10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1263237 w 6908391"/>
                <a:gd name="connsiteY7" fmla="*/ 1384285 h 4114800"/>
                <a:gd name="connsiteX8" fmla="*/ 2050475 w 6908391"/>
                <a:gd name="connsiteY8" fmla="*/ 775855 h 4114800"/>
                <a:gd name="connsiteX9" fmla="*/ 2615349 w 6908391"/>
                <a:gd name="connsiteY9" fmla="*/ 863889 h 4114800"/>
                <a:gd name="connsiteX10" fmla="*/ 4191003 w 6908391"/>
                <a:gd name="connsiteY10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1263237 w 6908391"/>
                <a:gd name="connsiteY7" fmla="*/ 1384285 h 4114800"/>
                <a:gd name="connsiteX8" fmla="*/ 2615349 w 6908391"/>
                <a:gd name="connsiteY8" fmla="*/ 863889 h 4114800"/>
                <a:gd name="connsiteX9" fmla="*/ 4191003 w 6908391"/>
                <a:gd name="connsiteY9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2615349 w 6908391"/>
                <a:gd name="connsiteY7" fmla="*/ 863889 h 4114800"/>
                <a:gd name="connsiteX8" fmla="*/ 4191003 w 6908391"/>
                <a:gd name="connsiteY8" fmla="*/ 0 h 4114800"/>
                <a:gd name="connsiteX0" fmla="*/ 4191161 w 6908549"/>
                <a:gd name="connsiteY0" fmla="*/ 0 h 4114800"/>
                <a:gd name="connsiteX1" fmla="*/ 5905309 w 6908549"/>
                <a:gd name="connsiteY1" fmla="*/ 1395098 h 4114800"/>
                <a:gd name="connsiteX2" fmla="*/ 5645885 w 6908549"/>
                <a:gd name="connsiteY2" fmla="*/ 4114800 h 4114800"/>
                <a:gd name="connsiteX3" fmla="*/ 1337122 w 6908549"/>
                <a:gd name="connsiteY3" fmla="*/ 4114800 h 4114800"/>
                <a:gd name="connsiteX4" fmla="*/ 158 w 6908549"/>
                <a:gd name="connsiteY4" fmla="*/ 2777836 h 4114800"/>
                <a:gd name="connsiteX5" fmla="*/ 1256949 w 6908549"/>
                <a:gd name="connsiteY5" fmla="*/ 1444921 h 4114800"/>
                <a:gd name="connsiteX6" fmla="*/ 2615507 w 6908549"/>
                <a:gd name="connsiteY6" fmla="*/ 863889 h 4114800"/>
                <a:gd name="connsiteX7" fmla="*/ 4191161 w 6908549"/>
                <a:gd name="connsiteY7" fmla="*/ 0 h 4114800"/>
                <a:gd name="connsiteX0" fmla="*/ 4191208 w 6908596"/>
                <a:gd name="connsiteY0" fmla="*/ 0 h 4114800"/>
                <a:gd name="connsiteX1" fmla="*/ 5905356 w 6908596"/>
                <a:gd name="connsiteY1" fmla="*/ 1395098 h 4114800"/>
                <a:gd name="connsiteX2" fmla="*/ 5645932 w 6908596"/>
                <a:gd name="connsiteY2" fmla="*/ 4114800 h 4114800"/>
                <a:gd name="connsiteX3" fmla="*/ 1337169 w 6908596"/>
                <a:gd name="connsiteY3" fmla="*/ 4114800 h 4114800"/>
                <a:gd name="connsiteX4" fmla="*/ 205 w 6908596"/>
                <a:gd name="connsiteY4" fmla="*/ 2777836 h 4114800"/>
                <a:gd name="connsiteX5" fmla="*/ 1246250 w 6908596"/>
                <a:gd name="connsiteY5" fmla="*/ 1369697 h 4114800"/>
                <a:gd name="connsiteX6" fmla="*/ 2615554 w 6908596"/>
                <a:gd name="connsiteY6" fmla="*/ 863889 h 4114800"/>
                <a:gd name="connsiteX7" fmla="*/ 4191208 w 6908596"/>
                <a:gd name="connsiteY7" fmla="*/ 0 h 4114800"/>
                <a:gd name="connsiteX0" fmla="*/ 4083776 w 6801164"/>
                <a:gd name="connsiteY0" fmla="*/ 0 h 4114800"/>
                <a:gd name="connsiteX1" fmla="*/ 5797924 w 6801164"/>
                <a:gd name="connsiteY1" fmla="*/ 1395098 h 4114800"/>
                <a:gd name="connsiteX2" fmla="*/ 5538500 w 6801164"/>
                <a:gd name="connsiteY2" fmla="*/ 4114800 h 4114800"/>
                <a:gd name="connsiteX3" fmla="*/ 1229737 w 6801164"/>
                <a:gd name="connsiteY3" fmla="*/ 4114800 h 4114800"/>
                <a:gd name="connsiteX4" fmla="*/ 237 w 6801164"/>
                <a:gd name="connsiteY4" fmla="*/ 2745597 h 4114800"/>
                <a:gd name="connsiteX5" fmla="*/ 1138818 w 6801164"/>
                <a:gd name="connsiteY5" fmla="*/ 1369697 h 4114800"/>
                <a:gd name="connsiteX6" fmla="*/ 2508122 w 6801164"/>
                <a:gd name="connsiteY6" fmla="*/ 863889 h 4114800"/>
                <a:gd name="connsiteX7" fmla="*/ 4083776 w 6801164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2508020 w 6801062"/>
                <a:gd name="connsiteY0" fmla="*/ 171477 h 3422388"/>
                <a:gd name="connsiteX1" fmla="*/ 5797822 w 6801062"/>
                <a:gd name="connsiteY1" fmla="*/ 702686 h 3422388"/>
                <a:gd name="connsiteX2" fmla="*/ 5538398 w 6801062"/>
                <a:gd name="connsiteY2" fmla="*/ 3422388 h 3422388"/>
                <a:gd name="connsiteX3" fmla="*/ 1229635 w 6801062"/>
                <a:gd name="connsiteY3" fmla="*/ 3422388 h 3422388"/>
                <a:gd name="connsiteX4" fmla="*/ 135 w 6801062"/>
                <a:gd name="connsiteY4" fmla="*/ 2053185 h 3422388"/>
                <a:gd name="connsiteX5" fmla="*/ 1160209 w 6801062"/>
                <a:gd name="connsiteY5" fmla="*/ 677285 h 3422388"/>
                <a:gd name="connsiteX6" fmla="*/ 2508020 w 6801062"/>
                <a:gd name="connsiteY6" fmla="*/ 171477 h 3422388"/>
                <a:gd name="connsiteX0" fmla="*/ 2508020 w 6801062"/>
                <a:gd name="connsiteY0" fmla="*/ 428507 h 3679418"/>
                <a:gd name="connsiteX1" fmla="*/ 5797822 w 6801062"/>
                <a:gd name="connsiteY1" fmla="*/ 959716 h 3679418"/>
                <a:gd name="connsiteX2" fmla="*/ 5538398 w 6801062"/>
                <a:gd name="connsiteY2" fmla="*/ 3679418 h 3679418"/>
                <a:gd name="connsiteX3" fmla="*/ 1229635 w 6801062"/>
                <a:gd name="connsiteY3" fmla="*/ 3679418 h 3679418"/>
                <a:gd name="connsiteX4" fmla="*/ 135 w 6801062"/>
                <a:gd name="connsiteY4" fmla="*/ 2310215 h 3679418"/>
                <a:gd name="connsiteX5" fmla="*/ 1160209 w 6801062"/>
                <a:gd name="connsiteY5" fmla="*/ 934315 h 3679418"/>
                <a:gd name="connsiteX6" fmla="*/ 2508020 w 6801062"/>
                <a:gd name="connsiteY6" fmla="*/ 428507 h 3679418"/>
                <a:gd name="connsiteX0" fmla="*/ 2508020 w 6801062"/>
                <a:gd name="connsiteY0" fmla="*/ 624726 h 3875637"/>
                <a:gd name="connsiteX1" fmla="*/ 5797822 w 6801062"/>
                <a:gd name="connsiteY1" fmla="*/ 1155935 h 3875637"/>
                <a:gd name="connsiteX2" fmla="*/ 5538398 w 6801062"/>
                <a:gd name="connsiteY2" fmla="*/ 3875637 h 3875637"/>
                <a:gd name="connsiteX3" fmla="*/ 1229635 w 6801062"/>
                <a:gd name="connsiteY3" fmla="*/ 3875637 h 3875637"/>
                <a:gd name="connsiteX4" fmla="*/ 135 w 6801062"/>
                <a:gd name="connsiteY4" fmla="*/ 2506434 h 3875637"/>
                <a:gd name="connsiteX5" fmla="*/ 1160209 w 6801062"/>
                <a:gd name="connsiteY5" fmla="*/ 1130534 h 3875637"/>
                <a:gd name="connsiteX6" fmla="*/ 2508020 w 6801062"/>
                <a:gd name="connsiteY6" fmla="*/ 624726 h 3875637"/>
                <a:gd name="connsiteX0" fmla="*/ 2508020 w 6801062"/>
                <a:gd name="connsiteY0" fmla="*/ 852528 h 4103439"/>
                <a:gd name="connsiteX1" fmla="*/ 5797822 w 6801062"/>
                <a:gd name="connsiteY1" fmla="*/ 1383737 h 4103439"/>
                <a:gd name="connsiteX2" fmla="*/ 5538398 w 6801062"/>
                <a:gd name="connsiteY2" fmla="*/ 4103439 h 4103439"/>
                <a:gd name="connsiteX3" fmla="*/ 1229635 w 6801062"/>
                <a:gd name="connsiteY3" fmla="*/ 4103439 h 4103439"/>
                <a:gd name="connsiteX4" fmla="*/ 135 w 6801062"/>
                <a:gd name="connsiteY4" fmla="*/ 2734236 h 4103439"/>
                <a:gd name="connsiteX5" fmla="*/ 1160209 w 6801062"/>
                <a:gd name="connsiteY5" fmla="*/ 1358336 h 4103439"/>
                <a:gd name="connsiteX6" fmla="*/ 2508020 w 6801062"/>
                <a:gd name="connsiteY6" fmla="*/ 852528 h 4103439"/>
                <a:gd name="connsiteX0" fmla="*/ 2508020 w 6801062"/>
                <a:gd name="connsiteY0" fmla="*/ 904699 h 4155610"/>
                <a:gd name="connsiteX1" fmla="*/ 5797822 w 6801062"/>
                <a:gd name="connsiteY1" fmla="*/ 1435908 h 4155610"/>
                <a:gd name="connsiteX2" fmla="*/ 5538398 w 6801062"/>
                <a:gd name="connsiteY2" fmla="*/ 4155610 h 4155610"/>
                <a:gd name="connsiteX3" fmla="*/ 1229635 w 6801062"/>
                <a:gd name="connsiteY3" fmla="*/ 4155610 h 4155610"/>
                <a:gd name="connsiteX4" fmla="*/ 135 w 6801062"/>
                <a:gd name="connsiteY4" fmla="*/ 2786407 h 4155610"/>
                <a:gd name="connsiteX5" fmla="*/ 1160209 w 6801062"/>
                <a:gd name="connsiteY5" fmla="*/ 1410507 h 4155610"/>
                <a:gd name="connsiteX6" fmla="*/ 2508020 w 6801062"/>
                <a:gd name="connsiteY6" fmla="*/ 904699 h 4155610"/>
                <a:gd name="connsiteX0" fmla="*/ 2508020 w 6801062"/>
                <a:gd name="connsiteY0" fmla="*/ 904699 h 4155610"/>
                <a:gd name="connsiteX1" fmla="*/ 5797822 w 6801062"/>
                <a:gd name="connsiteY1" fmla="*/ 1435908 h 4155610"/>
                <a:gd name="connsiteX2" fmla="*/ 5538398 w 6801062"/>
                <a:gd name="connsiteY2" fmla="*/ 4155610 h 4155610"/>
                <a:gd name="connsiteX3" fmla="*/ 1229635 w 6801062"/>
                <a:gd name="connsiteY3" fmla="*/ 4155610 h 4155610"/>
                <a:gd name="connsiteX4" fmla="*/ 135 w 6801062"/>
                <a:gd name="connsiteY4" fmla="*/ 2786407 h 4155610"/>
                <a:gd name="connsiteX5" fmla="*/ 1160209 w 6801062"/>
                <a:gd name="connsiteY5" fmla="*/ 1410507 h 4155610"/>
                <a:gd name="connsiteX6" fmla="*/ 2508020 w 6801062"/>
                <a:gd name="connsiteY6" fmla="*/ 904699 h 4155610"/>
                <a:gd name="connsiteX0" fmla="*/ 1679655 w 5972697"/>
                <a:gd name="connsiteY0" fmla="*/ 904699 h 4155610"/>
                <a:gd name="connsiteX1" fmla="*/ 4969457 w 5972697"/>
                <a:gd name="connsiteY1" fmla="*/ 1435908 h 4155610"/>
                <a:gd name="connsiteX2" fmla="*/ 4710033 w 5972697"/>
                <a:gd name="connsiteY2" fmla="*/ 4155610 h 4155610"/>
                <a:gd name="connsiteX3" fmla="*/ 401270 w 5972697"/>
                <a:gd name="connsiteY3" fmla="*/ 4155610 h 4155610"/>
                <a:gd name="connsiteX4" fmla="*/ 331844 w 5972697"/>
                <a:gd name="connsiteY4" fmla="*/ 1410507 h 4155610"/>
                <a:gd name="connsiteX5" fmla="*/ 1679655 w 5972697"/>
                <a:gd name="connsiteY5" fmla="*/ 904699 h 4155610"/>
                <a:gd name="connsiteX0" fmla="*/ 2014189 w 6307231"/>
                <a:gd name="connsiteY0" fmla="*/ 904699 h 4155610"/>
                <a:gd name="connsiteX1" fmla="*/ 5303991 w 6307231"/>
                <a:gd name="connsiteY1" fmla="*/ 1435908 h 4155610"/>
                <a:gd name="connsiteX2" fmla="*/ 5044567 w 6307231"/>
                <a:gd name="connsiteY2" fmla="*/ 4155610 h 4155610"/>
                <a:gd name="connsiteX3" fmla="*/ 735804 w 6307231"/>
                <a:gd name="connsiteY3" fmla="*/ 4155610 h 4155610"/>
                <a:gd name="connsiteX4" fmla="*/ 666378 w 6307231"/>
                <a:gd name="connsiteY4" fmla="*/ 1410507 h 4155610"/>
                <a:gd name="connsiteX5" fmla="*/ 2014189 w 6307231"/>
                <a:gd name="connsiteY5" fmla="*/ 904699 h 4155610"/>
                <a:gd name="connsiteX0" fmla="*/ 2373228 w 6666270"/>
                <a:gd name="connsiteY0" fmla="*/ 904699 h 4155610"/>
                <a:gd name="connsiteX1" fmla="*/ 5663030 w 6666270"/>
                <a:gd name="connsiteY1" fmla="*/ 1435908 h 4155610"/>
                <a:gd name="connsiteX2" fmla="*/ 5403606 w 6666270"/>
                <a:gd name="connsiteY2" fmla="*/ 4155610 h 4155610"/>
                <a:gd name="connsiteX3" fmla="*/ 1094843 w 6666270"/>
                <a:gd name="connsiteY3" fmla="*/ 4155610 h 4155610"/>
                <a:gd name="connsiteX4" fmla="*/ 1025417 w 6666270"/>
                <a:gd name="connsiteY4" fmla="*/ 1410507 h 4155610"/>
                <a:gd name="connsiteX5" fmla="*/ 2373228 w 6666270"/>
                <a:gd name="connsiteY5" fmla="*/ 904699 h 4155610"/>
                <a:gd name="connsiteX0" fmla="*/ 2492057 w 6785099"/>
                <a:gd name="connsiteY0" fmla="*/ 904699 h 4155610"/>
                <a:gd name="connsiteX1" fmla="*/ 5781859 w 6785099"/>
                <a:gd name="connsiteY1" fmla="*/ 1435908 h 4155610"/>
                <a:gd name="connsiteX2" fmla="*/ 5522435 w 6785099"/>
                <a:gd name="connsiteY2" fmla="*/ 4155610 h 4155610"/>
                <a:gd name="connsiteX3" fmla="*/ 1213672 w 6785099"/>
                <a:gd name="connsiteY3" fmla="*/ 4155610 h 4155610"/>
                <a:gd name="connsiteX4" fmla="*/ 1144246 w 6785099"/>
                <a:gd name="connsiteY4" fmla="*/ 1410507 h 4155610"/>
                <a:gd name="connsiteX5" fmla="*/ 2492057 w 6785099"/>
                <a:gd name="connsiteY5" fmla="*/ 904699 h 4155610"/>
                <a:gd name="connsiteX0" fmla="*/ 2492057 w 6785099"/>
                <a:gd name="connsiteY0" fmla="*/ 904699 h 4155610"/>
                <a:gd name="connsiteX1" fmla="*/ 5781859 w 6785099"/>
                <a:gd name="connsiteY1" fmla="*/ 1435908 h 4155610"/>
                <a:gd name="connsiteX2" fmla="*/ 5522435 w 6785099"/>
                <a:gd name="connsiteY2" fmla="*/ 4155610 h 4155610"/>
                <a:gd name="connsiteX3" fmla="*/ 1213672 w 6785099"/>
                <a:gd name="connsiteY3" fmla="*/ 4155610 h 4155610"/>
                <a:gd name="connsiteX4" fmla="*/ 1144246 w 6785099"/>
                <a:gd name="connsiteY4" fmla="*/ 1410507 h 4155610"/>
                <a:gd name="connsiteX5" fmla="*/ 2492057 w 6785099"/>
                <a:gd name="connsiteY5" fmla="*/ 904699 h 4155610"/>
                <a:gd name="connsiteX0" fmla="*/ 2492057 w 6785099"/>
                <a:gd name="connsiteY0" fmla="*/ 904699 h 4155610"/>
                <a:gd name="connsiteX1" fmla="*/ 5781859 w 6785099"/>
                <a:gd name="connsiteY1" fmla="*/ 1435908 h 4155610"/>
                <a:gd name="connsiteX2" fmla="*/ 5522435 w 6785099"/>
                <a:gd name="connsiteY2" fmla="*/ 4155610 h 4155610"/>
                <a:gd name="connsiteX3" fmla="*/ 1213672 w 6785099"/>
                <a:gd name="connsiteY3" fmla="*/ 4155610 h 4155610"/>
                <a:gd name="connsiteX4" fmla="*/ 1144246 w 6785099"/>
                <a:gd name="connsiteY4" fmla="*/ 1410507 h 4155610"/>
                <a:gd name="connsiteX5" fmla="*/ 2492057 w 6785099"/>
                <a:gd name="connsiteY5" fmla="*/ 904699 h 4155610"/>
                <a:gd name="connsiteX0" fmla="*/ 2492057 w 6785099"/>
                <a:gd name="connsiteY0" fmla="*/ 904699 h 4155610"/>
                <a:gd name="connsiteX1" fmla="*/ 5781859 w 6785099"/>
                <a:gd name="connsiteY1" fmla="*/ 1435908 h 4155610"/>
                <a:gd name="connsiteX2" fmla="*/ 5522435 w 6785099"/>
                <a:gd name="connsiteY2" fmla="*/ 4155610 h 4155610"/>
                <a:gd name="connsiteX3" fmla="*/ 1213672 w 6785099"/>
                <a:gd name="connsiteY3" fmla="*/ 4155610 h 4155610"/>
                <a:gd name="connsiteX4" fmla="*/ 1144246 w 6785099"/>
                <a:gd name="connsiteY4" fmla="*/ 1410507 h 4155610"/>
                <a:gd name="connsiteX5" fmla="*/ 2492057 w 6785099"/>
                <a:gd name="connsiteY5" fmla="*/ 904699 h 4155610"/>
                <a:gd name="connsiteX0" fmla="*/ 2492057 w 6785099"/>
                <a:gd name="connsiteY0" fmla="*/ 904699 h 4155610"/>
                <a:gd name="connsiteX1" fmla="*/ 5781859 w 6785099"/>
                <a:gd name="connsiteY1" fmla="*/ 1435908 h 4155610"/>
                <a:gd name="connsiteX2" fmla="*/ 5522435 w 6785099"/>
                <a:gd name="connsiteY2" fmla="*/ 4155610 h 4155610"/>
                <a:gd name="connsiteX3" fmla="*/ 1213672 w 6785099"/>
                <a:gd name="connsiteY3" fmla="*/ 4155610 h 4155610"/>
                <a:gd name="connsiteX4" fmla="*/ 1144246 w 6785099"/>
                <a:gd name="connsiteY4" fmla="*/ 1410507 h 4155610"/>
                <a:gd name="connsiteX5" fmla="*/ 2492057 w 6785099"/>
                <a:gd name="connsiteY5" fmla="*/ 904699 h 4155610"/>
                <a:gd name="connsiteX0" fmla="*/ 2528614 w 6821656"/>
                <a:gd name="connsiteY0" fmla="*/ 904699 h 4155610"/>
                <a:gd name="connsiteX1" fmla="*/ 5818416 w 6821656"/>
                <a:gd name="connsiteY1" fmla="*/ 1435908 h 4155610"/>
                <a:gd name="connsiteX2" fmla="*/ 5558992 w 6821656"/>
                <a:gd name="connsiteY2" fmla="*/ 4155610 h 4155610"/>
                <a:gd name="connsiteX3" fmla="*/ 1250229 w 6821656"/>
                <a:gd name="connsiteY3" fmla="*/ 4155610 h 4155610"/>
                <a:gd name="connsiteX4" fmla="*/ 1180803 w 6821656"/>
                <a:gd name="connsiteY4" fmla="*/ 1410507 h 4155610"/>
                <a:gd name="connsiteX5" fmla="*/ 2528614 w 6821656"/>
                <a:gd name="connsiteY5" fmla="*/ 904699 h 4155610"/>
                <a:gd name="connsiteX0" fmla="*/ 2480712 w 6773754"/>
                <a:gd name="connsiteY0" fmla="*/ 904699 h 4155610"/>
                <a:gd name="connsiteX1" fmla="*/ 5770514 w 6773754"/>
                <a:gd name="connsiteY1" fmla="*/ 1435908 h 4155610"/>
                <a:gd name="connsiteX2" fmla="*/ 5511090 w 6773754"/>
                <a:gd name="connsiteY2" fmla="*/ 4155610 h 4155610"/>
                <a:gd name="connsiteX3" fmla="*/ 1202327 w 6773754"/>
                <a:gd name="connsiteY3" fmla="*/ 4155610 h 4155610"/>
                <a:gd name="connsiteX4" fmla="*/ 1132901 w 6773754"/>
                <a:gd name="connsiteY4" fmla="*/ 1410507 h 4155610"/>
                <a:gd name="connsiteX5" fmla="*/ 2480712 w 6773754"/>
                <a:gd name="connsiteY5" fmla="*/ 904699 h 4155610"/>
                <a:gd name="connsiteX0" fmla="*/ 2451753 w 6744795"/>
                <a:gd name="connsiteY0" fmla="*/ 904699 h 4155610"/>
                <a:gd name="connsiteX1" fmla="*/ 5741555 w 6744795"/>
                <a:gd name="connsiteY1" fmla="*/ 1435908 h 4155610"/>
                <a:gd name="connsiteX2" fmla="*/ 5482131 w 6744795"/>
                <a:gd name="connsiteY2" fmla="*/ 4155610 h 4155610"/>
                <a:gd name="connsiteX3" fmla="*/ 1173368 w 6744795"/>
                <a:gd name="connsiteY3" fmla="*/ 4155610 h 4155610"/>
                <a:gd name="connsiteX4" fmla="*/ 1167451 w 6744795"/>
                <a:gd name="connsiteY4" fmla="*/ 1545335 h 4155610"/>
                <a:gd name="connsiteX5" fmla="*/ 2451753 w 6744795"/>
                <a:gd name="connsiteY5" fmla="*/ 904699 h 4155610"/>
                <a:gd name="connsiteX0" fmla="*/ 2517179 w 6810221"/>
                <a:gd name="connsiteY0" fmla="*/ 904699 h 4155610"/>
                <a:gd name="connsiteX1" fmla="*/ 5806981 w 6810221"/>
                <a:gd name="connsiteY1" fmla="*/ 1435908 h 4155610"/>
                <a:gd name="connsiteX2" fmla="*/ 5547557 w 6810221"/>
                <a:gd name="connsiteY2" fmla="*/ 4155610 h 4155610"/>
                <a:gd name="connsiteX3" fmla="*/ 1238794 w 6810221"/>
                <a:gd name="connsiteY3" fmla="*/ 4155610 h 4155610"/>
                <a:gd name="connsiteX4" fmla="*/ 1232877 w 6810221"/>
                <a:gd name="connsiteY4" fmla="*/ 1545335 h 4155610"/>
                <a:gd name="connsiteX5" fmla="*/ 2517179 w 6810221"/>
                <a:gd name="connsiteY5" fmla="*/ 904699 h 4155610"/>
                <a:gd name="connsiteX0" fmla="*/ 2523917 w 6816959"/>
                <a:gd name="connsiteY0" fmla="*/ 904699 h 4155610"/>
                <a:gd name="connsiteX1" fmla="*/ 5813719 w 6816959"/>
                <a:gd name="connsiteY1" fmla="*/ 1435908 h 4155610"/>
                <a:gd name="connsiteX2" fmla="*/ 5554295 w 6816959"/>
                <a:gd name="connsiteY2" fmla="*/ 4155610 h 4155610"/>
                <a:gd name="connsiteX3" fmla="*/ 1245532 w 6816959"/>
                <a:gd name="connsiteY3" fmla="*/ 4155610 h 4155610"/>
                <a:gd name="connsiteX4" fmla="*/ 1239615 w 6816959"/>
                <a:gd name="connsiteY4" fmla="*/ 1545335 h 4155610"/>
                <a:gd name="connsiteX5" fmla="*/ 2523917 w 6816959"/>
                <a:gd name="connsiteY5" fmla="*/ 904699 h 4155610"/>
                <a:gd name="connsiteX0" fmla="*/ 2541237 w 6816959"/>
                <a:gd name="connsiteY0" fmla="*/ 1012636 h 3993889"/>
                <a:gd name="connsiteX1" fmla="*/ 5813719 w 6816959"/>
                <a:gd name="connsiteY1" fmla="*/ 1274187 h 3993889"/>
                <a:gd name="connsiteX2" fmla="*/ 5554295 w 6816959"/>
                <a:gd name="connsiteY2" fmla="*/ 3993889 h 3993889"/>
                <a:gd name="connsiteX3" fmla="*/ 1245532 w 6816959"/>
                <a:gd name="connsiteY3" fmla="*/ 3993889 h 3993889"/>
                <a:gd name="connsiteX4" fmla="*/ 1239615 w 6816959"/>
                <a:gd name="connsiteY4" fmla="*/ 1383614 h 3993889"/>
                <a:gd name="connsiteX5" fmla="*/ 2541237 w 6816959"/>
                <a:gd name="connsiteY5" fmla="*/ 1012636 h 3993889"/>
                <a:gd name="connsiteX0" fmla="*/ 2541237 w 6816959"/>
                <a:gd name="connsiteY0" fmla="*/ 1012636 h 3993889"/>
                <a:gd name="connsiteX1" fmla="*/ 5813719 w 6816959"/>
                <a:gd name="connsiteY1" fmla="*/ 1274187 h 3993889"/>
                <a:gd name="connsiteX2" fmla="*/ 5554295 w 6816959"/>
                <a:gd name="connsiteY2" fmla="*/ 3993889 h 3993889"/>
                <a:gd name="connsiteX3" fmla="*/ 1245532 w 6816959"/>
                <a:gd name="connsiteY3" fmla="*/ 3993889 h 3993889"/>
                <a:gd name="connsiteX4" fmla="*/ 1239615 w 6816959"/>
                <a:gd name="connsiteY4" fmla="*/ 1383614 h 3993889"/>
                <a:gd name="connsiteX5" fmla="*/ 2541237 w 6816959"/>
                <a:gd name="connsiteY5" fmla="*/ 1012636 h 3993889"/>
                <a:gd name="connsiteX0" fmla="*/ 2541237 w 6816959"/>
                <a:gd name="connsiteY0" fmla="*/ 1012636 h 3993889"/>
                <a:gd name="connsiteX1" fmla="*/ 5813719 w 6816959"/>
                <a:gd name="connsiteY1" fmla="*/ 1274187 h 3993889"/>
                <a:gd name="connsiteX2" fmla="*/ 5554295 w 6816959"/>
                <a:gd name="connsiteY2" fmla="*/ 3993889 h 3993889"/>
                <a:gd name="connsiteX3" fmla="*/ 1245532 w 6816959"/>
                <a:gd name="connsiteY3" fmla="*/ 3993889 h 3993889"/>
                <a:gd name="connsiteX4" fmla="*/ 1239615 w 6816959"/>
                <a:gd name="connsiteY4" fmla="*/ 1383614 h 3993889"/>
                <a:gd name="connsiteX5" fmla="*/ 2541237 w 6816959"/>
                <a:gd name="connsiteY5" fmla="*/ 1012636 h 3993889"/>
                <a:gd name="connsiteX0" fmla="*/ 2552785 w 6816959"/>
                <a:gd name="connsiteY0" fmla="*/ 1012637 h 3993889"/>
                <a:gd name="connsiteX1" fmla="*/ 5813719 w 6816959"/>
                <a:gd name="connsiteY1" fmla="*/ 1274187 h 3993889"/>
                <a:gd name="connsiteX2" fmla="*/ 5554295 w 6816959"/>
                <a:gd name="connsiteY2" fmla="*/ 3993889 h 3993889"/>
                <a:gd name="connsiteX3" fmla="*/ 1245532 w 6816959"/>
                <a:gd name="connsiteY3" fmla="*/ 3993889 h 3993889"/>
                <a:gd name="connsiteX4" fmla="*/ 1239615 w 6816959"/>
                <a:gd name="connsiteY4" fmla="*/ 1383614 h 3993889"/>
                <a:gd name="connsiteX5" fmla="*/ 2552785 w 6816959"/>
                <a:gd name="connsiteY5" fmla="*/ 1012637 h 3993889"/>
                <a:gd name="connsiteX0" fmla="*/ 2552785 w 6816959"/>
                <a:gd name="connsiteY0" fmla="*/ 1161538 h 4142790"/>
                <a:gd name="connsiteX1" fmla="*/ 5813719 w 6816959"/>
                <a:gd name="connsiteY1" fmla="*/ 1423088 h 4142790"/>
                <a:gd name="connsiteX2" fmla="*/ 5554295 w 6816959"/>
                <a:gd name="connsiteY2" fmla="*/ 4142790 h 4142790"/>
                <a:gd name="connsiteX3" fmla="*/ 1245532 w 6816959"/>
                <a:gd name="connsiteY3" fmla="*/ 4142790 h 4142790"/>
                <a:gd name="connsiteX4" fmla="*/ 1239615 w 6816959"/>
                <a:gd name="connsiteY4" fmla="*/ 1532515 h 4142790"/>
                <a:gd name="connsiteX5" fmla="*/ 2552785 w 6816959"/>
                <a:gd name="connsiteY5" fmla="*/ 1161538 h 4142790"/>
                <a:gd name="connsiteX0" fmla="*/ 2552785 w 6776467"/>
                <a:gd name="connsiteY0" fmla="*/ 1116066 h 4097318"/>
                <a:gd name="connsiteX1" fmla="*/ 5738666 w 6776467"/>
                <a:gd name="connsiteY1" fmla="*/ 1494060 h 4097318"/>
                <a:gd name="connsiteX2" fmla="*/ 5554295 w 6776467"/>
                <a:gd name="connsiteY2" fmla="*/ 4097318 h 4097318"/>
                <a:gd name="connsiteX3" fmla="*/ 1245532 w 6776467"/>
                <a:gd name="connsiteY3" fmla="*/ 4097318 h 4097318"/>
                <a:gd name="connsiteX4" fmla="*/ 1239615 w 6776467"/>
                <a:gd name="connsiteY4" fmla="*/ 1487043 h 4097318"/>
                <a:gd name="connsiteX5" fmla="*/ 2552785 w 6776467"/>
                <a:gd name="connsiteY5" fmla="*/ 1116066 h 4097318"/>
                <a:gd name="connsiteX0" fmla="*/ 2552785 w 6776467"/>
                <a:gd name="connsiteY0" fmla="*/ 1258222 h 4239474"/>
                <a:gd name="connsiteX1" fmla="*/ 5738666 w 6776467"/>
                <a:gd name="connsiteY1" fmla="*/ 1636216 h 4239474"/>
                <a:gd name="connsiteX2" fmla="*/ 5554295 w 6776467"/>
                <a:gd name="connsiteY2" fmla="*/ 4239474 h 4239474"/>
                <a:gd name="connsiteX3" fmla="*/ 1245532 w 6776467"/>
                <a:gd name="connsiteY3" fmla="*/ 4239474 h 4239474"/>
                <a:gd name="connsiteX4" fmla="*/ 1239615 w 6776467"/>
                <a:gd name="connsiteY4" fmla="*/ 1629199 h 4239474"/>
                <a:gd name="connsiteX5" fmla="*/ 2552785 w 6776467"/>
                <a:gd name="connsiteY5" fmla="*/ 1258222 h 4239474"/>
                <a:gd name="connsiteX0" fmla="*/ 2552785 w 6833199"/>
                <a:gd name="connsiteY0" fmla="*/ 1258222 h 4239474"/>
                <a:gd name="connsiteX1" fmla="*/ 5738666 w 6833199"/>
                <a:gd name="connsiteY1" fmla="*/ 1636216 h 4239474"/>
                <a:gd name="connsiteX2" fmla="*/ 5554295 w 6833199"/>
                <a:gd name="connsiteY2" fmla="*/ 4239474 h 4239474"/>
                <a:gd name="connsiteX3" fmla="*/ 1245532 w 6833199"/>
                <a:gd name="connsiteY3" fmla="*/ 4239474 h 4239474"/>
                <a:gd name="connsiteX4" fmla="*/ 1239615 w 6833199"/>
                <a:gd name="connsiteY4" fmla="*/ 1629199 h 4239474"/>
                <a:gd name="connsiteX5" fmla="*/ 2552785 w 6833199"/>
                <a:gd name="connsiteY5" fmla="*/ 1258222 h 4239474"/>
                <a:gd name="connsiteX0" fmla="*/ 2552785 w 6831175"/>
                <a:gd name="connsiteY0" fmla="*/ 1258222 h 4239474"/>
                <a:gd name="connsiteX1" fmla="*/ 5738666 w 6831175"/>
                <a:gd name="connsiteY1" fmla="*/ 1636216 h 4239474"/>
                <a:gd name="connsiteX2" fmla="*/ 5554295 w 6831175"/>
                <a:gd name="connsiteY2" fmla="*/ 4239474 h 4239474"/>
                <a:gd name="connsiteX3" fmla="*/ 1245532 w 6831175"/>
                <a:gd name="connsiteY3" fmla="*/ 4239474 h 4239474"/>
                <a:gd name="connsiteX4" fmla="*/ 1239615 w 6831175"/>
                <a:gd name="connsiteY4" fmla="*/ 1629199 h 4239474"/>
                <a:gd name="connsiteX5" fmla="*/ 2552785 w 6831175"/>
                <a:gd name="connsiteY5" fmla="*/ 1258222 h 4239474"/>
                <a:gd name="connsiteX0" fmla="*/ 2552785 w 6827133"/>
                <a:gd name="connsiteY0" fmla="*/ 1258222 h 4239474"/>
                <a:gd name="connsiteX1" fmla="*/ 5738666 w 6827133"/>
                <a:gd name="connsiteY1" fmla="*/ 1636216 h 4239474"/>
                <a:gd name="connsiteX2" fmla="*/ 5554295 w 6827133"/>
                <a:gd name="connsiteY2" fmla="*/ 4239474 h 4239474"/>
                <a:gd name="connsiteX3" fmla="*/ 1245532 w 6827133"/>
                <a:gd name="connsiteY3" fmla="*/ 4239474 h 4239474"/>
                <a:gd name="connsiteX4" fmla="*/ 1239615 w 6827133"/>
                <a:gd name="connsiteY4" fmla="*/ 1629199 h 4239474"/>
                <a:gd name="connsiteX5" fmla="*/ 2552785 w 6827133"/>
                <a:gd name="connsiteY5" fmla="*/ 1258222 h 4239474"/>
                <a:gd name="connsiteX0" fmla="*/ 2552785 w 6827133"/>
                <a:gd name="connsiteY0" fmla="*/ 1266277 h 4228919"/>
                <a:gd name="connsiteX1" fmla="*/ 5738666 w 6827133"/>
                <a:gd name="connsiteY1" fmla="*/ 1625661 h 4228919"/>
                <a:gd name="connsiteX2" fmla="*/ 5554295 w 6827133"/>
                <a:gd name="connsiteY2" fmla="*/ 4228919 h 4228919"/>
                <a:gd name="connsiteX3" fmla="*/ 1245532 w 6827133"/>
                <a:gd name="connsiteY3" fmla="*/ 4228919 h 4228919"/>
                <a:gd name="connsiteX4" fmla="*/ 1239615 w 6827133"/>
                <a:gd name="connsiteY4" fmla="*/ 1618644 h 4228919"/>
                <a:gd name="connsiteX5" fmla="*/ 2552785 w 6827133"/>
                <a:gd name="connsiteY5" fmla="*/ 1266277 h 4228919"/>
                <a:gd name="connsiteX0" fmla="*/ 2552785 w 6827133"/>
                <a:gd name="connsiteY0" fmla="*/ 1266277 h 4228919"/>
                <a:gd name="connsiteX1" fmla="*/ 5738666 w 6827133"/>
                <a:gd name="connsiteY1" fmla="*/ 1625661 h 4228919"/>
                <a:gd name="connsiteX2" fmla="*/ 5554295 w 6827133"/>
                <a:gd name="connsiteY2" fmla="*/ 4228919 h 4228919"/>
                <a:gd name="connsiteX3" fmla="*/ 1245532 w 6827133"/>
                <a:gd name="connsiteY3" fmla="*/ 4228919 h 4228919"/>
                <a:gd name="connsiteX4" fmla="*/ 1239615 w 6827133"/>
                <a:gd name="connsiteY4" fmla="*/ 1618644 h 4228919"/>
                <a:gd name="connsiteX5" fmla="*/ 2552785 w 6827133"/>
                <a:gd name="connsiteY5" fmla="*/ 1266277 h 4228919"/>
                <a:gd name="connsiteX0" fmla="*/ 2552785 w 6827133"/>
                <a:gd name="connsiteY0" fmla="*/ 1266277 h 4228919"/>
                <a:gd name="connsiteX1" fmla="*/ 5738666 w 6827133"/>
                <a:gd name="connsiteY1" fmla="*/ 1625661 h 4228919"/>
                <a:gd name="connsiteX2" fmla="*/ 5554295 w 6827133"/>
                <a:gd name="connsiteY2" fmla="*/ 4228919 h 4228919"/>
                <a:gd name="connsiteX3" fmla="*/ 1245532 w 6827133"/>
                <a:gd name="connsiteY3" fmla="*/ 4228919 h 4228919"/>
                <a:gd name="connsiteX4" fmla="*/ 1239615 w 6827133"/>
                <a:gd name="connsiteY4" fmla="*/ 1618644 h 4228919"/>
                <a:gd name="connsiteX5" fmla="*/ 2552785 w 6827133"/>
                <a:gd name="connsiteY5" fmla="*/ 1266277 h 422891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6827133" h="4228919">
                  <a:moveTo>
                    <a:pt x="2552785" y="1266277"/>
                  </a:moveTo>
                  <a:cubicBezTo>
                    <a:pt x="3020069" y="-624225"/>
                    <a:pt x="5686422" y="-310262"/>
                    <a:pt x="5738666" y="1625661"/>
                  </a:cubicBezTo>
                  <a:cubicBezTo>
                    <a:pt x="7324075" y="1897849"/>
                    <a:pt x="7104316" y="4194486"/>
                    <a:pt x="5554295" y="4228919"/>
                  </a:cubicBezTo>
                  <a:lnTo>
                    <a:pt x="1245532" y="4228919"/>
                  </a:lnTo>
                  <a:cubicBezTo>
                    <a:pt x="-547254" y="4086117"/>
                    <a:pt x="-275818" y="1525513"/>
                    <a:pt x="1239615" y="1618644"/>
                  </a:cubicBezTo>
                  <a:cubicBezTo>
                    <a:pt x="1232903" y="850200"/>
                    <a:pt x="2106725" y="553546"/>
                    <a:pt x="2552785" y="1266277"/>
                  </a:cubicBezTo>
                  <a:close/>
                </a:path>
              </a:pathLst>
            </a:custGeom>
            <a:solidFill>
              <a:srgbClr val="FFFFFF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80" name="Group 31"/>
          <p:cNvGrpSpPr/>
          <p:nvPr/>
        </p:nvGrpSpPr>
        <p:grpSpPr>
          <a:xfrm>
            <a:off x="2657522" y="551543"/>
            <a:ext cx="3254926" cy="1838700"/>
            <a:chOff x="6182326" y="471928"/>
            <a:chExt cx="2934187" cy="1657512"/>
          </a:xfrm>
          <a:effectLst/>
        </p:grpSpPr>
        <p:sp>
          <p:nvSpPr>
            <p:cNvPr id="81" name="Freeform 32"/>
            <p:cNvSpPr/>
            <p:nvPr/>
          </p:nvSpPr>
          <p:spPr>
            <a:xfrm>
              <a:off x="6182326" y="471928"/>
              <a:ext cx="2934187" cy="1647231"/>
            </a:xfrm>
            <a:custGeom>
              <a:avLst/>
              <a:gdLst>
                <a:gd name="connsiteX0" fmla="*/ 4191003 w 6982691"/>
                <a:gd name="connsiteY0" fmla="*/ 0 h 4114800"/>
                <a:gd name="connsiteX1" fmla="*/ 5832767 w 6982691"/>
                <a:gd name="connsiteY1" fmla="*/ 1323110 h 4114800"/>
                <a:gd name="connsiteX2" fmla="*/ 5824553 w 6982691"/>
                <a:gd name="connsiteY2" fmla="*/ 1454204 h 4114800"/>
                <a:gd name="connsiteX3" fmla="*/ 5915172 w 6982691"/>
                <a:gd name="connsiteY3" fmla="*/ 1468035 h 4114800"/>
                <a:gd name="connsiteX4" fmla="*/ 6982691 w 6982691"/>
                <a:gd name="connsiteY4" fmla="*/ 2777836 h 4114800"/>
                <a:gd name="connsiteX5" fmla="*/ 5645727 w 6982691"/>
                <a:gd name="connsiteY5" fmla="*/ 4114800 h 4114800"/>
                <a:gd name="connsiteX6" fmla="*/ 1336964 w 6982691"/>
                <a:gd name="connsiteY6" fmla="*/ 4114800 h 4114800"/>
                <a:gd name="connsiteX7" fmla="*/ 0 w 6982691"/>
                <a:gd name="connsiteY7" fmla="*/ 2777836 h 4114800"/>
                <a:gd name="connsiteX8" fmla="*/ 1200267 w 6982691"/>
                <a:gd name="connsiteY8" fmla="*/ 1447775 h 4114800"/>
                <a:gd name="connsiteX9" fmla="*/ 1256791 w 6982691"/>
                <a:gd name="connsiteY9" fmla="*/ 1444921 h 4114800"/>
                <a:gd name="connsiteX10" fmla="*/ 1263237 w 6982691"/>
                <a:gd name="connsiteY10" fmla="*/ 1384285 h 4114800"/>
                <a:gd name="connsiteX11" fmla="*/ 2050475 w 6982691"/>
                <a:gd name="connsiteY11" fmla="*/ 775855 h 4114800"/>
                <a:gd name="connsiteX12" fmla="*/ 2561617 w 6982691"/>
                <a:gd name="connsiteY12" fmla="*/ 949859 h 4114800"/>
                <a:gd name="connsiteX13" fmla="*/ 2604065 w 6982691"/>
                <a:gd name="connsiteY13" fmla="*/ 989162 h 4114800"/>
                <a:gd name="connsiteX14" fmla="*/ 2623050 w 6982691"/>
                <a:gd name="connsiteY14" fmla="*/ 929658 h 4114800"/>
                <a:gd name="connsiteX15" fmla="*/ 4191003 w 6982691"/>
                <a:gd name="connsiteY15" fmla="*/ 0 h 4114800"/>
                <a:gd name="connsiteX0" fmla="*/ 4191003 w 6982691"/>
                <a:gd name="connsiteY0" fmla="*/ 0 h 4114800"/>
                <a:gd name="connsiteX1" fmla="*/ 5832767 w 6982691"/>
                <a:gd name="connsiteY1" fmla="*/ 1323110 h 4114800"/>
                <a:gd name="connsiteX2" fmla="*/ 5824553 w 6982691"/>
                <a:gd name="connsiteY2" fmla="*/ 1454204 h 4114800"/>
                <a:gd name="connsiteX3" fmla="*/ 6982691 w 6982691"/>
                <a:gd name="connsiteY3" fmla="*/ 2777836 h 4114800"/>
                <a:gd name="connsiteX4" fmla="*/ 5645727 w 6982691"/>
                <a:gd name="connsiteY4" fmla="*/ 4114800 h 4114800"/>
                <a:gd name="connsiteX5" fmla="*/ 1336964 w 6982691"/>
                <a:gd name="connsiteY5" fmla="*/ 4114800 h 4114800"/>
                <a:gd name="connsiteX6" fmla="*/ 0 w 6982691"/>
                <a:gd name="connsiteY6" fmla="*/ 2777836 h 4114800"/>
                <a:gd name="connsiteX7" fmla="*/ 1200267 w 6982691"/>
                <a:gd name="connsiteY7" fmla="*/ 1447775 h 4114800"/>
                <a:gd name="connsiteX8" fmla="*/ 1256791 w 6982691"/>
                <a:gd name="connsiteY8" fmla="*/ 1444921 h 4114800"/>
                <a:gd name="connsiteX9" fmla="*/ 1263237 w 6982691"/>
                <a:gd name="connsiteY9" fmla="*/ 1384285 h 4114800"/>
                <a:gd name="connsiteX10" fmla="*/ 2050475 w 6982691"/>
                <a:gd name="connsiteY10" fmla="*/ 775855 h 4114800"/>
                <a:gd name="connsiteX11" fmla="*/ 2561617 w 6982691"/>
                <a:gd name="connsiteY11" fmla="*/ 949859 h 4114800"/>
                <a:gd name="connsiteX12" fmla="*/ 2604065 w 6982691"/>
                <a:gd name="connsiteY12" fmla="*/ 989162 h 4114800"/>
                <a:gd name="connsiteX13" fmla="*/ 2623050 w 6982691"/>
                <a:gd name="connsiteY13" fmla="*/ 929658 h 4114800"/>
                <a:gd name="connsiteX14" fmla="*/ 4191003 w 6982691"/>
                <a:gd name="connsiteY14" fmla="*/ 0 h 4114800"/>
                <a:gd name="connsiteX0" fmla="*/ 4191003 w 6984458"/>
                <a:gd name="connsiteY0" fmla="*/ 0 h 4114800"/>
                <a:gd name="connsiteX1" fmla="*/ 5832767 w 6984458"/>
                <a:gd name="connsiteY1" fmla="*/ 1323110 h 4114800"/>
                <a:gd name="connsiteX2" fmla="*/ 5905151 w 6984458"/>
                <a:gd name="connsiteY2" fmla="*/ 1395098 h 4114800"/>
                <a:gd name="connsiteX3" fmla="*/ 6982691 w 6984458"/>
                <a:gd name="connsiteY3" fmla="*/ 2777836 h 4114800"/>
                <a:gd name="connsiteX4" fmla="*/ 5645727 w 6984458"/>
                <a:gd name="connsiteY4" fmla="*/ 4114800 h 4114800"/>
                <a:gd name="connsiteX5" fmla="*/ 1336964 w 6984458"/>
                <a:gd name="connsiteY5" fmla="*/ 4114800 h 4114800"/>
                <a:gd name="connsiteX6" fmla="*/ 0 w 6984458"/>
                <a:gd name="connsiteY6" fmla="*/ 2777836 h 4114800"/>
                <a:gd name="connsiteX7" fmla="*/ 1200267 w 6984458"/>
                <a:gd name="connsiteY7" fmla="*/ 1447775 h 4114800"/>
                <a:gd name="connsiteX8" fmla="*/ 1256791 w 6984458"/>
                <a:gd name="connsiteY8" fmla="*/ 1444921 h 4114800"/>
                <a:gd name="connsiteX9" fmla="*/ 1263237 w 6984458"/>
                <a:gd name="connsiteY9" fmla="*/ 1384285 h 4114800"/>
                <a:gd name="connsiteX10" fmla="*/ 2050475 w 6984458"/>
                <a:gd name="connsiteY10" fmla="*/ 775855 h 4114800"/>
                <a:gd name="connsiteX11" fmla="*/ 2561617 w 6984458"/>
                <a:gd name="connsiteY11" fmla="*/ 949859 h 4114800"/>
                <a:gd name="connsiteX12" fmla="*/ 2604065 w 6984458"/>
                <a:gd name="connsiteY12" fmla="*/ 989162 h 4114800"/>
                <a:gd name="connsiteX13" fmla="*/ 2623050 w 6984458"/>
                <a:gd name="connsiteY13" fmla="*/ 929658 h 4114800"/>
                <a:gd name="connsiteX14" fmla="*/ 4191003 w 6984458"/>
                <a:gd name="connsiteY14" fmla="*/ 0 h 4114800"/>
                <a:gd name="connsiteX0" fmla="*/ 4191003 w 6057725"/>
                <a:gd name="connsiteY0" fmla="*/ 0 h 4114800"/>
                <a:gd name="connsiteX1" fmla="*/ 5832767 w 6057725"/>
                <a:gd name="connsiteY1" fmla="*/ 1323110 h 4114800"/>
                <a:gd name="connsiteX2" fmla="*/ 5905151 w 6057725"/>
                <a:gd name="connsiteY2" fmla="*/ 1395098 h 4114800"/>
                <a:gd name="connsiteX3" fmla="*/ 5645727 w 6057725"/>
                <a:gd name="connsiteY3" fmla="*/ 4114800 h 4114800"/>
                <a:gd name="connsiteX4" fmla="*/ 1336964 w 6057725"/>
                <a:gd name="connsiteY4" fmla="*/ 4114800 h 4114800"/>
                <a:gd name="connsiteX5" fmla="*/ 0 w 6057725"/>
                <a:gd name="connsiteY5" fmla="*/ 2777836 h 4114800"/>
                <a:gd name="connsiteX6" fmla="*/ 1200267 w 6057725"/>
                <a:gd name="connsiteY6" fmla="*/ 1447775 h 4114800"/>
                <a:gd name="connsiteX7" fmla="*/ 1256791 w 6057725"/>
                <a:gd name="connsiteY7" fmla="*/ 1444921 h 4114800"/>
                <a:gd name="connsiteX8" fmla="*/ 1263237 w 6057725"/>
                <a:gd name="connsiteY8" fmla="*/ 1384285 h 4114800"/>
                <a:gd name="connsiteX9" fmla="*/ 2050475 w 6057725"/>
                <a:gd name="connsiteY9" fmla="*/ 775855 h 4114800"/>
                <a:gd name="connsiteX10" fmla="*/ 2561617 w 6057725"/>
                <a:gd name="connsiteY10" fmla="*/ 949859 h 4114800"/>
                <a:gd name="connsiteX11" fmla="*/ 2604065 w 6057725"/>
                <a:gd name="connsiteY11" fmla="*/ 989162 h 4114800"/>
                <a:gd name="connsiteX12" fmla="*/ 2623050 w 6057725"/>
                <a:gd name="connsiteY12" fmla="*/ 929658 h 4114800"/>
                <a:gd name="connsiteX13" fmla="*/ 4191003 w 6057725"/>
                <a:gd name="connsiteY13" fmla="*/ 0 h 4114800"/>
                <a:gd name="connsiteX0" fmla="*/ 4191003 w 6304506"/>
                <a:gd name="connsiteY0" fmla="*/ 0 h 4114800"/>
                <a:gd name="connsiteX1" fmla="*/ 5832767 w 6304506"/>
                <a:gd name="connsiteY1" fmla="*/ 1323110 h 4114800"/>
                <a:gd name="connsiteX2" fmla="*/ 5905151 w 6304506"/>
                <a:gd name="connsiteY2" fmla="*/ 1395098 h 4114800"/>
                <a:gd name="connsiteX3" fmla="*/ 5645727 w 6304506"/>
                <a:gd name="connsiteY3" fmla="*/ 4114800 h 4114800"/>
                <a:gd name="connsiteX4" fmla="*/ 1336964 w 6304506"/>
                <a:gd name="connsiteY4" fmla="*/ 4114800 h 4114800"/>
                <a:gd name="connsiteX5" fmla="*/ 0 w 6304506"/>
                <a:gd name="connsiteY5" fmla="*/ 2777836 h 4114800"/>
                <a:gd name="connsiteX6" fmla="*/ 1200267 w 6304506"/>
                <a:gd name="connsiteY6" fmla="*/ 1447775 h 4114800"/>
                <a:gd name="connsiteX7" fmla="*/ 1256791 w 6304506"/>
                <a:gd name="connsiteY7" fmla="*/ 1444921 h 4114800"/>
                <a:gd name="connsiteX8" fmla="*/ 1263237 w 6304506"/>
                <a:gd name="connsiteY8" fmla="*/ 1384285 h 4114800"/>
                <a:gd name="connsiteX9" fmla="*/ 2050475 w 6304506"/>
                <a:gd name="connsiteY9" fmla="*/ 775855 h 4114800"/>
                <a:gd name="connsiteX10" fmla="*/ 2561617 w 6304506"/>
                <a:gd name="connsiteY10" fmla="*/ 949859 h 4114800"/>
                <a:gd name="connsiteX11" fmla="*/ 2604065 w 6304506"/>
                <a:gd name="connsiteY11" fmla="*/ 989162 h 4114800"/>
                <a:gd name="connsiteX12" fmla="*/ 2623050 w 6304506"/>
                <a:gd name="connsiteY12" fmla="*/ 929658 h 4114800"/>
                <a:gd name="connsiteX13" fmla="*/ 4191003 w 6304506"/>
                <a:gd name="connsiteY13" fmla="*/ 0 h 4114800"/>
                <a:gd name="connsiteX0" fmla="*/ 4191003 w 6828167"/>
                <a:gd name="connsiteY0" fmla="*/ 0 h 4114800"/>
                <a:gd name="connsiteX1" fmla="*/ 5832767 w 6828167"/>
                <a:gd name="connsiteY1" fmla="*/ 1323110 h 4114800"/>
                <a:gd name="connsiteX2" fmla="*/ 5905151 w 6828167"/>
                <a:gd name="connsiteY2" fmla="*/ 1395098 h 4114800"/>
                <a:gd name="connsiteX3" fmla="*/ 5645727 w 6828167"/>
                <a:gd name="connsiteY3" fmla="*/ 4114800 h 4114800"/>
                <a:gd name="connsiteX4" fmla="*/ 1336964 w 6828167"/>
                <a:gd name="connsiteY4" fmla="*/ 4114800 h 4114800"/>
                <a:gd name="connsiteX5" fmla="*/ 0 w 6828167"/>
                <a:gd name="connsiteY5" fmla="*/ 2777836 h 4114800"/>
                <a:gd name="connsiteX6" fmla="*/ 1200267 w 6828167"/>
                <a:gd name="connsiteY6" fmla="*/ 1447775 h 4114800"/>
                <a:gd name="connsiteX7" fmla="*/ 1256791 w 6828167"/>
                <a:gd name="connsiteY7" fmla="*/ 1444921 h 4114800"/>
                <a:gd name="connsiteX8" fmla="*/ 1263237 w 6828167"/>
                <a:gd name="connsiteY8" fmla="*/ 1384285 h 4114800"/>
                <a:gd name="connsiteX9" fmla="*/ 2050475 w 6828167"/>
                <a:gd name="connsiteY9" fmla="*/ 775855 h 4114800"/>
                <a:gd name="connsiteX10" fmla="*/ 2561617 w 6828167"/>
                <a:gd name="connsiteY10" fmla="*/ 949859 h 4114800"/>
                <a:gd name="connsiteX11" fmla="*/ 2604065 w 6828167"/>
                <a:gd name="connsiteY11" fmla="*/ 989162 h 4114800"/>
                <a:gd name="connsiteX12" fmla="*/ 2623050 w 6828167"/>
                <a:gd name="connsiteY12" fmla="*/ 929658 h 4114800"/>
                <a:gd name="connsiteX13" fmla="*/ 4191003 w 6828167"/>
                <a:gd name="connsiteY13" fmla="*/ 0 h 4114800"/>
                <a:gd name="connsiteX0" fmla="*/ 4191003 w 6912148"/>
                <a:gd name="connsiteY0" fmla="*/ 0 h 4114800"/>
                <a:gd name="connsiteX1" fmla="*/ 5832767 w 6912148"/>
                <a:gd name="connsiteY1" fmla="*/ 1323110 h 4114800"/>
                <a:gd name="connsiteX2" fmla="*/ 5905151 w 6912148"/>
                <a:gd name="connsiteY2" fmla="*/ 1395098 h 4114800"/>
                <a:gd name="connsiteX3" fmla="*/ 5645727 w 6912148"/>
                <a:gd name="connsiteY3" fmla="*/ 4114800 h 4114800"/>
                <a:gd name="connsiteX4" fmla="*/ 1336964 w 6912148"/>
                <a:gd name="connsiteY4" fmla="*/ 4114800 h 4114800"/>
                <a:gd name="connsiteX5" fmla="*/ 0 w 6912148"/>
                <a:gd name="connsiteY5" fmla="*/ 2777836 h 4114800"/>
                <a:gd name="connsiteX6" fmla="*/ 1200267 w 6912148"/>
                <a:gd name="connsiteY6" fmla="*/ 1447775 h 4114800"/>
                <a:gd name="connsiteX7" fmla="*/ 1256791 w 6912148"/>
                <a:gd name="connsiteY7" fmla="*/ 1444921 h 4114800"/>
                <a:gd name="connsiteX8" fmla="*/ 1263237 w 6912148"/>
                <a:gd name="connsiteY8" fmla="*/ 1384285 h 4114800"/>
                <a:gd name="connsiteX9" fmla="*/ 2050475 w 6912148"/>
                <a:gd name="connsiteY9" fmla="*/ 775855 h 4114800"/>
                <a:gd name="connsiteX10" fmla="*/ 2561617 w 6912148"/>
                <a:gd name="connsiteY10" fmla="*/ 949859 h 4114800"/>
                <a:gd name="connsiteX11" fmla="*/ 2604065 w 6912148"/>
                <a:gd name="connsiteY11" fmla="*/ 989162 h 4114800"/>
                <a:gd name="connsiteX12" fmla="*/ 2623050 w 6912148"/>
                <a:gd name="connsiteY12" fmla="*/ 929658 h 4114800"/>
                <a:gd name="connsiteX13" fmla="*/ 4191003 w 6912148"/>
                <a:gd name="connsiteY13" fmla="*/ 0 h 4114800"/>
                <a:gd name="connsiteX0" fmla="*/ 4191003 w 6908391"/>
                <a:gd name="connsiteY0" fmla="*/ 0 h 4114800"/>
                <a:gd name="connsiteX1" fmla="*/ 5832767 w 6908391"/>
                <a:gd name="connsiteY1" fmla="*/ 1323110 h 4114800"/>
                <a:gd name="connsiteX2" fmla="*/ 5905151 w 6908391"/>
                <a:gd name="connsiteY2" fmla="*/ 1395098 h 4114800"/>
                <a:gd name="connsiteX3" fmla="*/ 5645727 w 6908391"/>
                <a:gd name="connsiteY3" fmla="*/ 4114800 h 4114800"/>
                <a:gd name="connsiteX4" fmla="*/ 1336964 w 6908391"/>
                <a:gd name="connsiteY4" fmla="*/ 4114800 h 4114800"/>
                <a:gd name="connsiteX5" fmla="*/ 0 w 6908391"/>
                <a:gd name="connsiteY5" fmla="*/ 2777836 h 4114800"/>
                <a:gd name="connsiteX6" fmla="*/ 1200267 w 6908391"/>
                <a:gd name="connsiteY6" fmla="*/ 1447775 h 4114800"/>
                <a:gd name="connsiteX7" fmla="*/ 1256791 w 6908391"/>
                <a:gd name="connsiteY7" fmla="*/ 1444921 h 4114800"/>
                <a:gd name="connsiteX8" fmla="*/ 1263237 w 6908391"/>
                <a:gd name="connsiteY8" fmla="*/ 1384285 h 4114800"/>
                <a:gd name="connsiteX9" fmla="*/ 2050475 w 6908391"/>
                <a:gd name="connsiteY9" fmla="*/ 775855 h 4114800"/>
                <a:gd name="connsiteX10" fmla="*/ 2561617 w 6908391"/>
                <a:gd name="connsiteY10" fmla="*/ 949859 h 4114800"/>
                <a:gd name="connsiteX11" fmla="*/ 2604065 w 6908391"/>
                <a:gd name="connsiteY11" fmla="*/ 989162 h 4114800"/>
                <a:gd name="connsiteX12" fmla="*/ 2623050 w 6908391"/>
                <a:gd name="connsiteY12" fmla="*/ 929658 h 4114800"/>
                <a:gd name="connsiteX13" fmla="*/ 4191003 w 6908391"/>
                <a:gd name="connsiteY13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1263237 w 6908391"/>
                <a:gd name="connsiteY7" fmla="*/ 1384285 h 4114800"/>
                <a:gd name="connsiteX8" fmla="*/ 2050475 w 6908391"/>
                <a:gd name="connsiteY8" fmla="*/ 775855 h 4114800"/>
                <a:gd name="connsiteX9" fmla="*/ 2561617 w 6908391"/>
                <a:gd name="connsiteY9" fmla="*/ 949859 h 4114800"/>
                <a:gd name="connsiteX10" fmla="*/ 2604065 w 6908391"/>
                <a:gd name="connsiteY10" fmla="*/ 989162 h 4114800"/>
                <a:gd name="connsiteX11" fmla="*/ 2623050 w 6908391"/>
                <a:gd name="connsiteY11" fmla="*/ 929658 h 4114800"/>
                <a:gd name="connsiteX12" fmla="*/ 4191003 w 6908391"/>
                <a:gd name="connsiteY12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1263237 w 6908391"/>
                <a:gd name="connsiteY7" fmla="*/ 1384285 h 4114800"/>
                <a:gd name="connsiteX8" fmla="*/ 2050475 w 6908391"/>
                <a:gd name="connsiteY8" fmla="*/ 775855 h 4114800"/>
                <a:gd name="connsiteX9" fmla="*/ 2561617 w 6908391"/>
                <a:gd name="connsiteY9" fmla="*/ 949859 h 4114800"/>
                <a:gd name="connsiteX10" fmla="*/ 2604065 w 6908391"/>
                <a:gd name="connsiteY10" fmla="*/ 989162 h 4114800"/>
                <a:gd name="connsiteX11" fmla="*/ 4191003 w 6908391"/>
                <a:gd name="connsiteY11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1263237 w 6908391"/>
                <a:gd name="connsiteY7" fmla="*/ 1384285 h 4114800"/>
                <a:gd name="connsiteX8" fmla="*/ 2050475 w 6908391"/>
                <a:gd name="connsiteY8" fmla="*/ 775855 h 4114800"/>
                <a:gd name="connsiteX9" fmla="*/ 2561617 w 6908391"/>
                <a:gd name="connsiteY9" fmla="*/ 949859 h 4114800"/>
                <a:gd name="connsiteX10" fmla="*/ 4191003 w 6908391"/>
                <a:gd name="connsiteY10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1263237 w 6908391"/>
                <a:gd name="connsiteY7" fmla="*/ 1384285 h 4114800"/>
                <a:gd name="connsiteX8" fmla="*/ 2050475 w 6908391"/>
                <a:gd name="connsiteY8" fmla="*/ 775855 h 4114800"/>
                <a:gd name="connsiteX9" fmla="*/ 2615349 w 6908391"/>
                <a:gd name="connsiteY9" fmla="*/ 863889 h 4114800"/>
                <a:gd name="connsiteX10" fmla="*/ 4191003 w 6908391"/>
                <a:gd name="connsiteY10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1263237 w 6908391"/>
                <a:gd name="connsiteY7" fmla="*/ 1384285 h 4114800"/>
                <a:gd name="connsiteX8" fmla="*/ 2615349 w 6908391"/>
                <a:gd name="connsiteY8" fmla="*/ 863889 h 4114800"/>
                <a:gd name="connsiteX9" fmla="*/ 4191003 w 6908391"/>
                <a:gd name="connsiteY9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2615349 w 6908391"/>
                <a:gd name="connsiteY7" fmla="*/ 863889 h 4114800"/>
                <a:gd name="connsiteX8" fmla="*/ 4191003 w 6908391"/>
                <a:gd name="connsiteY8" fmla="*/ 0 h 4114800"/>
                <a:gd name="connsiteX0" fmla="*/ 4191161 w 6908549"/>
                <a:gd name="connsiteY0" fmla="*/ 0 h 4114800"/>
                <a:gd name="connsiteX1" fmla="*/ 5905309 w 6908549"/>
                <a:gd name="connsiteY1" fmla="*/ 1395098 h 4114800"/>
                <a:gd name="connsiteX2" fmla="*/ 5645885 w 6908549"/>
                <a:gd name="connsiteY2" fmla="*/ 4114800 h 4114800"/>
                <a:gd name="connsiteX3" fmla="*/ 1337122 w 6908549"/>
                <a:gd name="connsiteY3" fmla="*/ 4114800 h 4114800"/>
                <a:gd name="connsiteX4" fmla="*/ 158 w 6908549"/>
                <a:gd name="connsiteY4" fmla="*/ 2777836 h 4114800"/>
                <a:gd name="connsiteX5" fmla="*/ 1256949 w 6908549"/>
                <a:gd name="connsiteY5" fmla="*/ 1444921 h 4114800"/>
                <a:gd name="connsiteX6" fmla="*/ 2615507 w 6908549"/>
                <a:gd name="connsiteY6" fmla="*/ 863889 h 4114800"/>
                <a:gd name="connsiteX7" fmla="*/ 4191161 w 6908549"/>
                <a:gd name="connsiteY7" fmla="*/ 0 h 4114800"/>
                <a:gd name="connsiteX0" fmla="*/ 4191208 w 6908596"/>
                <a:gd name="connsiteY0" fmla="*/ 0 h 4114800"/>
                <a:gd name="connsiteX1" fmla="*/ 5905356 w 6908596"/>
                <a:gd name="connsiteY1" fmla="*/ 1395098 h 4114800"/>
                <a:gd name="connsiteX2" fmla="*/ 5645932 w 6908596"/>
                <a:gd name="connsiteY2" fmla="*/ 4114800 h 4114800"/>
                <a:gd name="connsiteX3" fmla="*/ 1337169 w 6908596"/>
                <a:gd name="connsiteY3" fmla="*/ 4114800 h 4114800"/>
                <a:gd name="connsiteX4" fmla="*/ 205 w 6908596"/>
                <a:gd name="connsiteY4" fmla="*/ 2777836 h 4114800"/>
                <a:gd name="connsiteX5" fmla="*/ 1246250 w 6908596"/>
                <a:gd name="connsiteY5" fmla="*/ 1369697 h 4114800"/>
                <a:gd name="connsiteX6" fmla="*/ 2615554 w 6908596"/>
                <a:gd name="connsiteY6" fmla="*/ 863889 h 4114800"/>
                <a:gd name="connsiteX7" fmla="*/ 4191208 w 6908596"/>
                <a:gd name="connsiteY7" fmla="*/ 0 h 4114800"/>
                <a:gd name="connsiteX0" fmla="*/ 4083776 w 6801164"/>
                <a:gd name="connsiteY0" fmla="*/ 0 h 4114800"/>
                <a:gd name="connsiteX1" fmla="*/ 5797924 w 6801164"/>
                <a:gd name="connsiteY1" fmla="*/ 1395098 h 4114800"/>
                <a:gd name="connsiteX2" fmla="*/ 5538500 w 6801164"/>
                <a:gd name="connsiteY2" fmla="*/ 4114800 h 4114800"/>
                <a:gd name="connsiteX3" fmla="*/ 1229737 w 6801164"/>
                <a:gd name="connsiteY3" fmla="*/ 4114800 h 4114800"/>
                <a:gd name="connsiteX4" fmla="*/ 237 w 6801164"/>
                <a:gd name="connsiteY4" fmla="*/ 2745597 h 4114800"/>
                <a:gd name="connsiteX5" fmla="*/ 1138818 w 6801164"/>
                <a:gd name="connsiteY5" fmla="*/ 1369697 h 4114800"/>
                <a:gd name="connsiteX6" fmla="*/ 2508122 w 6801164"/>
                <a:gd name="connsiteY6" fmla="*/ 863889 h 4114800"/>
                <a:gd name="connsiteX7" fmla="*/ 4083776 w 6801164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2508020 w 6801062"/>
                <a:gd name="connsiteY0" fmla="*/ 171477 h 3422388"/>
                <a:gd name="connsiteX1" fmla="*/ 5797822 w 6801062"/>
                <a:gd name="connsiteY1" fmla="*/ 702686 h 3422388"/>
                <a:gd name="connsiteX2" fmla="*/ 5538398 w 6801062"/>
                <a:gd name="connsiteY2" fmla="*/ 3422388 h 3422388"/>
                <a:gd name="connsiteX3" fmla="*/ 1229635 w 6801062"/>
                <a:gd name="connsiteY3" fmla="*/ 3422388 h 3422388"/>
                <a:gd name="connsiteX4" fmla="*/ 135 w 6801062"/>
                <a:gd name="connsiteY4" fmla="*/ 2053185 h 3422388"/>
                <a:gd name="connsiteX5" fmla="*/ 1160209 w 6801062"/>
                <a:gd name="connsiteY5" fmla="*/ 677285 h 3422388"/>
                <a:gd name="connsiteX6" fmla="*/ 2508020 w 6801062"/>
                <a:gd name="connsiteY6" fmla="*/ 171477 h 3422388"/>
                <a:gd name="connsiteX0" fmla="*/ 2508020 w 6801062"/>
                <a:gd name="connsiteY0" fmla="*/ 428507 h 3679418"/>
                <a:gd name="connsiteX1" fmla="*/ 5797822 w 6801062"/>
                <a:gd name="connsiteY1" fmla="*/ 959716 h 3679418"/>
                <a:gd name="connsiteX2" fmla="*/ 5538398 w 6801062"/>
                <a:gd name="connsiteY2" fmla="*/ 3679418 h 3679418"/>
                <a:gd name="connsiteX3" fmla="*/ 1229635 w 6801062"/>
                <a:gd name="connsiteY3" fmla="*/ 3679418 h 3679418"/>
                <a:gd name="connsiteX4" fmla="*/ 135 w 6801062"/>
                <a:gd name="connsiteY4" fmla="*/ 2310215 h 3679418"/>
                <a:gd name="connsiteX5" fmla="*/ 1160209 w 6801062"/>
                <a:gd name="connsiteY5" fmla="*/ 934315 h 3679418"/>
                <a:gd name="connsiteX6" fmla="*/ 2508020 w 6801062"/>
                <a:gd name="connsiteY6" fmla="*/ 428507 h 3679418"/>
                <a:gd name="connsiteX0" fmla="*/ 2508020 w 6801062"/>
                <a:gd name="connsiteY0" fmla="*/ 624726 h 3875637"/>
                <a:gd name="connsiteX1" fmla="*/ 5797822 w 6801062"/>
                <a:gd name="connsiteY1" fmla="*/ 1155935 h 3875637"/>
                <a:gd name="connsiteX2" fmla="*/ 5538398 w 6801062"/>
                <a:gd name="connsiteY2" fmla="*/ 3875637 h 3875637"/>
                <a:gd name="connsiteX3" fmla="*/ 1229635 w 6801062"/>
                <a:gd name="connsiteY3" fmla="*/ 3875637 h 3875637"/>
                <a:gd name="connsiteX4" fmla="*/ 135 w 6801062"/>
                <a:gd name="connsiteY4" fmla="*/ 2506434 h 3875637"/>
                <a:gd name="connsiteX5" fmla="*/ 1160209 w 6801062"/>
                <a:gd name="connsiteY5" fmla="*/ 1130534 h 3875637"/>
                <a:gd name="connsiteX6" fmla="*/ 2508020 w 6801062"/>
                <a:gd name="connsiteY6" fmla="*/ 624726 h 3875637"/>
                <a:gd name="connsiteX0" fmla="*/ 2508020 w 6801062"/>
                <a:gd name="connsiteY0" fmla="*/ 852528 h 4103439"/>
                <a:gd name="connsiteX1" fmla="*/ 5797822 w 6801062"/>
                <a:gd name="connsiteY1" fmla="*/ 1383737 h 4103439"/>
                <a:gd name="connsiteX2" fmla="*/ 5538398 w 6801062"/>
                <a:gd name="connsiteY2" fmla="*/ 4103439 h 4103439"/>
                <a:gd name="connsiteX3" fmla="*/ 1229635 w 6801062"/>
                <a:gd name="connsiteY3" fmla="*/ 4103439 h 4103439"/>
                <a:gd name="connsiteX4" fmla="*/ 135 w 6801062"/>
                <a:gd name="connsiteY4" fmla="*/ 2734236 h 4103439"/>
                <a:gd name="connsiteX5" fmla="*/ 1160209 w 6801062"/>
                <a:gd name="connsiteY5" fmla="*/ 1358336 h 4103439"/>
                <a:gd name="connsiteX6" fmla="*/ 2508020 w 6801062"/>
                <a:gd name="connsiteY6" fmla="*/ 852528 h 4103439"/>
                <a:gd name="connsiteX0" fmla="*/ 2508020 w 6801062"/>
                <a:gd name="connsiteY0" fmla="*/ 904699 h 4155610"/>
                <a:gd name="connsiteX1" fmla="*/ 5797822 w 6801062"/>
                <a:gd name="connsiteY1" fmla="*/ 1435908 h 4155610"/>
                <a:gd name="connsiteX2" fmla="*/ 5538398 w 6801062"/>
                <a:gd name="connsiteY2" fmla="*/ 4155610 h 4155610"/>
                <a:gd name="connsiteX3" fmla="*/ 1229635 w 6801062"/>
                <a:gd name="connsiteY3" fmla="*/ 4155610 h 4155610"/>
                <a:gd name="connsiteX4" fmla="*/ 135 w 6801062"/>
                <a:gd name="connsiteY4" fmla="*/ 2786407 h 4155610"/>
                <a:gd name="connsiteX5" fmla="*/ 1160209 w 6801062"/>
                <a:gd name="connsiteY5" fmla="*/ 1410507 h 4155610"/>
                <a:gd name="connsiteX6" fmla="*/ 2508020 w 6801062"/>
                <a:gd name="connsiteY6" fmla="*/ 904699 h 4155610"/>
                <a:gd name="connsiteX0" fmla="*/ 2508020 w 6801062"/>
                <a:gd name="connsiteY0" fmla="*/ 904699 h 4155610"/>
                <a:gd name="connsiteX1" fmla="*/ 5797822 w 6801062"/>
                <a:gd name="connsiteY1" fmla="*/ 1435908 h 4155610"/>
                <a:gd name="connsiteX2" fmla="*/ 5538398 w 6801062"/>
                <a:gd name="connsiteY2" fmla="*/ 4155610 h 4155610"/>
                <a:gd name="connsiteX3" fmla="*/ 1229635 w 6801062"/>
                <a:gd name="connsiteY3" fmla="*/ 4155610 h 4155610"/>
                <a:gd name="connsiteX4" fmla="*/ 135 w 6801062"/>
                <a:gd name="connsiteY4" fmla="*/ 2786407 h 4155610"/>
                <a:gd name="connsiteX5" fmla="*/ 1160209 w 6801062"/>
                <a:gd name="connsiteY5" fmla="*/ 1410507 h 4155610"/>
                <a:gd name="connsiteX6" fmla="*/ 2508020 w 6801062"/>
                <a:gd name="connsiteY6" fmla="*/ 904699 h 4155610"/>
                <a:gd name="connsiteX0" fmla="*/ 1679655 w 5972697"/>
                <a:gd name="connsiteY0" fmla="*/ 904699 h 4155610"/>
                <a:gd name="connsiteX1" fmla="*/ 4969457 w 5972697"/>
                <a:gd name="connsiteY1" fmla="*/ 1435908 h 4155610"/>
                <a:gd name="connsiteX2" fmla="*/ 4710033 w 5972697"/>
                <a:gd name="connsiteY2" fmla="*/ 4155610 h 4155610"/>
                <a:gd name="connsiteX3" fmla="*/ 401270 w 5972697"/>
                <a:gd name="connsiteY3" fmla="*/ 4155610 h 4155610"/>
                <a:gd name="connsiteX4" fmla="*/ 331844 w 5972697"/>
                <a:gd name="connsiteY4" fmla="*/ 1410507 h 4155610"/>
                <a:gd name="connsiteX5" fmla="*/ 1679655 w 5972697"/>
                <a:gd name="connsiteY5" fmla="*/ 904699 h 4155610"/>
                <a:gd name="connsiteX0" fmla="*/ 2014189 w 6307231"/>
                <a:gd name="connsiteY0" fmla="*/ 904699 h 4155610"/>
                <a:gd name="connsiteX1" fmla="*/ 5303991 w 6307231"/>
                <a:gd name="connsiteY1" fmla="*/ 1435908 h 4155610"/>
                <a:gd name="connsiteX2" fmla="*/ 5044567 w 6307231"/>
                <a:gd name="connsiteY2" fmla="*/ 4155610 h 4155610"/>
                <a:gd name="connsiteX3" fmla="*/ 735804 w 6307231"/>
                <a:gd name="connsiteY3" fmla="*/ 4155610 h 4155610"/>
                <a:gd name="connsiteX4" fmla="*/ 666378 w 6307231"/>
                <a:gd name="connsiteY4" fmla="*/ 1410507 h 4155610"/>
                <a:gd name="connsiteX5" fmla="*/ 2014189 w 6307231"/>
                <a:gd name="connsiteY5" fmla="*/ 904699 h 4155610"/>
                <a:gd name="connsiteX0" fmla="*/ 2373228 w 6666270"/>
                <a:gd name="connsiteY0" fmla="*/ 904699 h 4155610"/>
                <a:gd name="connsiteX1" fmla="*/ 5663030 w 6666270"/>
                <a:gd name="connsiteY1" fmla="*/ 1435908 h 4155610"/>
                <a:gd name="connsiteX2" fmla="*/ 5403606 w 6666270"/>
                <a:gd name="connsiteY2" fmla="*/ 4155610 h 4155610"/>
                <a:gd name="connsiteX3" fmla="*/ 1094843 w 6666270"/>
                <a:gd name="connsiteY3" fmla="*/ 4155610 h 4155610"/>
                <a:gd name="connsiteX4" fmla="*/ 1025417 w 6666270"/>
                <a:gd name="connsiteY4" fmla="*/ 1410507 h 4155610"/>
                <a:gd name="connsiteX5" fmla="*/ 2373228 w 6666270"/>
                <a:gd name="connsiteY5" fmla="*/ 904699 h 4155610"/>
                <a:gd name="connsiteX0" fmla="*/ 2492057 w 6785099"/>
                <a:gd name="connsiteY0" fmla="*/ 904699 h 4155610"/>
                <a:gd name="connsiteX1" fmla="*/ 5781859 w 6785099"/>
                <a:gd name="connsiteY1" fmla="*/ 1435908 h 4155610"/>
                <a:gd name="connsiteX2" fmla="*/ 5522435 w 6785099"/>
                <a:gd name="connsiteY2" fmla="*/ 4155610 h 4155610"/>
                <a:gd name="connsiteX3" fmla="*/ 1213672 w 6785099"/>
                <a:gd name="connsiteY3" fmla="*/ 4155610 h 4155610"/>
                <a:gd name="connsiteX4" fmla="*/ 1144246 w 6785099"/>
                <a:gd name="connsiteY4" fmla="*/ 1410507 h 4155610"/>
                <a:gd name="connsiteX5" fmla="*/ 2492057 w 6785099"/>
                <a:gd name="connsiteY5" fmla="*/ 904699 h 4155610"/>
                <a:gd name="connsiteX0" fmla="*/ 2492057 w 6785099"/>
                <a:gd name="connsiteY0" fmla="*/ 904699 h 4155610"/>
                <a:gd name="connsiteX1" fmla="*/ 5781859 w 6785099"/>
                <a:gd name="connsiteY1" fmla="*/ 1435908 h 4155610"/>
                <a:gd name="connsiteX2" fmla="*/ 5522435 w 6785099"/>
                <a:gd name="connsiteY2" fmla="*/ 4155610 h 4155610"/>
                <a:gd name="connsiteX3" fmla="*/ 1213672 w 6785099"/>
                <a:gd name="connsiteY3" fmla="*/ 4155610 h 4155610"/>
                <a:gd name="connsiteX4" fmla="*/ 1144246 w 6785099"/>
                <a:gd name="connsiteY4" fmla="*/ 1410507 h 4155610"/>
                <a:gd name="connsiteX5" fmla="*/ 2492057 w 6785099"/>
                <a:gd name="connsiteY5" fmla="*/ 904699 h 4155610"/>
                <a:gd name="connsiteX0" fmla="*/ 2492057 w 6785099"/>
                <a:gd name="connsiteY0" fmla="*/ 904699 h 4155610"/>
                <a:gd name="connsiteX1" fmla="*/ 5781859 w 6785099"/>
                <a:gd name="connsiteY1" fmla="*/ 1435908 h 4155610"/>
                <a:gd name="connsiteX2" fmla="*/ 5522435 w 6785099"/>
                <a:gd name="connsiteY2" fmla="*/ 4155610 h 4155610"/>
                <a:gd name="connsiteX3" fmla="*/ 1213672 w 6785099"/>
                <a:gd name="connsiteY3" fmla="*/ 4155610 h 4155610"/>
                <a:gd name="connsiteX4" fmla="*/ 1144246 w 6785099"/>
                <a:gd name="connsiteY4" fmla="*/ 1410507 h 4155610"/>
                <a:gd name="connsiteX5" fmla="*/ 2492057 w 6785099"/>
                <a:gd name="connsiteY5" fmla="*/ 904699 h 4155610"/>
                <a:gd name="connsiteX0" fmla="*/ 2492057 w 6785099"/>
                <a:gd name="connsiteY0" fmla="*/ 904699 h 4155610"/>
                <a:gd name="connsiteX1" fmla="*/ 5781859 w 6785099"/>
                <a:gd name="connsiteY1" fmla="*/ 1435908 h 4155610"/>
                <a:gd name="connsiteX2" fmla="*/ 5522435 w 6785099"/>
                <a:gd name="connsiteY2" fmla="*/ 4155610 h 4155610"/>
                <a:gd name="connsiteX3" fmla="*/ 1213672 w 6785099"/>
                <a:gd name="connsiteY3" fmla="*/ 4155610 h 4155610"/>
                <a:gd name="connsiteX4" fmla="*/ 1144246 w 6785099"/>
                <a:gd name="connsiteY4" fmla="*/ 1410507 h 4155610"/>
                <a:gd name="connsiteX5" fmla="*/ 2492057 w 6785099"/>
                <a:gd name="connsiteY5" fmla="*/ 904699 h 4155610"/>
                <a:gd name="connsiteX0" fmla="*/ 2492057 w 6785099"/>
                <a:gd name="connsiteY0" fmla="*/ 904699 h 4155610"/>
                <a:gd name="connsiteX1" fmla="*/ 5781859 w 6785099"/>
                <a:gd name="connsiteY1" fmla="*/ 1435908 h 4155610"/>
                <a:gd name="connsiteX2" fmla="*/ 5522435 w 6785099"/>
                <a:gd name="connsiteY2" fmla="*/ 4155610 h 4155610"/>
                <a:gd name="connsiteX3" fmla="*/ 1213672 w 6785099"/>
                <a:gd name="connsiteY3" fmla="*/ 4155610 h 4155610"/>
                <a:gd name="connsiteX4" fmla="*/ 1144246 w 6785099"/>
                <a:gd name="connsiteY4" fmla="*/ 1410507 h 4155610"/>
                <a:gd name="connsiteX5" fmla="*/ 2492057 w 6785099"/>
                <a:gd name="connsiteY5" fmla="*/ 904699 h 4155610"/>
                <a:gd name="connsiteX0" fmla="*/ 2528614 w 6821656"/>
                <a:gd name="connsiteY0" fmla="*/ 904699 h 4155610"/>
                <a:gd name="connsiteX1" fmla="*/ 5818416 w 6821656"/>
                <a:gd name="connsiteY1" fmla="*/ 1435908 h 4155610"/>
                <a:gd name="connsiteX2" fmla="*/ 5558992 w 6821656"/>
                <a:gd name="connsiteY2" fmla="*/ 4155610 h 4155610"/>
                <a:gd name="connsiteX3" fmla="*/ 1250229 w 6821656"/>
                <a:gd name="connsiteY3" fmla="*/ 4155610 h 4155610"/>
                <a:gd name="connsiteX4" fmla="*/ 1180803 w 6821656"/>
                <a:gd name="connsiteY4" fmla="*/ 1410507 h 4155610"/>
                <a:gd name="connsiteX5" fmla="*/ 2528614 w 6821656"/>
                <a:gd name="connsiteY5" fmla="*/ 904699 h 4155610"/>
                <a:gd name="connsiteX0" fmla="*/ 2480712 w 6773754"/>
                <a:gd name="connsiteY0" fmla="*/ 904699 h 4155610"/>
                <a:gd name="connsiteX1" fmla="*/ 5770514 w 6773754"/>
                <a:gd name="connsiteY1" fmla="*/ 1435908 h 4155610"/>
                <a:gd name="connsiteX2" fmla="*/ 5511090 w 6773754"/>
                <a:gd name="connsiteY2" fmla="*/ 4155610 h 4155610"/>
                <a:gd name="connsiteX3" fmla="*/ 1202327 w 6773754"/>
                <a:gd name="connsiteY3" fmla="*/ 4155610 h 4155610"/>
                <a:gd name="connsiteX4" fmla="*/ 1132901 w 6773754"/>
                <a:gd name="connsiteY4" fmla="*/ 1410507 h 4155610"/>
                <a:gd name="connsiteX5" fmla="*/ 2480712 w 6773754"/>
                <a:gd name="connsiteY5" fmla="*/ 904699 h 4155610"/>
                <a:gd name="connsiteX0" fmla="*/ 2451753 w 6744795"/>
                <a:gd name="connsiteY0" fmla="*/ 904699 h 4155610"/>
                <a:gd name="connsiteX1" fmla="*/ 5741555 w 6744795"/>
                <a:gd name="connsiteY1" fmla="*/ 1435908 h 4155610"/>
                <a:gd name="connsiteX2" fmla="*/ 5482131 w 6744795"/>
                <a:gd name="connsiteY2" fmla="*/ 4155610 h 4155610"/>
                <a:gd name="connsiteX3" fmla="*/ 1173368 w 6744795"/>
                <a:gd name="connsiteY3" fmla="*/ 4155610 h 4155610"/>
                <a:gd name="connsiteX4" fmla="*/ 1167451 w 6744795"/>
                <a:gd name="connsiteY4" fmla="*/ 1545335 h 4155610"/>
                <a:gd name="connsiteX5" fmla="*/ 2451753 w 6744795"/>
                <a:gd name="connsiteY5" fmla="*/ 904699 h 4155610"/>
                <a:gd name="connsiteX0" fmla="*/ 2517179 w 6810221"/>
                <a:gd name="connsiteY0" fmla="*/ 904699 h 4155610"/>
                <a:gd name="connsiteX1" fmla="*/ 5806981 w 6810221"/>
                <a:gd name="connsiteY1" fmla="*/ 1435908 h 4155610"/>
                <a:gd name="connsiteX2" fmla="*/ 5547557 w 6810221"/>
                <a:gd name="connsiteY2" fmla="*/ 4155610 h 4155610"/>
                <a:gd name="connsiteX3" fmla="*/ 1238794 w 6810221"/>
                <a:gd name="connsiteY3" fmla="*/ 4155610 h 4155610"/>
                <a:gd name="connsiteX4" fmla="*/ 1232877 w 6810221"/>
                <a:gd name="connsiteY4" fmla="*/ 1545335 h 4155610"/>
                <a:gd name="connsiteX5" fmla="*/ 2517179 w 6810221"/>
                <a:gd name="connsiteY5" fmla="*/ 904699 h 4155610"/>
                <a:gd name="connsiteX0" fmla="*/ 2523917 w 6816959"/>
                <a:gd name="connsiteY0" fmla="*/ 904699 h 4155610"/>
                <a:gd name="connsiteX1" fmla="*/ 5813719 w 6816959"/>
                <a:gd name="connsiteY1" fmla="*/ 1435908 h 4155610"/>
                <a:gd name="connsiteX2" fmla="*/ 5554295 w 6816959"/>
                <a:gd name="connsiteY2" fmla="*/ 4155610 h 4155610"/>
                <a:gd name="connsiteX3" fmla="*/ 1245532 w 6816959"/>
                <a:gd name="connsiteY3" fmla="*/ 4155610 h 4155610"/>
                <a:gd name="connsiteX4" fmla="*/ 1239615 w 6816959"/>
                <a:gd name="connsiteY4" fmla="*/ 1545335 h 4155610"/>
                <a:gd name="connsiteX5" fmla="*/ 2523917 w 6816959"/>
                <a:gd name="connsiteY5" fmla="*/ 904699 h 4155610"/>
                <a:gd name="connsiteX0" fmla="*/ 2541237 w 6816959"/>
                <a:gd name="connsiteY0" fmla="*/ 1012636 h 3993889"/>
                <a:gd name="connsiteX1" fmla="*/ 5813719 w 6816959"/>
                <a:gd name="connsiteY1" fmla="*/ 1274187 h 3993889"/>
                <a:gd name="connsiteX2" fmla="*/ 5554295 w 6816959"/>
                <a:gd name="connsiteY2" fmla="*/ 3993889 h 3993889"/>
                <a:gd name="connsiteX3" fmla="*/ 1245532 w 6816959"/>
                <a:gd name="connsiteY3" fmla="*/ 3993889 h 3993889"/>
                <a:gd name="connsiteX4" fmla="*/ 1239615 w 6816959"/>
                <a:gd name="connsiteY4" fmla="*/ 1383614 h 3993889"/>
                <a:gd name="connsiteX5" fmla="*/ 2541237 w 6816959"/>
                <a:gd name="connsiteY5" fmla="*/ 1012636 h 3993889"/>
                <a:gd name="connsiteX0" fmla="*/ 2541237 w 6816959"/>
                <a:gd name="connsiteY0" fmla="*/ 1012636 h 3993889"/>
                <a:gd name="connsiteX1" fmla="*/ 5813719 w 6816959"/>
                <a:gd name="connsiteY1" fmla="*/ 1274187 h 3993889"/>
                <a:gd name="connsiteX2" fmla="*/ 5554295 w 6816959"/>
                <a:gd name="connsiteY2" fmla="*/ 3993889 h 3993889"/>
                <a:gd name="connsiteX3" fmla="*/ 1245532 w 6816959"/>
                <a:gd name="connsiteY3" fmla="*/ 3993889 h 3993889"/>
                <a:gd name="connsiteX4" fmla="*/ 1239615 w 6816959"/>
                <a:gd name="connsiteY4" fmla="*/ 1383614 h 3993889"/>
                <a:gd name="connsiteX5" fmla="*/ 2541237 w 6816959"/>
                <a:gd name="connsiteY5" fmla="*/ 1012636 h 3993889"/>
                <a:gd name="connsiteX0" fmla="*/ 2541237 w 6816959"/>
                <a:gd name="connsiteY0" fmla="*/ 1012636 h 3993889"/>
                <a:gd name="connsiteX1" fmla="*/ 5813719 w 6816959"/>
                <a:gd name="connsiteY1" fmla="*/ 1274187 h 3993889"/>
                <a:gd name="connsiteX2" fmla="*/ 5554295 w 6816959"/>
                <a:gd name="connsiteY2" fmla="*/ 3993889 h 3993889"/>
                <a:gd name="connsiteX3" fmla="*/ 1245532 w 6816959"/>
                <a:gd name="connsiteY3" fmla="*/ 3993889 h 3993889"/>
                <a:gd name="connsiteX4" fmla="*/ 1239615 w 6816959"/>
                <a:gd name="connsiteY4" fmla="*/ 1383614 h 3993889"/>
                <a:gd name="connsiteX5" fmla="*/ 2541237 w 6816959"/>
                <a:gd name="connsiteY5" fmla="*/ 1012636 h 3993889"/>
                <a:gd name="connsiteX0" fmla="*/ 2552785 w 6816959"/>
                <a:gd name="connsiteY0" fmla="*/ 1012637 h 3993889"/>
                <a:gd name="connsiteX1" fmla="*/ 5813719 w 6816959"/>
                <a:gd name="connsiteY1" fmla="*/ 1274187 h 3993889"/>
                <a:gd name="connsiteX2" fmla="*/ 5554295 w 6816959"/>
                <a:gd name="connsiteY2" fmla="*/ 3993889 h 3993889"/>
                <a:gd name="connsiteX3" fmla="*/ 1245532 w 6816959"/>
                <a:gd name="connsiteY3" fmla="*/ 3993889 h 3993889"/>
                <a:gd name="connsiteX4" fmla="*/ 1239615 w 6816959"/>
                <a:gd name="connsiteY4" fmla="*/ 1383614 h 3993889"/>
                <a:gd name="connsiteX5" fmla="*/ 2552785 w 6816959"/>
                <a:gd name="connsiteY5" fmla="*/ 1012637 h 3993889"/>
                <a:gd name="connsiteX0" fmla="*/ 2552785 w 6816959"/>
                <a:gd name="connsiteY0" fmla="*/ 1161538 h 4142790"/>
                <a:gd name="connsiteX1" fmla="*/ 5813719 w 6816959"/>
                <a:gd name="connsiteY1" fmla="*/ 1423088 h 4142790"/>
                <a:gd name="connsiteX2" fmla="*/ 5554295 w 6816959"/>
                <a:gd name="connsiteY2" fmla="*/ 4142790 h 4142790"/>
                <a:gd name="connsiteX3" fmla="*/ 1245532 w 6816959"/>
                <a:gd name="connsiteY3" fmla="*/ 4142790 h 4142790"/>
                <a:gd name="connsiteX4" fmla="*/ 1239615 w 6816959"/>
                <a:gd name="connsiteY4" fmla="*/ 1532515 h 4142790"/>
                <a:gd name="connsiteX5" fmla="*/ 2552785 w 6816959"/>
                <a:gd name="connsiteY5" fmla="*/ 1161538 h 4142790"/>
                <a:gd name="connsiteX0" fmla="*/ 2552785 w 6776467"/>
                <a:gd name="connsiteY0" fmla="*/ 1116066 h 4097318"/>
                <a:gd name="connsiteX1" fmla="*/ 5738666 w 6776467"/>
                <a:gd name="connsiteY1" fmla="*/ 1494060 h 4097318"/>
                <a:gd name="connsiteX2" fmla="*/ 5554295 w 6776467"/>
                <a:gd name="connsiteY2" fmla="*/ 4097318 h 4097318"/>
                <a:gd name="connsiteX3" fmla="*/ 1245532 w 6776467"/>
                <a:gd name="connsiteY3" fmla="*/ 4097318 h 4097318"/>
                <a:gd name="connsiteX4" fmla="*/ 1239615 w 6776467"/>
                <a:gd name="connsiteY4" fmla="*/ 1487043 h 4097318"/>
                <a:gd name="connsiteX5" fmla="*/ 2552785 w 6776467"/>
                <a:gd name="connsiteY5" fmla="*/ 1116066 h 4097318"/>
                <a:gd name="connsiteX0" fmla="*/ 2552785 w 6776467"/>
                <a:gd name="connsiteY0" fmla="*/ 1258222 h 4239474"/>
                <a:gd name="connsiteX1" fmla="*/ 5738666 w 6776467"/>
                <a:gd name="connsiteY1" fmla="*/ 1636216 h 4239474"/>
                <a:gd name="connsiteX2" fmla="*/ 5554295 w 6776467"/>
                <a:gd name="connsiteY2" fmla="*/ 4239474 h 4239474"/>
                <a:gd name="connsiteX3" fmla="*/ 1245532 w 6776467"/>
                <a:gd name="connsiteY3" fmla="*/ 4239474 h 4239474"/>
                <a:gd name="connsiteX4" fmla="*/ 1239615 w 6776467"/>
                <a:gd name="connsiteY4" fmla="*/ 1629199 h 4239474"/>
                <a:gd name="connsiteX5" fmla="*/ 2552785 w 6776467"/>
                <a:gd name="connsiteY5" fmla="*/ 1258222 h 4239474"/>
                <a:gd name="connsiteX0" fmla="*/ 2552785 w 6833199"/>
                <a:gd name="connsiteY0" fmla="*/ 1258222 h 4239474"/>
                <a:gd name="connsiteX1" fmla="*/ 5738666 w 6833199"/>
                <a:gd name="connsiteY1" fmla="*/ 1636216 h 4239474"/>
                <a:gd name="connsiteX2" fmla="*/ 5554295 w 6833199"/>
                <a:gd name="connsiteY2" fmla="*/ 4239474 h 4239474"/>
                <a:gd name="connsiteX3" fmla="*/ 1245532 w 6833199"/>
                <a:gd name="connsiteY3" fmla="*/ 4239474 h 4239474"/>
                <a:gd name="connsiteX4" fmla="*/ 1239615 w 6833199"/>
                <a:gd name="connsiteY4" fmla="*/ 1629199 h 4239474"/>
                <a:gd name="connsiteX5" fmla="*/ 2552785 w 6833199"/>
                <a:gd name="connsiteY5" fmla="*/ 1258222 h 4239474"/>
                <a:gd name="connsiteX0" fmla="*/ 2552785 w 6831175"/>
                <a:gd name="connsiteY0" fmla="*/ 1258222 h 4239474"/>
                <a:gd name="connsiteX1" fmla="*/ 5738666 w 6831175"/>
                <a:gd name="connsiteY1" fmla="*/ 1636216 h 4239474"/>
                <a:gd name="connsiteX2" fmla="*/ 5554295 w 6831175"/>
                <a:gd name="connsiteY2" fmla="*/ 4239474 h 4239474"/>
                <a:gd name="connsiteX3" fmla="*/ 1245532 w 6831175"/>
                <a:gd name="connsiteY3" fmla="*/ 4239474 h 4239474"/>
                <a:gd name="connsiteX4" fmla="*/ 1239615 w 6831175"/>
                <a:gd name="connsiteY4" fmla="*/ 1629199 h 4239474"/>
                <a:gd name="connsiteX5" fmla="*/ 2552785 w 6831175"/>
                <a:gd name="connsiteY5" fmla="*/ 1258222 h 4239474"/>
                <a:gd name="connsiteX0" fmla="*/ 2552785 w 6827133"/>
                <a:gd name="connsiteY0" fmla="*/ 1258222 h 4239474"/>
                <a:gd name="connsiteX1" fmla="*/ 5738666 w 6827133"/>
                <a:gd name="connsiteY1" fmla="*/ 1636216 h 4239474"/>
                <a:gd name="connsiteX2" fmla="*/ 5554295 w 6827133"/>
                <a:gd name="connsiteY2" fmla="*/ 4239474 h 4239474"/>
                <a:gd name="connsiteX3" fmla="*/ 1245532 w 6827133"/>
                <a:gd name="connsiteY3" fmla="*/ 4239474 h 4239474"/>
                <a:gd name="connsiteX4" fmla="*/ 1239615 w 6827133"/>
                <a:gd name="connsiteY4" fmla="*/ 1629199 h 4239474"/>
                <a:gd name="connsiteX5" fmla="*/ 2552785 w 6827133"/>
                <a:gd name="connsiteY5" fmla="*/ 1258222 h 423947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6827133" h="4239474">
                  <a:moveTo>
                    <a:pt x="2552785" y="1258222"/>
                  </a:moveTo>
                  <a:cubicBezTo>
                    <a:pt x="3020069" y="-632280"/>
                    <a:pt x="5686422" y="-299707"/>
                    <a:pt x="5738666" y="1636216"/>
                  </a:cubicBezTo>
                  <a:cubicBezTo>
                    <a:pt x="7324075" y="1908404"/>
                    <a:pt x="7104316" y="4205041"/>
                    <a:pt x="5554295" y="4239474"/>
                  </a:cubicBezTo>
                  <a:lnTo>
                    <a:pt x="1245532" y="4239474"/>
                  </a:lnTo>
                  <a:cubicBezTo>
                    <a:pt x="-547254" y="4096672"/>
                    <a:pt x="-275818" y="1536068"/>
                    <a:pt x="1239615" y="1629199"/>
                  </a:cubicBezTo>
                  <a:cubicBezTo>
                    <a:pt x="1209434" y="891771"/>
                    <a:pt x="2153665" y="526883"/>
                    <a:pt x="2552785" y="1258222"/>
                  </a:cubicBezTo>
                  <a:close/>
                </a:path>
              </a:pathLst>
            </a:custGeom>
            <a:solidFill>
              <a:srgbClr val="D8F3FC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82" name="Freeform 33"/>
            <p:cNvSpPr/>
            <p:nvPr/>
          </p:nvSpPr>
          <p:spPr>
            <a:xfrm>
              <a:off x="6225497" y="505977"/>
              <a:ext cx="2885918" cy="1623463"/>
            </a:xfrm>
            <a:custGeom>
              <a:avLst/>
              <a:gdLst>
                <a:gd name="connsiteX0" fmla="*/ 4191003 w 6982691"/>
                <a:gd name="connsiteY0" fmla="*/ 0 h 4114800"/>
                <a:gd name="connsiteX1" fmla="*/ 5832767 w 6982691"/>
                <a:gd name="connsiteY1" fmla="*/ 1323110 h 4114800"/>
                <a:gd name="connsiteX2" fmla="*/ 5824553 w 6982691"/>
                <a:gd name="connsiteY2" fmla="*/ 1454204 h 4114800"/>
                <a:gd name="connsiteX3" fmla="*/ 5915172 w 6982691"/>
                <a:gd name="connsiteY3" fmla="*/ 1468035 h 4114800"/>
                <a:gd name="connsiteX4" fmla="*/ 6982691 w 6982691"/>
                <a:gd name="connsiteY4" fmla="*/ 2777836 h 4114800"/>
                <a:gd name="connsiteX5" fmla="*/ 5645727 w 6982691"/>
                <a:gd name="connsiteY5" fmla="*/ 4114800 h 4114800"/>
                <a:gd name="connsiteX6" fmla="*/ 1336964 w 6982691"/>
                <a:gd name="connsiteY6" fmla="*/ 4114800 h 4114800"/>
                <a:gd name="connsiteX7" fmla="*/ 0 w 6982691"/>
                <a:gd name="connsiteY7" fmla="*/ 2777836 h 4114800"/>
                <a:gd name="connsiteX8" fmla="*/ 1200267 w 6982691"/>
                <a:gd name="connsiteY8" fmla="*/ 1447775 h 4114800"/>
                <a:gd name="connsiteX9" fmla="*/ 1256791 w 6982691"/>
                <a:gd name="connsiteY9" fmla="*/ 1444921 h 4114800"/>
                <a:gd name="connsiteX10" fmla="*/ 1263237 w 6982691"/>
                <a:gd name="connsiteY10" fmla="*/ 1384285 h 4114800"/>
                <a:gd name="connsiteX11" fmla="*/ 2050475 w 6982691"/>
                <a:gd name="connsiteY11" fmla="*/ 775855 h 4114800"/>
                <a:gd name="connsiteX12" fmla="*/ 2561617 w 6982691"/>
                <a:gd name="connsiteY12" fmla="*/ 949859 h 4114800"/>
                <a:gd name="connsiteX13" fmla="*/ 2604065 w 6982691"/>
                <a:gd name="connsiteY13" fmla="*/ 989162 h 4114800"/>
                <a:gd name="connsiteX14" fmla="*/ 2623050 w 6982691"/>
                <a:gd name="connsiteY14" fmla="*/ 929658 h 4114800"/>
                <a:gd name="connsiteX15" fmla="*/ 4191003 w 6982691"/>
                <a:gd name="connsiteY15" fmla="*/ 0 h 4114800"/>
                <a:gd name="connsiteX0" fmla="*/ 4191003 w 6982691"/>
                <a:gd name="connsiteY0" fmla="*/ 0 h 4114800"/>
                <a:gd name="connsiteX1" fmla="*/ 5832767 w 6982691"/>
                <a:gd name="connsiteY1" fmla="*/ 1323110 h 4114800"/>
                <a:gd name="connsiteX2" fmla="*/ 5824553 w 6982691"/>
                <a:gd name="connsiteY2" fmla="*/ 1454204 h 4114800"/>
                <a:gd name="connsiteX3" fmla="*/ 6982691 w 6982691"/>
                <a:gd name="connsiteY3" fmla="*/ 2777836 h 4114800"/>
                <a:gd name="connsiteX4" fmla="*/ 5645727 w 6982691"/>
                <a:gd name="connsiteY4" fmla="*/ 4114800 h 4114800"/>
                <a:gd name="connsiteX5" fmla="*/ 1336964 w 6982691"/>
                <a:gd name="connsiteY5" fmla="*/ 4114800 h 4114800"/>
                <a:gd name="connsiteX6" fmla="*/ 0 w 6982691"/>
                <a:gd name="connsiteY6" fmla="*/ 2777836 h 4114800"/>
                <a:gd name="connsiteX7" fmla="*/ 1200267 w 6982691"/>
                <a:gd name="connsiteY7" fmla="*/ 1447775 h 4114800"/>
                <a:gd name="connsiteX8" fmla="*/ 1256791 w 6982691"/>
                <a:gd name="connsiteY8" fmla="*/ 1444921 h 4114800"/>
                <a:gd name="connsiteX9" fmla="*/ 1263237 w 6982691"/>
                <a:gd name="connsiteY9" fmla="*/ 1384285 h 4114800"/>
                <a:gd name="connsiteX10" fmla="*/ 2050475 w 6982691"/>
                <a:gd name="connsiteY10" fmla="*/ 775855 h 4114800"/>
                <a:gd name="connsiteX11" fmla="*/ 2561617 w 6982691"/>
                <a:gd name="connsiteY11" fmla="*/ 949859 h 4114800"/>
                <a:gd name="connsiteX12" fmla="*/ 2604065 w 6982691"/>
                <a:gd name="connsiteY12" fmla="*/ 989162 h 4114800"/>
                <a:gd name="connsiteX13" fmla="*/ 2623050 w 6982691"/>
                <a:gd name="connsiteY13" fmla="*/ 929658 h 4114800"/>
                <a:gd name="connsiteX14" fmla="*/ 4191003 w 6982691"/>
                <a:gd name="connsiteY14" fmla="*/ 0 h 4114800"/>
                <a:gd name="connsiteX0" fmla="*/ 4191003 w 6984458"/>
                <a:gd name="connsiteY0" fmla="*/ 0 h 4114800"/>
                <a:gd name="connsiteX1" fmla="*/ 5832767 w 6984458"/>
                <a:gd name="connsiteY1" fmla="*/ 1323110 h 4114800"/>
                <a:gd name="connsiteX2" fmla="*/ 5905151 w 6984458"/>
                <a:gd name="connsiteY2" fmla="*/ 1395098 h 4114800"/>
                <a:gd name="connsiteX3" fmla="*/ 6982691 w 6984458"/>
                <a:gd name="connsiteY3" fmla="*/ 2777836 h 4114800"/>
                <a:gd name="connsiteX4" fmla="*/ 5645727 w 6984458"/>
                <a:gd name="connsiteY4" fmla="*/ 4114800 h 4114800"/>
                <a:gd name="connsiteX5" fmla="*/ 1336964 w 6984458"/>
                <a:gd name="connsiteY5" fmla="*/ 4114800 h 4114800"/>
                <a:gd name="connsiteX6" fmla="*/ 0 w 6984458"/>
                <a:gd name="connsiteY6" fmla="*/ 2777836 h 4114800"/>
                <a:gd name="connsiteX7" fmla="*/ 1200267 w 6984458"/>
                <a:gd name="connsiteY7" fmla="*/ 1447775 h 4114800"/>
                <a:gd name="connsiteX8" fmla="*/ 1256791 w 6984458"/>
                <a:gd name="connsiteY8" fmla="*/ 1444921 h 4114800"/>
                <a:gd name="connsiteX9" fmla="*/ 1263237 w 6984458"/>
                <a:gd name="connsiteY9" fmla="*/ 1384285 h 4114800"/>
                <a:gd name="connsiteX10" fmla="*/ 2050475 w 6984458"/>
                <a:gd name="connsiteY10" fmla="*/ 775855 h 4114800"/>
                <a:gd name="connsiteX11" fmla="*/ 2561617 w 6984458"/>
                <a:gd name="connsiteY11" fmla="*/ 949859 h 4114800"/>
                <a:gd name="connsiteX12" fmla="*/ 2604065 w 6984458"/>
                <a:gd name="connsiteY12" fmla="*/ 989162 h 4114800"/>
                <a:gd name="connsiteX13" fmla="*/ 2623050 w 6984458"/>
                <a:gd name="connsiteY13" fmla="*/ 929658 h 4114800"/>
                <a:gd name="connsiteX14" fmla="*/ 4191003 w 6984458"/>
                <a:gd name="connsiteY14" fmla="*/ 0 h 4114800"/>
                <a:gd name="connsiteX0" fmla="*/ 4191003 w 6057725"/>
                <a:gd name="connsiteY0" fmla="*/ 0 h 4114800"/>
                <a:gd name="connsiteX1" fmla="*/ 5832767 w 6057725"/>
                <a:gd name="connsiteY1" fmla="*/ 1323110 h 4114800"/>
                <a:gd name="connsiteX2" fmla="*/ 5905151 w 6057725"/>
                <a:gd name="connsiteY2" fmla="*/ 1395098 h 4114800"/>
                <a:gd name="connsiteX3" fmla="*/ 5645727 w 6057725"/>
                <a:gd name="connsiteY3" fmla="*/ 4114800 h 4114800"/>
                <a:gd name="connsiteX4" fmla="*/ 1336964 w 6057725"/>
                <a:gd name="connsiteY4" fmla="*/ 4114800 h 4114800"/>
                <a:gd name="connsiteX5" fmla="*/ 0 w 6057725"/>
                <a:gd name="connsiteY5" fmla="*/ 2777836 h 4114800"/>
                <a:gd name="connsiteX6" fmla="*/ 1200267 w 6057725"/>
                <a:gd name="connsiteY6" fmla="*/ 1447775 h 4114800"/>
                <a:gd name="connsiteX7" fmla="*/ 1256791 w 6057725"/>
                <a:gd name="connsiteY7" fmla="*/ 1444921 h 4114800"/>
                <a:gd name="connsiteX8" fmla="*/ 1263237 w 6057725"/>
                <a:gd name="connsiteY8" fmla="*/ 1384285 h 4114800"/>
                <a:gd name="connsiteX9" fmla="*/ 2050475 w 6057725"/>
                <a:gd name="connsiteY9" fmla="*/ 775855 h 4114800"/>
                <a:gd name="connsiteX10" fmla="*/ 2561617 w 6057725"/>
                <a:gd name="connsiteY10" fmla="*/ 949859 h 4114800"/>
                <a:gd name="connsiteX11" fmla="*/ 2604065 w 6057725"/>
                <a:gd name="connsiteY11" fmla="*/ 989162 h 4114800"/>
                <a:gd name="connsiteX12" fmla="*/ 2623050 w 6057725"/>
                <a:gd name="connsiteY12" fmla="*/ 929658 h 4114800"/>
                <a:gd name="connsiteX13" fmla="*/ 4191003 w 6057725"/>
                <a:gd name="connsiteY13" fmla="*/ 0 h 4114800"/>
                <a:gd name="connsiteX0" fmla="*/ 4191003 w 6304506"/>
                <a:gd name="connsiteY0" fmla="*/ 0 h 4114800"/>
                <a:gd name="connsiteX1" fmla="*/ 5832767 w 6304506"/>
                <a:gd name="connsiteY1" fmla="*/ 1323110 h 4114800"/>
                <a:gd name="connsiteX2" fmla="*/ 5905151 w 6304506"/>
                <a:gd name="connsiteY2" fmla="*/ 1395098 h 4114800"/>
                <a:gd name="connsiteX3" fmla="*/ 5645727 w 6304506"/>
                <a:gd name="connsiteY3" fmla="*/ 4114800 h 4114800"/>
                <a:gd name="connsiteX4" fmla="*/ 1336964 w 6304506"/>
                <a:gd name="connsiteY4" fmla="*/ 4114800 h 4114800"/>
                <a:gd name="connsiteX5" fmla="*/ 0 w 6304506"/>
                <a:gd name="connsiteY5" fmla="*/ 2777836 h 4114800"/>
                <a:gd name="connsiteX6" fmla="*/ 1200267 w 6304506"/>
                <a:gd name="connsiteY6" fmla="*/ 1447775 h 4114800"/>
                <a:gd name="connsiteX7" fmla="*/ 1256791 w 6304506"/>
                <a:gd name="connsiteY7" fmla="*/ 1444921 h 4114800"/>
                <a:gd name="connsiteX8" fmla="*/ 1263237 w 6304506"/>
                <a:gd name="connsiteY8" fmla="*/ 1384285 h 4114800"/>
                <a:gd name="connsiteX9" fmla="*/ 2050475 w 6304506"/>
                <a:gd name="connsiteY9" fmla="*/ 775855 h 4114800"/>
                <a:gd name="connsiteX10" fmla="*/ 2561617 w 6304506"/>
                <a:gd name="connsiteY10" fmla="*/ 949859 h 4114800"/>
                <a:gd name="connsiteX11" fmla="*/ 2604065 w 6304506"/>
                <a:gd name="connsiteY11" fmla="*/ 989162 h 4114800"/>
                <a:gd name="connsiteX12" fmla="*/ 2623050 w 6304506"/>
                <a:gd name="connsiteY12" fmla="*/ 929658 h 4114800"/>
                <a:gd name="connsiteX13" fmla="*/ 4191003 w 6304506"/>
                <a:gd name="connsiteY13" fmla="*/ 0 h 4114800"/>
                <a:gd name="connsiteX0" fmla="*/ 4191003 w 6828167"/>
                <a:gd name="connsiteY0" fmla="*/ 0 h 4114800"/>
                <a:gd name="connsiteX1" fmla="*/ 5832767 w 6828167"/>
                <a:gd name="connsiteY1" fmla="*/ 1323110 h 4114800"/>
                <a:gd name="connsiteX2" fmla="*/ 5905151 w 6828167"/>
                <a:gd name="connsiteY2" fmla="*/ 1395098 h 4114800"/>
                <a:gd name="connsiteX3" fmla="*/ 5645727 w 6828167"/>
                <a:gd name="connsiteY3" fmla="*/ 4114800 h 4114800"/>
                <a:gd name="connsiteX4" fmla="*/ 1336964 w 6828167"/>
                <a:gd name="connsiteY4" fmla="*/ 4114800 h 4114800"/>
                <a:gd name="connsiteX5" fmla="*/ 0 w 6828167"/>
                <a:gd name="connsiteY5" fmla="*/ 2777836 h 4114800"/>
                <a:gd name="connsiteX6" fmla="*/ 1200267 w 6828167"/>
                <a:gd name="connsiteY6" fmla="*/ 1447775 h 4114800"/>
                <a:gd name="connsiteX7" fmla="*/ 1256791 w 6828167"/>
                <a:gd name="connsiteY7" fmla="*/ 1444921 h 4114800"/>
                <a:gd name="connsiteX8" fmla="*/ 1263237 w 6828167"/>
                <a:gd name="connsiteY8" fmla="*/ 1384285 h 4114800"/>
                <a:gd name="connsiteX9" fmla="*/ 2050475 w 6828167"/>
                <a:gd name="connsiteY9" fmla="*/ 775855 h 4114800"/>
                <a:gd name="connsiteX10" fmla="*/ 2561617 w 6828167"/>
                <a:gd name="connsiteY10" fmla="*/ 949859 h 4114800"/>
                <a:gd name="connsiteX11" fmla="*/ 2604065 w 6828167"/>
                <a:gd name="connsiteY11" fmla="*/ 989162 h 4114800"/>
                <a:gd name="connsiteX12" fmla="*/ 2623050 w 6828167"/>
                <a:gd name="connsiteY12" fmla="*/ 929658 h 4114800"/>
                <a:gd name="connsiteX13" fmla="*/ 4191003 w 6828167"/>
                <a:gd name="connsiteY13" fmla="*/ 0 h 4114800"/>
                <a:gd name="connsiteX0" fmla="*/ 4191003 w 6912148"/>
                <a:gd name="connsiteY0" fmla="*/ 0 h 4114800"/>
                <a:gd name="connsiteX1" fmla="*/ 5832767 w 6912148"/>
                <a:gd name="connsiteY1" fmla="*/ 1323110 h 4114800"/>
                <a:gd name="connsiteX2" fmla="*/ 5905151 w 6912148"/>
                <a:gd name="connsiteY2" fmla="*/ 1395098 h 4114800"/>
                <a:gd name="connsiteX3" fmla="*/ 5645727 w 6912148"/>
                <a:gd name="connsiteY3" fmla="*/ 4114800 h 4114800"/>
                <a:gd name="connsiteX4" fmla="*/ 1336964 w 6912148"/>
                <a:gd name="connsiteY4" fmla="*/ 4114800 h 4114800"/>
                <a:gd name="connsiteX5" fmla="*/ 0 w 6912148"/>
                <a:gd name="connsiteY5" fmla="*/ 2777836 h 4114800"/>
                <a:gd name="connsiteX6" fmla="*/ 1200267 w 6912148"/>
                <a:gd name="connsiteY6" fmla="*/ 1447775 h 4114800"/>
                <a:gd name="connsiteX7" fmla="*/ 1256791 w 6912148"/>
                <a:gd name="connsiteY7" fmla="*/ 1444921 h 4114800"/>
                <a:gd name="connsiteX8" fmla="*/ 1263237 w 6912148"/>
                <a:gd name="connsiteY8" fmla="*/ 1384285 h 4114800"/>
                <a:gd name="connsiteX9" fmla="*/ 2050475 w 6912148"/>
                <a:gd name="connsiteY9" fmla="*/ 775855 h 4114800"/>
                <a:gd name="connsiteX10" fmla="*/ 2561617 w 6912148"/>
                <a:gd name="connsiteY10" fmla="*/ 949859 h 4114800"/>
                <a:gd name="connsiteX11" fmla="*/ 2604065 w 6912148"/>
                <a:gd name="connsiteY11" fmla="*/ 989162 h 4114800"/>
                <a:gd name="connsiteX12" fmla="*/ 2623050 w 6912148"/>
                <a:gd name="connsiteY12" fmla="*/ 929658 h 4114800"/>
                <a:gd name="connsiteX13" fmla="*/ 4191003 w 6912148"/>
                <a:gd name="connsiteY13" fmla="*/ 0 h 4114800"/>
                <a:gd name="connsiteX0" fmla="*/ 4191003 w 6908391"/>
                <a:gd name="connsiteY0" fmla="*/ 0 h 4114800"/>
                <a:gd name="connsiteX1" fmla="*/ 5832767 w 6908391"/>
                <a:gd name="connsiteY1" fmla="*/ 1323110 h 4114800"/>
                <a:gd name="connsiteX2" fmla="*/ 5905151 w 6908391"/>
                <a:gd name="connsiteY2" fmla="*/ 1395098 h 4114800"/>
                <a:gd name="connsiteX3" fmla="*/ 5645727 w 6908391"/>
                <a:gd name="connsiteY3" fmla="*/ 4114800 h 4114800"/>
                <a:gd name="connsiteX4" fmla="*/ 1336964 w 6908391"/>
                <a:gd name="connsiteY4" fmla="*/ 4114800 h 4114800"/>
                <a:gd name="connsiteX5" fmla="*/ 0 w 6908391"/>
                <a:gd name="connsiteY5" fmla="*/ 2777836 h 4114800"/>
                <a:gd name="connsiteX6" fmla="*/ 1200267 w 6908391"/>
                <a:gd name="connsiteY6" fmla="*/ 1447775 h 4114800"/>
                <a:gd name="connsiteX7" fmla="*/ 1256791 w 6908391"/>
                <a:gd name="connsiteY7" fmla="*/ 1444921 h 4114800"/>
                <a:gd name="connsiteX8" fmla="*/ 1263237 w 6908391"/>
                <a:gd name="connsiteY8" fmla="*/ 1384285 h 4114800"/>
                <a:gd name="connsiteX9" fmla="*/ 2050475 w 6908391"/>
                <a:gd name="connsiteY9" fmla="*/ 775855 h 4114800"/>
                <a:gd name="connsiteX10" fmla="*/ 2561617 w 6908391"/>
                <a:gd name="connsiteY10" fmla="*/ 949859 h 4114800"/>
                <a:gd name="connsiteX11" fmla="*/ 2604065 w 6908391"/>
                <a:gd name="connsiteY11" fmla="*/ 989162 h 4114800"/>
                <a:gd name="connsiteX12" fmla="*/ 2623050 w 6908391"/>
                <a:gd name="connsiteY12" fmla="*/ 929658 h 4114800"/>
                <a:gd name="connsiteX13" fmla="*/ 4191003 w 6908391"/>
                <a:gd name="connsiteY13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1263237 w 6908391"/>
                <a:gd name="connsiteY7" fmla="*/ 1384285 h 4114800"/>
                <a:gd name="connsiteX8" fmla="*/ 2050475 w 6908391"/>
                <a:gd name="connsiteY8" fmla="*/ 775855 h 4114800"/>
                <a:gd name="connsiteX9" fmla="*/ 2561617 w 6908391"/>
                <a:gd name="connsiteY9" fmla="*/ 949859 h 4114800"/>
                <a:gd name="connsiteX10" fmla="*/ 2604065 w 6908391"/>
                <a:gd name="connsiteY10" fmla="*/ 989162 h 4114800"/>
                <a:gd name="connsiteX11" fmla="*/ 2623050 w 6908391"/>
                <a:gd name="connsiteY11" fmla="*/ 929658 h 4114800"/>
                <a:gd name="connsiteX12" fmla="*/ 4191003 w 6908391"/>
                <a:gd name="connsiteY12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1263237 w 6908391"/>
                <a:gd name="connsiteY7" fmla="*/ 1384285 h 4114800"/>
                <a:gd name="connsiteX8" fmla="*/ 2050475 w 6908391"/>
                <a:gd name="connsiteY8" fmla="*/ 775855 h 4114800"/>
                <a:gd name="connsiteX9" fmla="*/ 2561617 w 6908391"/>
                <a:gd name="connsiteY9" fmla="*/ 949859 h 4114800"/>
                <a:gd name="connsiteX10" fmla="*/ 2604065 w 6908391"/>
                <a:gd name="connsiteY10" fmla="*/ 989162 h 4114800"/>
                <a:gd name="connsiteX11" fmla="*/ 4191003 w 6908391"/>
                <a:gd name="connsiteY11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1263237 w 6908391"/>
                <a:gd name="connsiteY7" fmla="*/ 1384285 h 4114800"/>
                <a:gd name="connsiteX8" fmla="*/ 2050475 w 6908391"/>
                <a:gd name="connsiteY8" fmla="*/ 775855 h 4114800"/>
                <a:gd name="connsiteX9" fmla="*/ 2561617 w 6908391"/>
                <a:gd name="connsiteY9" fmla="*/ 949859 h 4114800"/>
                <a:gd name="connsiteX10" fmla="*/ 4191003 w 6908391"/>
                <a:gd name="connsiteY10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1263237 w 6908391"/>
                <a:gd name="connsiteY7" fmla="*/ 1384285 h 4114800"/>
                <a:gd name="connsiteX8" fmla="*/ 2050475 w 6908391"/>
                <a:gd name="connsiteY8" fmla="*/ 775855 h 4114800"/>
                <a:gd name="connsiteX9" fmla="*/ 2615349 w 6908391"/>
                <a:gd name="connsiteY9" fmla="*/ 863889 h 4114800"/>
                <a:gd name="connsiteX10" fmla="*/ 4191003 w 6908391"/>
                <a:gd name="connsiteY10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1263237 w 6908391"/>
                <a:gd name="connsiteY7" fmla="*/ 1384285 h 4114800"/>
                <a:gd name="connsiteX8" fmla="*/ 2615349 w 6908391"/>
                <a:gd name="connsiteY8" fmla="*/ 863889 h 4114800"/>
                <a:gd name="connsiteX9" fmla="*/ 4191003 w 6908391"/>
                <a:gd name="connsiteY9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2615349 w 6908391"/>
                <a:gd name="connsiteY7" fmla="*/ 863889 h 4114800"/>
                <a:gd name="connsiteX8" fmla="*/ 4191003 w 6908391"/>
                <a:gd name="connsiteY8" fmla="*/ 0 h 4114800"/>
                <a:gd name="connsiteX0" fmla="*/ 4191161 w 6908549"/>
                <a:gd name="connsiteY0" fmla="*/ 0 h 4114800"/>
                <a:gd name="connsiteX1" fmla="*/ 5905309 w 6908549"/>
                <a:gd name="connsiteY1" fmla="*/ 1395098 h 4114800"/>
                <a:gd name="connsiteX2" fmla="*/ 5645885 w 6908549"/>
                <a:gd name="connsiteY2" fmla="*/ 4114800 h 4114800"/>
                <a:gd name="connsiteX3" fmla="*/ 1337122 w 6908549"/>
                <a:gd name="connsiteY3" fmla="*/ 4114800 h 4114800"/>
                <a:gd name="connsiteX4" fmla="*/ 158 w 6908549"/>
                <a:gd name="connsiteY4" fmla="*/ 2777836 h 4114800"/>
                <a:gd name="connsiteX5" fmla="*/ 1256949 w 6908549"/>
                <a:gd name="connsiteY5" fmla="*/ 1444921 h 4114800"/>
                <a:gd name="connsiteX6" fmla="*/ 2615507 w 6908549"/>
                <a:gd name="connsiteY6" fmla="*/ 863889 h 4114800"/>
                <a:gd name="connsiteX7" fmla="*/ 4191161 w 6908549"/>
                <a:gd name="connsiteY7" fmla="*/ 0 h 4114800"/>
                <a:gd name="connsiteX0" fmla="*/ 4191208 w 6908596"/>
                <a:gd name="connsiteY0" fmla="*/ 0 h 4114800"/>
                <a:gd name="connsiteX1" fmla="*/ 5905356 w 6908596"/>
                <a:gd name="connsiteY1" fmla="*/ 1395098 h 4114800"/>
                <a:gd name="connsiteX2" fmla="*/ 5645932 w 6908596"/>
                <a:gd name="connsiteY2" fmla="*/ 4114800 h 4114800"/>
                <a:gd name="connsiteX3" fmla="*/ 1337169 w 6908596"/>
                <a:gd name="connsiteY3" fmla="*/ 4114800 h 4114800"/>
                <a:gd name="connsiteX4" fmla="*/ 205 w 6908596"/>
                <a:gd name="connsiteY4" fmla="*/ 2777836 h 4114800"/>
                <a:gd name="connsiteX5" fmla="*/ 1246250 w 6908596"/>
                <a:gd name="connsiteY5" fmla="*/ 1369697 h 4114800"/>
                <a:gd name="connsiteX6" fmla="*/ 2615554 w 6908596"/>
                <a:gd name="connsiteY6" fmla="*/ 863889 h 4114800"/>
                <a:gd name="connsiteX7" fmla="*/ 4191208 w 6908596"/>
                <a:gd name="connsiteY7" fmla="*/ 0 h 4114800"/>
                <a:gd name="connsiteX0" fmla="*/ 4083776 w 6801164"/>
                <a:gd name="connsiteY0" fmla="*/ 0 h 4114800"/>
                <a:gd name="connsiteX1" fmla="*/ 5797924 w 6801164"/>
                <a:gd name="connsiteY1" fmla="*/ 1395098 h 4114800"/>
                <a:gd name="connsiteX2" fmla="*/ 5538500 w 6801164"/>
                <a:gd name="connsiteY2" fmla="*/ 4114800 h 4114800"/>
                <a:gd name="connsiteX3" fmla="*/ 1229737 w 6801164"/>
                <a:gd name="connsiteY3" fmla="*/ 4114800 h 4114800"/>
                <a:gd name="connsiteX4" fmla="*/ 237 w 6801164"/>
                <a:gd name="connsiteY4" fmla="*/ 2745597 h 4114800"/>
                <a:gd name="connsiteX5" fmla="*/ 1138818 w 6801164"/>
                <a:gd name="connsiteY5" fmla="*/ 1369697 h 4114800"/>
                <a:gd name="connsiteX6" fmla="*/ 2508122 w 6801164"/>
                <a:gd name="connsiteY6" fmla="*/ 863889 h 4114800"/>
                <a:gd name="connsiteX7" fmla="*/ 4083776 w 6801164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2508020 w 6801062"/>
                <a:gd name="connsiteY0" fmla="*/ 171477 h 3422388"/>
                <a:gd name="connsiteX1" fmla="*/ 5797822 w 6801062"/>
                <a:gd name="connsiteY1" fmla="*/ 702686 h 3422388"/>
                <a:gd name="connsiteX2" fmla="*/ 5538398 w 6801062"/>
                <a:gd name="connsiteY2" fmla="*/ 3422388 h 3422388"/>
                <a:gd name="connsiteX3" fmla="*/ 1229635 w 6801062"/>
                <a:gd name="connsiteY3" fmla="*/ 3422388 h 3422388"/>
                <a:gd name="connsiteX4" fmla="*/ 135 w 6801062"/>
                <a:gd name="connsiteY4" fmla="*/ 2053185 h 3422388"/>
                <a:gd name="connsiteX5" fmla="*/ 1160209 w 6801062"/>
                <a:gd name="connsiteY5" fmla="*/ 677285 h 3422388"/>
                <a:gd name="connsiteX6" fmla="*/ 2508020 w 6801062"/>
                <a:gd name="connsiteY6" fmla="*/ 171477 h 3422388"/>
                <a:gd name="connsiteX0" fmla="*/ 2508020 w 6801062"/>
                <a:gd name="connsiteY0" fmla="*/ 428507 h 3679418"/>
                <a:gd name="connsiteX1" fmla="*/ 5797822 w 6801062"/>
                <a:gd name="connsiteY1" fmla="*/ 959716 h 3679418"/>
                <a:gd name="connsiteX2" fmla="*/ 5538398 w 6801062"/>
                <a:gd name="connsiteY2" fmla="*/ 3679418 h 3679418"/>
                <a:gd name="connsiteX3" fmla="*/ 1229635 w 6801062"/>
                <a:gd name="connsiteY3" fmla="*/ 3679418 h 3679418"/>
                <a:gd name="connsiteX4" fmla="*/ 135 w 6801062"/>
                <a:gd name="connsiteY4" fmla="*/ 2310215 h 3679418"/>
                <a:gd name="connsiteX5" fmla="*/ 1160209 w 6801062"/>
                <a:gd name="connsiteY5" fmla="*/ 934315 h 3679418"/>
                <a:gd name="connsiteX6" fmla="*/ 2508020 w 6801062"/>
                <a:gd name="connsiteY6" fmla="*/ 428507 h 3679418"/>
                <a:gd name="connsiteX0" fmla="*/ 2508020 w 6801062"/>
                <a:gd name="connsiteY0" fmla="*/ 624726 h 3875637"/>
                <a:gd name="connsiteX1" fmla="*/ 5797822 w 6801062"/>
                <a:gd name="connsiteY1" fmla="*/ 1155935 h 3875637"/>
                <a:gd name="connsiteX2" fmla="*/ 5538398 w 6801062"/>
                <a:gd name="connsiteY2" fmla="*/ 3875637 h 3875637"/>
                <a:gd name="connsiteX3" fmla="*/ 1229635 w 6801062"/>
                <a:gd name="connsiteY3" fmla="*/ 3875637 h 3875637"/>
                <a:gd name="connsiteX4" fmla="*/ 135 w 6801062"/>
                <a:gd name="connsiteY4" fmla="*/ 2506434 h 3875637"/>
                <a:gd name="connsiteX5" fmla="*/ 1160209 w 6801062"/>
                <a:gd name="connsiteY5" fmla="*/ 1130534 h 3875637"/>
                <a:gd name="connsiteX6" fmla="*/ 2508020 w 6801062"/>
                <a:gd name="connsiteY6" fmla="*/ 624726 h 3875637"/>
                <a:gd name="connsiteX0" fmla="*/ 2508020 w 6801062"/>
                <a:gd name="connsiteY0" fmla="*/ 852528 h 4103439"/>
                <a:gd name="connsiteX1" fmla="*/ 5797822 w 6801062"/>
                <a:gd name="connsiteY1" fmla="*/ 1383737 h 4103439"/>
                <a:gd name="connsiteX2" fmla="*/ 5538398 w 6801062"/>
                <a:gd name="connsiteY2" fmla="*/ 4103439 h 4103439"/>
                <a:gd name="connsiteX3" fmla="*/ 1229635 w 6801062"/>
                <a:gd name="connsiteY3" fmla="*/ 4103439 h 4103439"/>
                <a:gd name="connsiteX4" fmla="*/ 135 w 6801062"/>
                <a:gd name="connsiteY4" fmla="*/ 2734236 h 4103439"/>
                <a:gd name="connsiteX5" fmla="*/ 1160209 w 6801062"/>
                <a:gd name="connsiteY5" fmla="*/ 1358336 h 4103439"/>
                <a:gd name="connsiteX6" fmla="*/ 2508020 w 6801062"/>
                <a:gd name="connsiteY6" fmla="*/ 852528 h 4103439"/>
                <a:gd name="connsiteX0" fmla="*/ 2508020 w 6801062"/>
                <a:gd name="connsiteY0" fmla="*/ 904699 h 4155610"/>
                <a:gd name="connsiteX1" fmla="*/ 5797822 w 6801062"/>
                <a:gd name="connsiteY1" fmla="*/ 1435908 h 4155610"/>
                <a:gd name="connsiteX2" fmla="*/ 5538398 w 6801062"/>
                <a:gd name="connsiteY2" fmla="*/ 4155610 h 4155610"/>
                <a:gd name="connsiteX3" fmla="*/ 1229635 w 6801062"/>
                <a:gd name="connsiteY3" fmla="*/ 4155610 h 4155610"/>
                <a:gd name="connsiteX4" fmla="*/ 135 w 6801062"/>
                <a:gd name="connsiteY4" fmla="*/ 2786407 h 4155610"/>
                <a:gd name="connsiteX5" fmla="*/ 1160209 w 6801062"/>
                <a:gd name="connsiteY5" fmla="*/ 1410507 h 4155610"/>
                <a:gd name="connsiteX6" fmla="*/ 2508020 w 6801062"/>
                <a:gd name="connsiteY6" fmla="*/ 904699 h 4155610"/>
                <a:gd name="connsiteX0" fmla="*/ 2508020 w 6801062"/>
                <a:gd name="connsiteY0" fmla="*/ 904699 h 4155610"/>
                <a:gd name="connsiteX1" fmla="*/ 5797822 w 6801062"/>
                <a:gd name="connsiteY1" fmla="*/ 1435908 h 4155610"/>
                <a:gd name="connsiteX2" fmla="*/ 5538398 w 6801062"/>
                <a:gd name="connsiteY2" fmla="*/ 4155610 h 4155610"/>
                <a:gd name="connsiteX3" fmla="*/ 1229635 w 6801062"/>
                <a:gd name="connsiteY3" fmla="*/ 4155610 h 4155610"/>
                <a:gd name="connsiteX4" fmla="*/ 135 w 6801062"/>
                <a:gd name="connsiteY4" fmla="*/ 2786407 h 4155610"/>
                <a:gd name="connsiteX5" fmla="*/ 1160209 w 6801062"/>
                <a:gd name="connsiteY5" fmla="*/ 1410507 h 4155610"/>
                <a:gd name="connsiteX6" fmla="*/ 2508020 w 6801062"/>
                <a:gd name="connsiteY6" fmla="*/ 904699 h 4155610"/>
                <a:gd name="connsiteX0" fmla="*/ 1679655 w 5972697"/>
                <a:gd name="connsiteY0" fmla="*/ 904699 h 4155610"/>
                <a:gd name="connsiteX1" fmla="*/ 4969457 w 5972697"/>
                <a:gd name="connsiteY1" fmla="*/ 1435908 h 4155610"/>
                <a:gd name="connsiteX2" fmla="*/ 4710033 w 5972697"/>
                <a:gd name="connsiteY2" fmla="*/ 4155610 h 4155610"/>
                <a:gd name="connsiteX3" fmla="*/ 401270 w 5972697"/>
                <a:gd name="connsiteY3" fmla="*/ 4155610 h 4155610"/>
                <a:gd name="connsiteX4" fmla="*/ 331844 w 5972697"/>
                <a:gd name="connsiteY4" fmla="*/ 1410507 h 4155610"/>
                <a:gd name="connsiteX5" fmla="*/ 1679655 w 5972697"/>
                <a:gd name="connsiteY5" fmla="*/ 904699 h 4155610"/>
                <a:gd name="connsiteX0" fmla="*/ 2014189 w 6307231"/>
                <a:gd name="connsiteY0" fmla="*/ 904699 h 4155610"/>
                <a:gd name="connsiteX1" fmla="*/ 5303991 w 6307231"/>
                <a:gd name="connsiteY1" fmla="*/ 1435908 h 4155610"/>
                <a:gd name="connsiteX2" fmla="*/ 5044567 w 6307231"/>
                <a:gd name="connsiteY2" fmla="*/ 4155610 h 4155610"/>
                <a:gd name="connsiteX3" fmla="*/ 735804 w 6307231"/>
                <a:gd name="connsiteY3" fmla="*/ 4155610 h 4155610"/>
                <a:gd name="connsiteX4" fmla="*/ 666378 w 6307231"/>
                <a:gd name="connsiteY4" fmla="*/ 1410507 h 4155610"/>
                <a:gd name="connsiteX5" fmla="*/ 2014189 w 6307231"/>
                <a:gd name="connsiteY5" fmla="*/ 904699 h 4155610"/>
                <a:gd name="connsiteX0" fmla="*/ 2373228 w 6666270"/>
                <a:gd name="connsiteY0" fmla="*/ 904699 h 4155610"/>
                <a:gd name="connsiteX1" fmla="*/ 5663030 w 6666270"/>
                <a:gd name="connsiteY1" fmla="*/ 1435908 h 4155610"/>
                <a:gd name="connsiteX2" fmla="*/ 5403606 w 6666270"/>
                <a:gd name="connsiteY2" fmla="*/ 4155610 h 4155610"/>
                <a:gd name="connsiteX3" fmla="*/ 1094843 w 6666270"/>
                <a:gd name="connsiteY3" fmla="*/ 4155610 h 4155610"/>
                <a:gd name="connsiteX4" fmla="*/ 1025417 w 6666270"/>
                <a:gd name="connsiteY4" fmla="*/ 1410507 h 4155610"/>
                <a:gd name="connsiteX5" fmla="*/ 2373228 w 6666270"/>
                <a:gd name="connsiteY5" fmla="*/ 904699 h 4155610"/>
                <a:gd name="connsiteX0" fmla="*/ 2492057 w 6785099"/>
                <a:gd name="connsiteY0" fmla="*/ 904699 h 4155610"/>
                <a:gd name="connsiteX1" fmla="*/ 5781859 w 6785099"/>
                <a:gd name="connsiteY1" fmla="*/ 1435908 h 4155610"/>
                <a:gd name="connsiteX2" fmla="*/ 5522435 w 6785099"/>
                <a:gd name="connsiteY2" fmla="*/ 4155610 h 4155610"/>
                <a:gd name="connsiteX3" fmla="*/ 1213672 w 6785099"/>
                <a:gd name="connsiteY3" fmla="*/ 4155610 h 4155610"/>
                <a:gd name="connsiteX4" fmla="*/ 1144246 w 6785099"/>
                <a:gd name="connsiteY4" fmla="*/ 1410507 h 4155610"/>
                <a:gd name="connsiteX5" fmla="*/ 2492057 w 6785099"/>
                <a:gd name="connsiteY5" fmla="*/ 904699 h 4155610"/>
                <a:gd name="connsiteX0" fmla="*/ 2492057 w 6785099"/>
                <a:gd name="connsiteY0" fmla="*/ 904699 h 4155610"/>
                <a:gd name="connsiteX1" fmla="*/ 5781859 w 6785099"/>
                <a:gd name="connsiteY1" fmla="*/ 1435908 h 4155610"/>
                <a:gd name="connsiteX2" fmla="*/ 5522435 w 6785099"/>
                <a:gd name="connsiteY2" fmla="*/ 4155610 h 4155610"/>
                <a:gd name="connsiteX3" fmla="*/ 1213672 w 6785099"/>
                <a:gd name="connsiteY3" fmla="*/ 4155610 h 4155610"/>
                <a:gd name="connsiteX4" fmla="*/ 1144246 w 6785099"/>
                <a:gd name="connsiteY4" fmla="*/ 1410507 h 4155610"/>
                <a:gd name="connsiteX5" fmla="*/ 2492057 w 6785099"/>
                <a:gd name="connsiteY5" fmla="*/ 904699 h 4155610"/>
                <a:gd name="connsiteX0" fmla="*/ 2492057 w 6785099"/>
                <a:gd name="connsiteY0" fmla="*/ 904699 h 4155610"/>
                <a:gd name="connsiteX1" fmla="*/ 5781859 w 6785099"/>
                <a:gd name="connsiteY1" fmla="*/ 1435908 h 4155610"/>
                <a:gd name="connsiteX2" fmla="*/ 5522435 w 6785099"/>
                <a:gd name="connsiteY2" fmla="*/ 4155610 h 4155610"/>
                <a:gd name="connsiteX3" fmla="*/ 1213672 w 6785099"/>
                <a:gd name="connsiteY3" fmla="*/ 4155610 h 4155610"/>
                <a:gd name="connsiteX4" fmla="*/ 1144246 w 6785099"/>
                <a:gd name="connsiteY4" fmla="*/ 1410507 h 4155610"/>
                <a:gd name="connsiteX5" fmla="*/ 2492057 w 6785099"/>
                <a:gd name="connsiteY5" fmla="*/ 904699 h 4155610"/>
                <a:gd name="connsiteX0" fmla="*/ 2492057 w 6785099"/>
                <a:gd name="connsiteY0" fmla="*/ 904699 h 4155610"/>
                <a:gd name="connsiteX1" fmla="*/ 5781859 w 6785099"/>
                <a:gd name="connsiteY1" fmla="*/ 1435908 h 4155610"/>
                <a:gd name="connsiteX2" fmla="*/ 5522435 w 6785099"/>
                <a:gd name="connsiteY2" fmla="*/ 4155610 h 4155610"/>
                <a:gd name="connsiteX3" fmla="*/ 1213672 w 6785099"/>
                <a:gd name="connsiteY3" fmla="*/ 4155610 h 4155610"/>
                <a:gd name="connsiteX4" fmla="*/ 1144246 w 6785099"/>
                <a:gd name="connsiteY4" fmla="*/ 1410507 h 4155610"/>
                <a:gd name="connsiteX5" fmla="*/ 2492057 w 6785099"/>
                <a:gd name="connsiteY5" fmla="*/ 904699 h 4155610"/>
                <a:gd name="connsiteX0" fmla="*/ 2492057 w 6785099"/>
                <a:gd name="connsiteY0" fmla="*/ 904699 h 4155610"/>
                <a:gd name="connsiteX1" fmla="*/ 5781859 w 6785099"/>
                <a:gd name="connsiteY1" fmla="*/ 1435908 h 4155610"/>
                <a:gd name="connsiteX2" fmla="*/ 5522435 w 6785099"/>
                <a:gd name="connsiteY2" fmla="*/ 4155610 h 4155610"/>
                <a:gd name="connsiteX3" fmla="*/ 1213672 w 6785099"/>
                <a:gd name="connsiteY3" fmla="*/ 4155610 h 4155610"/>
                <a:gd name="connsiteX4" fmla="*/ 1144246 w 6785099"/>
                <a:gd name="connsiteY4" fmla="*/ 1410507 h 4155610"/>
                <a:gd name="connsiteX5" fmla="*/ 2492057 w 6785099"/>
                <a:gd name="connsiteY5" fmla="*/ 904699 h 4155610"/>
                <a:gd name="connsiteX0" fmla="*/ 2528614 w 6821656"/>
                <a:gd name="connsiteY0" fmla="*/ 904699 h 4155610"/>
                <a:gd name="connsiteX1" fmla="*/ 5818416 w 6821656"/>
                <a:gd name="connsiteY1" fmla="*/ 1435908 h 4155610"/>
                <a:gd name="connsiteX2" fmla="*/ 5558992 w 6821656"/>
                <a:gd name="connsiteY2" fmla="*/ 4155610 h 4155610"/>
                <a:gd name="connsiteX3" fmla="*/ 1250229 w 6821656"/>
                <a:gd name="connsiteY3" fmla="*/ 4155610 h 4155610"/>
                <a:gd name="connsiteX4" fmla="*/ 1180803 w 6821656"/>
                <a:gd name="connsiteY4" fmla="*/ 1410507 h 4155610"/>
                <a:gd name="connsiteX5" fmla="*/ 2528614 w 6821656"/>
                <a:gd name="connsiteY5" fmla="*/ 904699 h 4155610"/>
                <a:gd name="connsiteX0" fmla="*/ 2480712 w 6773754"/>
                <a:gd name="connsiteY0" fmla="*/ 904699 h 4155610"/>
                <a:gd name="connsiteX1" fmla="*/ 5770514 w 6773754"/>
                <a:gd name="connsiteY1" fmla="*/ 1435908 h 4155610"/>
                <a:gd name="connsiteX2" fmla="*/ 5511090 w 6773754"/>
                <a:gd name="connsiteY2" fmla="*/ 4155610 h 4155610"/>
                <a:gd name="connsiteX3" fmla="*/ 1202327 w 6773754"/>
                <a:gd name="connsiteY3" fmla="*/ 4155610 h 4155610"/>
                <a:gd name="connsiteX4" fmla="*/ 1132901 w 6773754"/>
                <a:gd name="connsiteY4" fmla="*/ 1410507 h 4155610"/>
                <a:gd name="connsiteX5" fmla="*/ 2480712 w 6773754"/>
                <a:gd name="connsiteY5" fmla="*/ 904699 h 4155610"/>
                <a:gd name="connsiteX0" fmla="*/ 2451753 w 6744795"/>
                <a:gd name="connsiteY0" fmla="*/ 904699 h 4155610"/>
                <a:gd name="connsiteX1" fmla="*/ 5741555 w 6744795"/>
                <a:gd name="connsiteY1" fmla="*/ 1435908 h 4155610"/>
                <a:gd name="connsiteX2" fmla="*/ 5482131 w 6744795"/>
                <a:gd name="connsiteY2" fmla="*/ 4155610 h 4155610"/>
                <a:gd name="connsiteX3" fmla="*/ 1173368 w 6744795"/>
                <a:gd name="connsiteY3" fmla="*/ 4155610 h 4155610"/>
                <a:gd name="connsiteX4" fmla="*/ 1167451 w 6744795"/>
                <a:gd name="connsiteY4" fmla="*/ 1545335 h 4155610"/>
                <a:gd name="connsiteX5" fmla="*/ 2451753 w 6744795"/>
                <a:gd name="connsiteY5" fmla="*/ 904699 h 4155610"/>
                <a:gd name="connsiteX0" fmla="*/ 2517179 w 6810221"/>
                <a:gd name="connsiteY0" fmla="*/ 904699 h 4155610"/>
                <a:gd name="connsiteX1" fmla="*/ 5806981 w 6810221"/>
                <a:gd name="connsiteY1" fmla="*/ 1435908 h 4155610"/>
                <a:gd name="connsiteX2" fmla="*/ 5547557 w 6810221"/>
                <a:gd name="connsiteY2" fmla="*/ 4155610 h 4155610"/>
                <a:gd name="connsiteX3" fmla="*/ 1238794 w 6810221"/>
                <a:gd name="connsiteY3" fmla="*/ 4155610 h 4155610"/>
                <a:gd name="connsiteX4" fmla="*/ 1232877 w 6810221"/>
                <a:gd name="connsiteY4" fmla="*/ 1545335 h 4155610"/>
                <a:gd name="connsiteX5" fmla="*/ 2517179 w 6810221"/>
                <a:gd name="connsiteY5" fmla="*/ 904699 h 4155610"/>
                <a:gd name="connsiteX0" fmla="*/ 2523917 w 6816959"/>
                <a:gd name="connsiteY0" fmla="*/ 904699 h 4155610"/>
                <a:gd name="connsiteX1" fmla="*/ 5813719 w 6816959"/>
                <a:gd name="connsiteY1" fmla="*/ 1435908 h 4155610"/>
                <a:gd name="connsiteX2" fmla="*/ 5554295 w 6816959"/>
                <a:gd name="connsiteY2" fmla="*/ 4155610 h 4155610"/>
                <a:gd name="connsiteX3" fmla="*/ 1245532 w 6816959"/>
                <a:gd name="connsiteY3" fmla="*/ 4155610 h 4155610"/>
                <a:gd name="connsiteX4" fmla="*/ 1239615 w 6816959"/>
                <a:gd name="connsiteY4" fmla="*/ 1545335 h 4155610"/>
                <a:gd name="connsiteX5" fmla="*/ 2523917 w 6816959"/>
                <a:gd name="connsiteY5" fmla="*/ 904699 h 4155610"/>
                <a:gd name="connsiteX0" fmla="*/ 2541237 w 6816959"/>
                <a:gd name="connsiteY0" fmla="*/ 1012636 h 3993889"/>
                <a:gd name="connsiteX1" fmla="*/ 5813719 w 6816959"/>
                <a:gd name="connsiteY1" fmla="*/ 1274187 h 3993889"/>
                <a:gd name="connsiteX2" fmla="*/ 5554295 w 6816959"/>
                <a:gd name="connsiteY2" fmla="*/ 3993889 h 3993889"/>
                <a:gd name="connsiteX3" fmla="*/ 1245532 w 6816959"/>
                <a:gd name="connsiteY3" fmla="*/ 3993889 h 3993889"/>
                <a:gd name="connsiteX4" fmla="*/ 1239615 w 6816959"/>
                <a:gd name="connsiteY4" fmla="*/ 1383614 h 3993889"/>
                <a:gd name="connsiteX5" fmla="*/ 2541237 w 6816959"/>
                <a:gd name="connsiteY5" fmla="*/ 1012636 h 3993889"/>
                <a:gd name="connsiteX0" fmla="*/ 2541237 w 6816959"/>
                <a:gd name="connsiteY0" fmla="*/ 1012636 h 3993889"/>
                <a:gd name="connsiteX1" fmla="*/ 5813719 w 6816959"/>
                <a:gd name="connsiteY1" fmla="*/ 1274187 h 3993889"/>
                <a:gd name="connsiteX2" fmla="*/ 5554295 w 6816959"/>
                <a:gd name="connsiteY2" fmla="*/ 3993889 h 3993889"/>
                <a:gd name="connsiteX3" fmla="*/ 1245532 w 6816959"/>
                <a:gd name="connsiteY3" fmla="*/ 3993889 h 3993889"/>
                <a:gd name="connsiteX4" fmla="*/ 1239615 w 6816959"/>
                <a:gd name="connsiteY4" fmla="*/ 1383614 h 3993889"/>
                <a:gd name="connsiteX5" fmla="*/ 2541237 w 6816959"/>
                <a:gd name="connsiteY5" fmla="*/ 1012636 h 3993889"/>
                <a:gd name="connsiteX0" fmla="*/ 2541237 w 6816959"/>
                <a:gd name="connsiteY0" fmla="*/ 1012636 h 3993889"/>
                <a:gd name="connsiteX1" fmla="*/ 5813719 w 6816959"/>
                <a:gd name="connsiteY1" fmla="*/ 1274187 h 3993889"/>
                <a:gd name="connsiteX2" fmla="*/ 5554295 w 6816959"/>
                <a:gd name="connsiteY2" fmla="*/ 3993889 h 3993889"/>
                <a:gd name="connsiteX3" fmla="*/ 1245532 w 6816959"/>
                <a:gd name="connsiteY3" fmla="*/ 3993889 h 3993889"/>
                <a:gd name="connsiteX4" fmla="*/ 1239615 w 6816959"/>
                <a:gd name="connsiteY4" fmla="*/ 1383614 h 3993889"/>
                <a:gd name="connsiteX5" fmla="*/ 2541237 w 6816959"/>
                <a:gd name="connsiteY5" fmla="*/ 1012636 h 3993889"/>
                <a:gd name="connsiteX0" fmla="*/ 2552785 w 6816959"/>
                <a:gd name="connsiteY0" fmla="*/ 1012637 h 3993889"/>
                <a:gd name="connsiteX1" fmla="*/ 5813719 w 6816959"/>
                <a:gd name="connsiteY1" fmla="*/ 1274187 h 3993889"/>
                <a:gd name="connsiteX2" fmla="*/ 5554295 w 6816959"/>
                <a:gd name="connsiteY2" fmla="*/ 3993889 h 3993889"/>
                <a:gd name="connsiteX3" fmla="*/ 1245532 w 6816959"/>
                <a:gd name="connsiteY3" fmla="*/ 3993889 h 3993889"/>
                <a:gd name="connsiteX4" fmla="*/ 1239615 w 6816959"/>
                <a:gd name="connsiteY4" fmla="*/ 1383614 h 3993889"/>
                <a:gd name="connsiteX5" fmla="*/ 2552785 w 6816959"/>
                <a:gd name="connsiteY5" fmla="*/ 1012637 h 3993889"/>
                <a:gd name="connsiteX0" fmla="*/ 2552785 w 6816959"/>
                <a:gd name="connsiteY0" fmla="*/ 1161538 h 4142790"/>
                <a:gd name="connsiteX1" fmla="*/ 5813719 w 6816959"/>
                <a:gd name="connsiteY1" fmla="*/ 1423088 h 4142790"/>
                <a:gd name="connsiteX2" fmla="*/ 5554295 w 6816959"/>
                <a:gd name="connsiteY2" fmla="*/ 4142790 h 4142790"/>
                <a:gd name="connsiteX3" fmla="*/ 1245532 w 6816959"/>
                <a:gd name="connsiteY3" fmla="*/ 4142790 h 4142790"/>
                <a:gd name="connsiteX4" fmla="*/ 1239615 w 6816959"/>
                <a:gd name="connsiteY4" fmla="*/ 1532515 h 4142790"/>
                <a:gd name="connsiteX5" fmla="*/ 2552785 w 6816959"/>
                <a:gd name="connsiteY5" fmla="*/ 1161538 h 4142790"/>
                <a:gd name="connsiteX0" fmla="*/ 2552785 w 6776467"/>
                <a:gd name="connsiteY0" fmla="*/ 1116066 h 4097318"/>
                <a:gd name="connsiteX1" fmla="*/ 5738666 w 6776467"/>
                <a:gd name="connsiteY1" fmla="*/ 1494060 h 4097318"/>
                <a:gd name="connsiteX2" fmla="*/ 5554295 w 6776467"/>
                <a:gd name="connsiteY2" fmla="*/ 4097318 h 4097318"/>
                <a:gd name="connsiteX3" fmla="*/ 1245532 w 6776467"/>
                <a:gd name="connsiteY3" fmla="*/ 4097318 h 4097318"/>
                <a:gd name="connsiteX4" fmla="*/ 1239615 w 6776467"/>
                <a:gd name="connsiteY4" fmla="*/ 1487043 h 4097318"/>
                <a:gd name="connsiteX5" fmla="*/ 2552785 w 6776467"/>
                <a:gd name="connsiteY5" fmla="*/ 1116066 h 4097318"/>
                <a:gd name="connsiteX0" fmla="*/ 2552785 w 6776467"/>
                <a:gd name="connsiteY0" fmla="*/ 1258222 h 4239474"/>
                <a:gd name="connsiteX1" fmla="*/ 5738666 w 6776467"/>
                <a:gd name="connsiteY1" fmla="*/ 1636216 h 4239474"/>
                <a:gd name="connsiteX2" fmla="*/ 5554295 w 6776467"/>
                <a:gd name="connsiteY2" fmla="*/ 4239474 h 4239474"/>
                <a:gd name="connsiteX3" fmla="*/ 1245532 w 6776467"/>
                <a:gd name="connsiteY3" fmla="*/ 4239474 h 4239474"/>
                <a:gd name="connsiteX4" fmla="*/ 1239615 w 6776467"/>
                <a:gd name="connsiteY4" fmla="*/ 1629199 h 4239474"/>
                <a:gd name="connsiteX5" fmla="*/ 2552785 w 6776467"/>
                <a:gd name="connsiteY5" fmla="*/ 1258222 h 4239474"/>
                <a:gd name="connsiteX0" fmla="*/ 2552785 w 6833199"/>
                <a:gd name="connsiteY0" fmla="*/ 1258222 h 4239474"/>
                <a:gd name="connsiteX1" fmla="*/ 5738666 w 6833199"/>
                <a:gd name="connsiteY1" fmla="*/ 1636216 h 4239474"/>
                <a:gd name="connsiteX2" fmla="*/ 5554295 w 6833199"/>
                <a:gd name="connsiteY2" fmla="*/ 4239474 h 4239474"/>
                <a:gd name="connsiteX3" fmla="*/ 1245532 w 6833199"/>
                <a:gd name="connsiteY3" fmla="*/ 4239474 h 4239474"/>
                <a:gd name="connsiteX4" fmla="*/ 1239615 w 6833199"/>
                <a:gd name="connsiteY4" fmla="*/ 1629199 h 4239474"/>
                <a:gd name="connsiteX5" fmla="*/ 2552785 w 6833199"/>
                <a:gd name="connsiteY5" fmla="*/ 1258222 h 4239474"/>
                <a:gd name="connsiteX0" fmla="*/ 2552785 w 6831175"/>
                <a:gd name="connsiteY0" fmla="*/ 1258222 h 4239474"/>
                <a:gd name="connsiteX1" fmla="*/ 5738666 w 6831175"/>
                <a:gd name="connsiteY1" fmla="*/ 1636216 h 4239474"/>
                <a:gd name="connsiteX2" fmla="*/ 5554295 w 6831175"/>
                <a:gd name="connsiteY2" fmla="*/ 4239474 h 4239474"/>
                <a:gd name="connsiteX3" fmla="*/ 1245532 w 6831175"/>
                <a:gd name="connsiteY3" fmla="*/ 4239474 h 4239474"/>
                <a:gd name="connsiteX4" fmla="*/ 1239615 w 6831175"/>
                <a:gd name="connsiteY4" fmla="*/ 1629199 h 4239474"/>
                <a:gd name="connsiteX5" fmla="*/ 2552785 w 6831175"/>
                <a:gd name="connsiteY5" fmla="*/ 1258222 h 4239474"/>
                <a:gd name="connsiteX0" fmla="*/ 2552785 w 6827133"/>
                <a:gd name="connsiteY0" fmla="*/ 1258222 h 4239474"/>
                <a:gd name="connsiteX1" fmla="*/ 5738666 w 6827133"/>
                <a:gd name="connsiteY1" fmla="*/ 1636216 h 4239474"/>
                <a:gd name="connsiteX2" fmla="*/ 5554295 w 6827133"/>
                <a:gd name="connsiteY2" fmla="*/ 4239474 h 4239474"/>
                <a:gd name="connsiteX3" fmla="*/ 1245532 w 6827133"/>
                <a:gd name="connsiteY3" fmla="*/ 4239474 h 4239474"/>
                <a:gd name="connsiteX4" fmla="*/ 1239615 w 6827133"/>
                <a:gd name="connsiteY4" fmla="*/ 1629199 h 4239474"/>
                <a:gd name="connsiteX5" fmla="*/ 2552785 w 6827133"/>
                <a:gd name="connsiteY5" fmla="*/ 1258222 h 4239474"/>
                <a:gd name="connsiteX0" fmla="*/ 2552785 w 6827133"/>
                <a:gd name="connsiteY0" fmla="*/ 1266277 h 4228919"/>
                <a:gd name="connsiteX1" fmla="*/ 5738666 w 6827133"/>
                <a:gd name="connsiteY1" fmla="*/ 1625661 h 4228919"/>
                <a:gd name="connsiteX2" fmla="*/ 5554295 w 6827133"/>
                <a:gd name="connsiteY2" fmla="*/ 4228919 h 4228919"/>
                <a:gd name="connsiteX3" fmla="*/ 1245532 w 6827133"/>
                <a:gd name="connsiteY3" fmla="*/ 4228919 h 4228919"/>
                <a:gd name="connsiteX4" fmla="*/ 1239615 w 6827133"/>
                <a:gd name="connsiteY4" fmla="*/ 1618644 h 4228919"/>
                <a:gd name="connsiteX5" fmla="*/ 2552785 w 6827133"/>
                <a:gd name="connsiteY5" fmla="*/ 1266277 h 4228919"/>
                <a:gd name="connsiteX0" fmla="*/ 2552785 w 6827133"/>
                <a:gd name="connsiteY0" fmla="*/ 1266277 h 4228919"/>
                <a:gd name="connsiteX1" fmla="*/ 5738666 w 6827133"/>
                <a:gd name="connsiteY1" fmla="*/ 1625661 h 4228919"/>
                <a:gd name="connsiteX2" fmla="*/ 5554295 w 6827133"/>
                <a:gd name="connsiteY2" fmla="*/ 4228919 h 4228919"/>
                <a:gd name="connsiteX3" fmla="*/ 1245532 w 6827133"/>
                <a:gd name="connsiteY3" fmla="*/ 4228919 h 4228919"/>
                <a:gd name="connsiteX4" fmla="*/ 1239615 w 6827133"/>
                <a:gd name="connsiteY4" fmla="*/ 1618644 h 4228919"/>
                <a:gd name="connsiteX5" fmla="*/ 2552785 w 6827133"/>
                <a:gd name="connsiteY5" fmla="*/ 1266277 h 4228919"/>
                <a:gd name="connsiteX0" fmla="*/ 2552785 w 6827133"/>
                <a:gd name="connsiteY0" fmla="*/ 1266277 h 4228919"/>
                <a:gd name="connsiteX1" fmla="*/ 5738666 w 6827133"/>
                <a:gd name="connsiteY1" fmla="*/ 1625661 h 4228919"/>
                <a:gd name="connsiteX2" fmla="*/ 5554295 w 6827133"/>
                <a:gd name="connsiteY2" fmla="*/ 4228919 h 4228919"/>
                <a:gd name="connsiteX3" fmla="*/ 1245532 w 6827133"/>
                <a:gd name="connsiteY3" fmla="*/ 4228919 h 4228919"/>
                <a:gd name="connsiteX4" fmla="*/ 1239615 w 6827133"/>
                <a:gd name="connsiteY4" fmla="*/ 1618644 h 4228919"/>
                <a:gd name="connsiteX5" fmla="*/ 2552785 w 6827133"/>
                <a:gd name="connsiteY5" fmla="*/ 1266277 h 422891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6827133" h="4228919">
                  <a:moveTo>
                    <a:pt x="2552785" y="1266277"/>
                  </a:moveTo>
                  <a:cubicBezTo>
                    <a:pt x="3020069" y="-624225"/>
                    <a:pt x="5686422" y="-310262"/>
                    <a:pt x="5738666" y="1625661"/>
                  </a:cubicBezTo>
                  <a:cubicBezTo>
                    <a:pt x="7324075" y="1897849"/>
                    <a:pt x="7104316" y="4194486"/>
                    <a:pt x="5554295" y="4228919"/>
                  </a:cubicBezTo>
                  <a:lnTo>
                    <a:pt x="1245532" y="4228919"/>
                  </a:lnTo>
                  <a:cubicBezTo>
                    <a:pt x="-547254" y="4086117"/>
                    <a:pt x="-275818" y="1525513"/>
                    <a:pt x="1239615" y="1618644"/>
                  </a:cubicBezTo>
                  <a:cubicBezTo>
                    <a:pt x="1232903" y="850200"/>
                    <a:pt x="2106725" y="553546"/>
                    <a:pt x="2552785" y="1266277"/>
                  </a:cubicBezTo>
                  <a:close/>
                </a:path>
              </a:pathLst>
            </a:custGeom>
            <a:solidFill>
              <a:srgbClr val="FFFFFF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83" name="Group 34"/>
          <p:cNvGrpSpPr/>
          <p:nvPr/>
        </p:nvGrpSpPr>
        <p:grpSpPr>
          <a:xfrm>
            <a:off x="0" y="1062986"/>
            <a:ext cx="2629748" cy="1838696"/>
            <a:chOff x="-17646" y="2463800"/>
            <a:chExt cx="3620816" cy="2519305"/>
          </a:xfrm>
        </p:grpSpPr>
        <p:sp>
          <p:nvSpPr>
            <p:cNvPr id="84" name="Freeform 35"/>
            <p:cNvSpPr/>
            <p:nvPr/>
          </p:nvSpPr>
          <p:spPr>
            <a:xfrm>
              <a:off x="0" y="2463800"/>
              <a:ext cx="3603170" cy="2503679"/>
            </a:xfrm>
            <a:custGeom>
              <a:avLst/>
              <a:gdLst>
                <a:gd name="connsiteX0" fmla="*/ 1773214 w 3603170"/>
                <a:gd name="connsiteY0" fmla="*/ 929 h 2503679"/>
                <a:gd name="connsiteX1" fmla="*/ 2892138 w 3603170"/>
                <a:gd name="connsiteY1" fmla="*/ 966290 h 2503679"/>
                <a:gd name="connsiteX2" fmla="*/ 2771699 w 3603170"/>
                <a:gd name="connsiteY2" fmla="*/ 2503679 h 2503679"/>
                <a:gd name="connsiteX3" fmla="*/ 0 w 3603170"/>
                <a:gd name="connsiteY3" fmla="*/ 2503679 h 2503679"/>
                <a:gd name="connsiteX4" fmla="*/ 0 w 3603170"/>
                <a:gd name="connsiteY4" fmla="*/ 749358 h 2503679"/>
                <a:gd name="connsiteX5" fmla="*/ 2674 w 3603170"/>
                <a:gd name="connsiteY5" fmla="*/ 743199 h 2503679"/>
                <a:gd name="connsiteX6" fmla="*/ 810990 w 3603170"/>
                <a:gd name="connsiteY6" fmla="*/ 743060 h 2503679"/>
                <a:gd name="connsiteX7" fmla="*/ 1773214 w 3603170"/>
                <a:gd name="connsiteY7" fmla="*/ 929 h 25036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3603170" h="2503679">
                  <a:moveTo>
                    <a:pt x="1773214" y="929"/>
                  </a:moveTo>
                  <a:cubicBezTo>
                    <a:pt x="2313435" y="-20308"/>
                    <a:pt x="2872941" y="323192"/>
                    <a:pt x="2892138" y="966290"/>
                  </a:cubicBezTo>
                  <a:cubicBezTo>
                    <a:pt x="3927792" y="1127034"/>
                    <a:pt x="3784237" y="2483344"/>
                    <a:pt x="2771699" y="2503679"/>
                  </a:cubicBezTo>
                  <a:lnTo>
                    <a:pt x="0" y="2503679"/>
                  </a:lnTo>
                  <a:lnTo>
                    <a:pt x="0" y="749358"/>
                  </a:lnTo>
                  <a:lnTo>
                    <a:pt x="2674" y="743199"/>
                  </a:lnTo>
                  <a:cubicBezTo>
                    <a:pt x="152243" y="468599"/>
                    <a:pt x="599154" y="392140"/>
                    <a:pt x="810990" y="743060"/>
                  </a:cubicBezTo>
                  <a:cubicBezTo>
                    <a:pt x="944536" y="254608"/>
                    <a:pt x="1353042" y="17447"/>
                    <a:pt x="1773214" y="929"/>
                  </a:cubicBezTo>
                  <a:close/>
                </a:path>
              </a:pathLst>
            </a:custGeom>
            <a:solidFill>
              <a:srgbClr val="D8F3FC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wrap="square" rtlCol="0" anchor="ctr"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85" name="Freeform 36"/>
            <p:cNvSpPr/>
            <p:nvPr/>
          </p:nvSpPr>
          <p:spPr>
            <a:xfrm>
              <a:off x="-17646" y="2515552"/>
              <a:ext cx="3595420" cy="2467553"/>
            </a:xfrm>
            <a:custGeom>
              <a:avLst/>
              <a:gdLst>
                <a:gd name="connsiteX0" fmla="*/ 1795569 w 3595421"/>
                <a:gd name="connsiteY0" fmla="*/ 1202 h 2467553"/>
                <a:gd name="connsiteX1" fmla="*/ 2896086 w 3595421"/>
                <a:gd name="connsiteY1" fmla="*/ 948565 h 2467553"/>
                <a:gd name="connsiteX2" fmla="*/ 2777628 w 3595421"/>
                <a:gd name="connsiteY2" fmla="*/ 2467553 h 2467553"/>
                <a:gd name="connsiteX3" fmla="*/ 9271 w 3595421"/>
                <a:gd name="connsiteY3" fmla="*/ 2467553 h 2467553"/>
                <a:gd name="connsiteX4" fmla="*/ 0 w 3595421"/>
                <a:gd name="connsiteY4" fmla="*/ 2466498 h 2467553"/>
                <a:gd name="connsiteX5" fmla="*/ 0 w 3595421"/>
                <a:gd name="connsiteY5" fmla="*/ 944431 h 2467553"/>
                <a:gd name="connsiteX6" fmla="*/ 5469 w 3595421"/>
                <a:gd name="connsiteY6" fmla="*/ 944471 h 2467553"/>
                <a:gd name="connsiteX7" fmla="*/ 849174 w 3595421"/>
                <a:gd name="connsiteY7" fmla="*/ 738866 h 2467553"/>
                <a:gd name="connsiteX8" fmla="*/ 1795569 w 3595421"/>
                <a:gd name="connsiteY8" fmla="*/ 1202 h 24675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3595421" h="2467553">
                  <a:moveTo>
                    <a:pt x="1795569" y="1202"/>
                  </a:moveTo>
                  <a:cubicBezTo>
                    <a:pt x="2326903" y="-22788"/>
                    <a:pt x="2877205" y="313164"/>
                    <a:pt x="2896086" y="948565"/>
                  </a:cubicBezTo>
                  <a:cubicBezTo>
                    <a:pt x="3914703" y="1107386"/>
                    <a:pt x="3773509" y="2447462"/>
                    <a:pt x="2777628" y="2467553"/>
                  </a:cubicBezTo>
                  <a:lnTo>
                    <a:pt x="9271" y="2467553"/>
                  </a:lnTo>
                  <a:lnTo>
                    <a:pt x="0" y="2466498"/>
                  </a:lnTo>
                  <a:lnTo>
                    <a:pt x="0" y="944431"/>
                  </a:lnTo>
                  <a:lnTo>
                    <a:pt x="5469" y="944471"/>
                  </a:lnTo>
                  <a:cubicBezTo>
                    <a:pt x="1157" y="496088"/>
                    <a:pt x="562583" y="322991"/>
                    <a:pt x="849174" y="738866"/>
                  </a:cubicBezTo>
                  <a:cubicBezTo>
                    <a:pt x="980523" y="256261"/>
                    <a:pt x="1382309" y="19860"/>
                    <a:pt x="1795569" y="1202"/>
                  </a:cubicBezTo>
                  <a:close/>
                </a:path>
              </a:pathLst>
            </a:custGeom>
            <a:solidFill>
              <a:srgbClr val="FFFFFF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wrap="square" rtlCol="0" anchor="ctr"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86" name="Group 19"/>
          <p:cNvGrpSpPr/>
          <p:nvPr/>
        </p:nvGrpSpPr>
        <p:grpSpPr>
          <a:xfrm rot="198536">
            <a:off x="4566240" y="592659"/>
            <a:ext cx="850442" cy="982658"/>
            <a:chOff x="2081158" y="613361"/>
            <a:chExt cx="5427265" cy="6271036"/>
          </a:xfrm>
        </p:grpSpPr>
        <p:sp>
          <p:nvSpPr>
            <p:cNvPr id="87" name="Rectangle 6"/>
            <p:cNvSpPr/>
            <p:nvPr/>
          </p:nvSpPr>
          <p:spPr>
            <a:xfrm>
              <a:off x="2212975" y="756019"/>
              <a:ext cx="5295448" cy="3747717"/>
            </a:xfrm>
            <a:custGeom>
              <a:avLst/>
              <a:gdLst>
                <a:gd name="connsiteX0" fmla="*/ 0 w 5457371"/>
                <a:gd name="connsiteY0" fmla="*/ 0 h 3672115"/>
                <a:gd name="connsiteX1" fmla="*/ 5457371 w 5457371"/>
                <a:gd name="connsiteY1" fmla="*/ 0 h 3672115"/>
                <a:gd name="connsiteX2" fmla="*/ 5457371 w 5457371"/>
                <a:gd name="connsiteY2" fmla="*/ 3672115 h 3672115"/>
                <a:gd name="connsiteX3" fmla="*/ 0 w 5457371"/>
                <a:gd name="connsiteY3" fmla="*/ 3672115 h 3672115"/>
                <a:gd name="connsiteX4" fmla="*/ 0 w 5457371"/>
                <a:gd name="connsiteY4" fmla="*/ 0 h 3672115"/>
                <a:gd name="connsiteX0" fmla="*/ 0 w 5457371"/>
                <a:gd name="connsiteY0" fmla="*/ 14514 h 3686629"/>
                <a:gd name="connsiteX1" fmla="*/ 740228 w 5457371"/>
                <a:gd name="connsiteY1" fmla="*/ 0 h 3686629"/>
                <a:gd name="connsiteX2" fmla="*/ 5457371 w 5457371"/>
                <a:gd name="connsiteY2" fmla="*/ 14514 h 3686629"/>
                <a:gd name="connsiteX3" fmla="*/ 5457371 w 5457371"/>
                <a:gd name="connsiteY3" fmla="*/ 3686629 h 3686629"/>
                <a:gd name="connsiteX4" fmla="*/ 0 w 5457371"/>
                <a:gd name="connsiteY4" fmla="*/ 3686629 h 3686629"/>
                <a:gd name="connsiteX5" fmla="*/ 0 w 5457371"/>
                <a:gd name="connsiteY5" fmla="*/ 14514 h 3686629"/>
                <a:gd name="connsiteX0" fmla="*/ 0 w 5457371"/>
                <a:gd name="connsiteY0" fmla="*/ 29028 h 3701143"/>
                <a:gd name="connsiteX1" fmla="*/ 740228 w 5457371"/>
                <a:gd name="connsiteY1" fmla="*/ 14514 h 3701143"/>
                <a:gd name="connsiteX2" fmla="*/ 2583542 w 5457371"/>
                <a:gd name="connsiteY2" fmla="*/ 0 h 3701143"/>
                <a:gd name="connsiteX3" fmla="*/ 5457371 w 5457371"/>
                <a:gd name="connsiteY3" fmla="*/ 29028 h 3701143"/>
                <a:gd name="connsiteX4" fmla="*/ 5457371 w 5457371"/>
                <a:gd name="connsiteY4" fmla="*/ 3701143 h 3701143"/>
                <a:gd name="connsiteX5" fmla="*/ 0 w 5457371"/>
                <a:gd name="connsiteY5" fmla="*/ 3701143 h 3701143"/>
                <a:gd name="connsiteX6" fmla="*/ 0 w 5457371"/>
                <a:gd name="connsiteY6" fmla="*/ 29028 h 3701143"/>
                <a:gd name="connsiteX0" fmla="*/ 0 w 5457371"/>
                <a:gd name="connsiteY0" fmla="*/ 14514 h 3686629"/>
                <a:gd name="connsiteX1" fmla="*/ 740228 w 5457371"/>
                <a:gd name="connsiteY1" fmla="*/ 0 h 3686629"/>
                <a:gd name="connsiteX2" fmla="*/ 2264228 w 5457371"/>
                <a:gd name="connsiteY2" fmla="*/ 783771 h 3686629"/>
                <a:gd name="connsiteX3" fmla="*/ 5457371 w 5457371"/>
                <a:gd name="connsiteY3" fmla="*/ 14514 h 3686629"/>
                <a:gd name="connsiteX4" fmla="*/ 5457371 w 5457371"/>
                <a:gd name="connsiteY4" fmla="*/ 3686629 h 3686629"/>
                <a:gd name="connsiteX5" fmla="*/ 0 w 5457371"/>
                <a:gd name="connsiteY5" fmla="*/ 3686629 h 3686629"/>
                <a:gd name="connsiteX6" fmla="*/ 0 w 5457371"/>
                <a:gd name="connsiteY6" fmla="*/ 14514 h 3686629"/>
                <a:gd name="connsiteX0" fmla="*/ 0 w 5457371"/>
                <a:gd name="connsiteY0" fmla="*/ 14514 h 3686629"/>
                <a:gd name="connsiteX1" fmla="*/ 740228 w 5457371"/>
                <a:gd name="connsiteY1" fmla="*/ 0 h 3686629"/>
                <a:gd name="connsiteX2" fmla="*/ 2264228 w 5457371"/>
                <a:gd name="connsiteY2" fmla="*/ 783771 h 3686629"/>
                <a:gd name="connsiteX3" fmla="*/ 3788228 w 5457371"/>
                <a:gd name="connsiteY3" fmla="*/ 406400 h 3686629"/>
                <a:gd name="connsiteX4" fmla="*/ 5457371 w 5457371"/>
                <a:gd name="connsiteY4" fmla="*/ 14514 h 3686629"/>
                <a:gd name="connsiteX5" fmla="*/ 5457371 w 5457371"/>
                <a:gd name="connsiteY5" fmla="*/ 3686629 h 3686629"/>
                <a:gd name="connsiteX6" fmla="*/ 0 w 5457371"/>
                <a:gd name="connsiteY6" fmla="*/ 3686629 h 3686629"/>
                <a:gd name="connsiteX7" fmla="*/ 0 w 5457371"/>
                <a:gd name="connsiteY7" fmla="*/ 14514 h 3686629"/>
                <a:gd name="connsiteX0" fmla="*/ 0 w 5457371"/>
                <a:gd name="connsiteY0" fmla="*/ 14514 h 3686629"/>
                <a:gd name="connsiteX1" fmla="*/ 740228 w 5457371"/>
                <a:gd name="connsiteY1" fmla="*/ 0 h 3686629"/>
                <a:gd name="connsiteX2" fmla="*/ 2264228 w 5457371"/>
                <a:gd name="connsiteY2" fmla="*/ 783771 h 3686629"/>
                <a:gd name="connsiteX3" fmla="*/ 3352799 w 5457371"/>
                <a:gd name="connsiteY3" fmla="*/ 740229 h 3686629"/>
                <a:gd name="connsiteX4" fmla="*/ 5457371 w 5457371"/>
                <a:gd name="connsiteY4" fmla="*/ 14514 h 3686629"/>
                <a:gd name="connsiteX5" fmla="*/ 5457371 w 5457371"/>
                <a:gd name="connsiteY5" fmla="*/ 3686629 h 3686629"/>
                <a:gd name="connsiteX6" fmla="*/ 0 w 5457371"/>
                <a:gd name="connsiteY6" fmla="*/ 3686629 h 3686629"/>
                <a:gd name="connsiteX7" fmla="*/ 0 w 5457371"/>
                <a:gd name="connsiteY7" fmla="*/ 14514 h 3686629"/>
                <a:gd name="connsiteX0" fmla="*/ 0 w 5457371"/>
                <a:gd name="connsiteY0" fmla="*/ 14514 h 3686629"/>
                <a:gd name="connsiteX1" fmla="*/ 740228 w 5457371"/>
                <a:gd name="connsiteY1" fmla="*/ 0 h 3686629"/>
                <a:gd name="connsiteX2" fmla="*/ 2264228 w 5457371"/>
                <a:gd name="connsiteY2" fmla="*/ 783771 h 3686629"/>
                <a:gd name="connsiteX3" fmla="*/ 3352799 w 5457371"/>
                <a:gd name="connsiteY3" fmla="*/ 740229 h 3686629"/>
                <a:gd name="connsiteX4" fmla="*/ 4354285 w 5457371"/>
                <a:gd name="connsiteY4" fmla="*/ 377372 h 3686629"/>
                <a:gd name="connsiteX5" fmla="*/ 5457371 w 5457371"/>
                <a:gd name="connsiteY5" fmla="*/ 14514 h 3686629"/>
                <a:gd name="connsiteX6" fmla="*/ 5457371 w 5457371"/>
                <a:gd name="connsiteY6" fmla="*/ 3686629 h 3686629"/>
                <a:gd name="connsiteX7" fmla="*/ 0 w 5457371"/>
                <a:gd name="connsiteY7" fmla="*/ 3686629 h 3686629"/>
                <a:gd name="connsiteX8" fmla="*/ 0 w 5457371"/>
                <a:gd name="connsiteY8" fmla="*/ 14514 h 3686629"/>
                <a:gd name="connsiteX0" fmla="*/ 0 w 5457371"/>
                <a:gd name="connsiteY0" fmla="*/ 14514 h 3686629"/>
                <a:gd name="connsiteX1" fmla="*/ 740228 w 5457371"/>
                <a:gd name="connsiteY1" fmla="*/ 0 h 3686629"/>
                <a:gd name="connsiteX2" fmla="*/ 2264228 w 5457371"/>
                <a:gd name="connsiteY2" fmla="*/ 783771 h 3686629"/>
                <a:gd name="connsiteX3" fmla="*/ 3352799 w 5457371"/>
                <a:gd name="connsiteY3" fmla="*/ 740229 h 3686629"/>
                <a:gd name="connsiteX4" fmla="*/ 4470399 w 5457371"/>
                <a:gd name="connsiteY4" fmla="*/ 1320800 h 3686629"/>
                <a:gd name="connsiteX5" fmla="*/ 5457371 w 5457371"/>
                <a:gd name="connsiteY5" fmla="*/ 14514 h 3686629"/>
                <a:gd name="connsiteX6" fmla="*/ 5457371 w 5457371"/>
                <a:gd name="connsiteY6" fmla="*/ 3686629 h 3686629"/>
                <a:gd name="connsiteX7" fmla="*/ 0 w 5457371"/>
                <a:gd name="connsiteY7" fmla="*/ 3686629 h 3686629"/>
                <a:gd name="connsiteX8" fmla="*/ 0 w 5457371"/>
                <a:gd name="connsiteY8" fmla="*/ 14514 h 3686629"/>
                <a:gd name="connsiteX0" fmla="*/ 0 w 5457371"/>
                <a:gd name="connsiteY0" fmla="*/ 14514 h 3686629"/>
                <a:gd name="connsiteX1" fmla="*/ 740228 w 5457371"/>
                <a:gd name="connsiteY1" fmla="*/ 0 h 3686629"/>
                <a:gd name="connsiteX2" fmla="*/ 2264228 w 5457371"/>
                <a:gd name="connsiteY2" fmla="*/ 783771 h 3686629"/>
                <a:gd name="connsiteX3" fmla="*/ 3352799 w 5457371"/>
                <a:gd name="connsiteY3" fmla="*/ 740229 h 3686629"/>
                <a:gd name="connsiteX4" fmla="*/ 4470399 w 5457371"/>
                <a:gd name="connsiteY4" fmla="*/ 1320800 h 3686629"/>
                <a:gd name="connsiteX5" fmla="*/ 5457371 w 5457371"/>
                <a:gd name="connsiteY5" fmla="*/ 14514 h 3686629"/>
                <a:gd name="connsiteX6" fmla="*/ 5457371 w 5457371"/>
                <a:gd name="connsiteY6" fmla="*/ 1190172 h 3686629"/>
                <a:gd name="connsiteX7" fmla="*/ 5457371 w 5457371"/>
                <a:gd name="connsiteY7" fmla="*/ 3686629 h 3686629"/>
                <a:gd name="connsiteX8" fmla="*/ 0 w 5457371"/>
                <a:gd name="connsiteY8" fmla="*/ 3686629 h 3686629"/>
                <a:gd name="connsiteX9" fmla="*/ 0 w 5457371"/>
                <a:gd name="connsiteY9" fmla="*/ 14514 h 3686629"/>
                <a:gd name="connsiteX0" fmla="*/ 0 w 5457371"/>
                <a:gd name="connsiteY0" fmla="*/ 14514 h 3686629"/>
                <a:gd name="connsiteX1" fmla="*/ 740228 w 5457371"/>
                <a:gd name="connsiteY1" fmla="*/ 0 h 3686629"/>
                <a:gd name="connsiteX2" fmla="*/ 2264228 w 5457371"/>
                <a:gd name="connsiteY2" fmla="*/ 783771 h 3686629"/>
                <a:gd name="connsiteX3" fmla="*/ 3352799 w 5457371"/>
                <a:gd name="connsiteY3" fmla="*/ 740229 h 3686629"/>
                <a:gd name="connsiteX4" fmla="*/ 4470399 w 5457371"/>
                <a:gd name="connsiteY4" fmla="*/ 1320800 h 3686629"/>
                <a:gd name="connsiteX5" fmla="*/ 5457371 w 5457371"/>
                <a:gd name="connsiteY5" fmla="*/ 14514 h 3686629"/>
                <a:gd name="connsiteX6" fmla="*/ 5181599 w 5457371"/>
                <a:gd name="connsiteY6" fmla="*/ 1277258 h 3686629"/>
                <a:gd name="connsiteX7" fmla="*/ 5457371 w 5457371"/>
                <a:gd name="connsiteY7" fmla="*/ 3686629 h 3686629"/>
                <a:gd name="connsiteX8" fmla="*/ 0 w 5457371"/>
                <a:gd name="connsiteY8" fmla="*/ 3686629 h 3686629"/>
                <a:gd name="connsiteX9" fmla="*/ 0 w 5457371"/>
                <a:gd name="connsiteY9" fmla="*/ 14514 h 3686629"/>
                <a:gd name="connsiteX0" fmla="*/ 0 w 5457371"/>
                <a:gd name="connsiteY0" fmla="*/ 14514 h 3686629"/>
                <a:gd name="connsiteX1" fmla="*/ 740228 w 5457371"/>
                <a:gd name="connsiteY1" fmla="*/ 0 h 3686629"/>
                <a:gd name="connsiteX2" fmla="*/ 2264228 w 5457371"/>
                <a:gd name="connsiteY2" fmla="*/ 783771 h 3686629"/>
                <a:gd name="connsiteX3" fmla="*/ 3352799 w 5457371"/>
                <a:gd name="connsiteY3" fmla="*/ 740229 h 3686629"/>
                <a:gd name="connsiteX4" fmla="*/ 4470399 w 5457371"/>
                <a:gd name="connsiteY4" fmla="*/ 1320800 h 3686629"/>
                <a:gd name="connsiteX5" fmla="*/ 5181599 w 5457371"/>
                <a:gd name="connsiteY5" fmla="*/ 1277258 h 3686629"/>
                <a:gd name="connsiteX6" fmla="*/ 5457371 w 5457371"/>
                <a:gd name="connsiteY6" fmla="*/ 3686629 h 3686629"/>
                <a:gd name="connsiteX7" fmla="*/ 0 w 5457371"/>
                <a:gd name="connsiteY7" fmla="*/ 3686629 h 3686629"/>
                <a:gd name="connsiteX8" fmla="*/ 0 w 5457371"/>
                <a:gd name="connsiteY8" fmla="*/ 14514 h 3686629"/>
                <a:gd name="connsiteX0" fmla="*/ 0 w 5457371"/>
                <a:gd name="connsiteY0" fmla="*/ 14514 h 3686629"/>
                <a:gd name="connsiteX1" fmla="*/ 740228 w 5457371"/>
                <a:gd name="connsiteY1" fmla="*/ 0 h 3686629"/>
                <a:gd name="connsiteX2" fmla="*/ 2264228 w 5457371"/>
                <a:gd name="connsiteY2" fmla="*/ 783771 h 3686629"/>
                <a:gd name="connsiteX3" fmla="*/ 3352799 w 5457371"/>
                <a:gd name="connsiteY3" fmla="*/ 740229 h 3686629"/>
                <a:gd name="connsiteX4" fmla="*/ 4470399 w 5457371"/>
                <a:gd name="connsiteY4" fmla="*/ 1320800 h 3686629"/>
                <a:gd name="connsiteX5" fmla="*/ 5181599 w 5457371"/>
                <a:gd name="connsiteY5" fmla="*/ 1277258 h 3686629"/>
                <a:gd name="connsiteX6" fmla="*/ 5283199 w 5457371"/>
                <a:gd name="connsiteY6" fmla="*/ 2148115 h 3686629"/>
                <a:gd name="connsiteX7" fmla="*/ 5457371 w 5457371"/>
                <a:gd name="connsiteY7" fmla="*/ 3686629 h 3686629"/>
                <a:gd name="connsiteX8" fmla="*/ 0 w 5457371"/>
                <a:gd name="connsiteY8" fmla="*/ 3686629 h 3686629"/>
                <a:gd name="connsiteX9" fmla="*/ 0 w 5457371"/>
                <a:gd name="connsiteY9" fmla="*/ 14514 h 3686629"/>
                <a:gd name="connsiteX0" fmla="*/ 0 w 5457371"/>
                <a:gd name="connsiteY0" fmla="*/ 14514 h 3686629"/>
                <a:gd name="connsiteX1" fmla="*/ 740228 w 5457371"/>
                <a:gd name="connsiteY1" fmla="*/ 0 h 3686629"/>
                <a:gd name="connsiteX2" fmla="*/ 2264228 w 5457371"/>
                <a:gd name="connsiteY2" fmla="*/ 783771 h 3686629"/>
                <a:gd name="connsiteX3" fmla="*/ 3352799 w 5457371"/>
                <a:gd name="connsiteY3" fmla="*/ 740229 h 3686629"/>
                <a:gd name="connsiteX4" fmla="*/ 4470399 w 5457371"/>
                <a:gd name="connsiteY4" fmla="*/ 1320800 h 3686629"/>
                <a:gd name="connsiteX5" fmla="*/ 5181599 w 5457371"/>
                <a:gd name="connsiteY5" fmla="*/ 1277258 h 3686629"/>
                <a:gd name="connsiteX6" fmla="*/ 4644571 w 5457371"/>
                <a:gd name="connsiteY6" fmla="*/ 1857829 h 3686629"/>
                <a:gd name="connsiteX7" fmla="*/ 5457371 w 5457371"/>
                <a:gd name="connsiteY7" fmla="*/ 3686629 h 3686629"/>
                <a:gd name="connsiteX8" fmla="*/ 0 w 5457371"/>
                <a:gd name="connsiteY8" fmla="*/ 3686629 h 3686629"/>
                <a:gd name="connsiteX9" fmla="*/ 0 w 5457371"/>
                <a:gd name="connsiteY9" fmla="*/ 14514 h 3686629"/>
                <a:gd name="connsiteX0" fmla="*/ 0 w 5457371"/>
                <a:gd name="connsiteY0" fmla="*/ 14514 h 3686629"/>
                <a:gd name="connsiteX1" fmla="*/ 740228 w 5457371"/>
                <a:gd name="connsiteY1" fmla="*/ 0 h 3686629"/>
                <a:gd name="connsiteX2" fmla="*/ 2264228 w 5457371"/>
                <a:gd name="connsiteY2" fmla="*/ 783771 h 3686629"/>
                <a:gd name="connsiteX3" fmla="*/ 3352799 w 5457371"/>
                <a:gd name="connsiteY3" fmla="*/ 740229 h 3686629"/>
                <a:gd name="connsiteX4" fmla="*/ 4470399 w 5457371"/>
                <a:gd name="connsiteY4" fmla="*/ 1320800 h 3686629"/>
                <a:gd name="connsiteX5" fmla="*/ 5181599 w 5457371"/>
                <a:gd name="connsiteY5" fmla="*/ 1277258 h 3686629"/>
                <a:gd name="connsiteX6" fmla="*/ 4644571 w 5457371"/>
                <a:gd name="connsiteY6" fmla="*/ 1857829 h 3686629"/>
                <a:gd name="connsiteX7" fmla="*/ 5457371 w 5457371"/>
                <a:gd name="connsiteY7" fmla="*/ 3686629 h 3686629"/>
                <a:gd name="connsiteX8" fmla="*/ 4383314 w 5457371"/>
                <a:gd name="connsiteY8" fmla="*/ 3672115 h 3686629"/>
                <a:gd name="connsiteX9" fmla="*/ 0 w 5457371"/>
                <a:gd name="connsiteY9" fmla="*/ 3686629 h 3686629"/>
                <a:gd name="connsiteX10" fmla="*/ 0 w 5457371"/>
                <a:gd name="connsiteY10" fmla="*/ 14514 h 3686629"/>
                <a:gd name="connsiteX0" fmla="*/ 0 w 5457371"/>
                <a:gd name="connsiteY0" fmla="*/ 14514 h 3686629"/>
                <a:gd name="connsiteX1" fmla="*/ 740228 w 5457371"/>
                <a:gd name="connsiteY1" fmla="*/ 0 h 3686629"/>
                <a:gd name="connsiteX2" fmla="*/ 2264228 w 5457371"/>
                <a:gd name="connsiteY2" fmla="*/ 783771 h 3686629"/>
                <a:gd name="connsiteX3" fmla="*/ 3352799 w 5457371"/>
                <a:gd name="connsiteY3" fmla="*/ 740229 h 3686629"/>
                <a:gd name="connsiteX4" fmla="*/ 4470399 w 5457371"/>
                <a:gd name="connsiteY4" fmla="*/ 1320800 h 3686629"/>
                <a:gd name="connsiteX5" fmla="*/ 5181599 w 5457371"/>
                <a:gd name="connsiteY5" fmla="*/ 1277258 h 3686629"/>
                <a:gd name="connsiteX6" fmla="*/ 4644571 w 5457371"/>
                <a:gd name="connsiteY6" fmla="*/ 1857829 h 3686629"/>
                <a:gd name="connsiteX7" fmla="*/ 5457371 w 5457371"/>
                <a:gd name="connsiteY7" fmla="*/ 3686629 h 3686629"/>
                <a:gd name="connsiteX8" fmla="*/ 3759200 w 5457371"/>
                <a:gd name="connsiteY8" fmla="*/ 2002972 h 3686629"/>
                <a:gd name="connsiteX9" fmla="*/ 0 w 5457371"/>
                <a:gd name="connsiteY9" fmla="*/ 3686629 h 3686629"/>
                <a:gd name="connsiteX10" fmla="*/ 0 w 5457371"/>
                <a:gd name="connsiteY10" fmla="*/ 14514 h 3686629"/>
                <a:gd name="connsiteX0" fmla="*/ 0 w 5457371"/>
                <a:gd name="connsiteY0" fmla="*/ 14514 h 3686629"/>
                <a:gd name="connsiteX1" fmla="*/ 740228 w 5457371"/>
                <a:gd name="connsiteY1" fmla="*/ 0 h 3686629"/>
                <a:gd name="connsiteX2" fmla="*/ 2264228 w 5457371"/>
                <a:gd name="connsiteY2" fmla="*/ 783771 h 3686629"/>
                <a:gd name="connsiteX3" fmla="*/ 3352799 w 5457371"/>
                <a:gd name="connsiteY3" fmla="*/ 740229 h 3686629"/>
                <a:gd name="connsiteX4" fmla="*/ 4470399 w 5457371"/>
                <a:gd name="connsiteY4" fmla="*/ 1320800 h 3686629"/>
                <a:gd name="connsiteX5" fmla="*/ 5181599 w 5457371"/>
                <a:gd name="connsiteY5" fmla="*/ 1277258 h 3686629"/>
                <a:gd name="connsiteX6" fmla="*/ 4644571 w 5457371"/>
                <a:gd name="connsiteY6" fmla="*/ 1857829 h 3686629"/>
                <a:gd name="connsiteX7" fmla="*/ 5457371 w 5457371"/>
                <a:gd name="connsiteY7" fmla="*/ 3686629 h 3686629"/>
                <a:gd name="connsiteX8" fmla="*/ 3759200 w 5457371"/>
                <a:gd name="connsiteY8" fmla="*/ 2002972 h 3686629"/>
                <a:gd name="connsiteX9" fmla="*/ 1930399 w 5457371"/>
                <a:gd name="connsiteY9" fmla="*/ 2815772 h 3686629"/>
                <a:gd name="connsiteX10" fmla="*/ 0 w 5457371"/>
                <a:gd name="connsiteY10" fmla="*/ 3686629 h 3686629"/>
                <a:gd name="connsiteX11" fmla="*/ 0 w 5457371"/>
                <a:gd name="connsiteY11" fmla="*/ 14514 h 3686629"/>
                <a:gd name="connsiteX0" fmla="*/ 0 w 5457371"/>
                <a:gd name="connsiteY0" fmla="*/ 14514 h 3686629"/>
                <a:gd name="connsiteX1" fmla="*/ 740228 w 5457371"/>
                <a:gd name="connsiteY1" fmla="*/ 0 h 3686629"/>
                <a:gd name="connsiteX2" fmla="*/ 2264228 w 5457371"/>
                <a:gd name="connsiteY2" fmla="*/ 783771 h 3686629"/>
                <a:gd name="connsiteX3" fmla="*/ 3352799 w 5457371"/>
                <a:gd name="connsiteY3" fmla="*/ 740229 h 3686629"/>
                <a:gd name="connsiteX4" fmla="*/ 4470399 w 5457371"/>
                <a:gd name="connsiteY4" fmla="*/ 1320800 h 3686629"/>
                <a:gd name="connsiteX5" fmla="*/ 5181599 w 5457371"/>
                <a:gd name="connsiteY5" fmla="*/ 1277258 h 3686629"/>
                <a:gd name="connsiteX6" fmla="*/ 4644571 w 5457371"/>
                <a:gd name="connsiteY6" fmla="*/ 1857829 h 3686629"/>
                <a:gd name="connsiteX7" fmla="*/ 5457371 w 5457371"/>
                <a:gd name="connsiteY7" fmla="*/ 3686629 h 3686629"/>
                <a:gd name="connsiteX8" fmla="*/ 3759200 w 5457371"/>
                <a:gd name="connsiteY8" fmla="*/ 2002972 h 3686629"/>
                <a:gd name="connsiteX9" fmla="*/ 2351314 w 5457371"/>
                <a:gd name="connsiteY9" fmla="*/ 2989943 h 3686629"/>
                <a:gd name="connsiteX10" fmla="*/ 0 w 5457371"/>
                <a:gd name="connsiteY10" fmla="*/ 3686629 h 3686629"/>
                <a:gd name="connsiteX11" fmla="*/ 0 w 5457371"/>
                <a:gd name="connsiteY11" fmla="*/ 14514 h 3686629"/>
                <a:gd name="connsiteX0" fmla="*/ 0 w 5457371"/>
                <a:gd name="connsiteY0" fmla="*/ 14514 h 3686629"/>
                <a:gd name="connsiteX1" fmla="*/ 740228 w 5457371"/>
                <a:gd name="connsiteY1" fmla="*/ 0 h 3686629"/>
                <a:gd name="connsiteX2" fmla="*/ 2264228 w 5457371"/>
                <a:gd name="connsiteY2" fmla="*/ 783771 h 3686629"/>
                <a:gd name="connsiteX3" fmla="*/ 3352799 w 5457371"/>
                <a:gd name="connsiteY3" fmla="*/ 740229 h 3686629"/>
                <a:gd name="connsiteX4" fmla="*/ 4470399 w 5457371"/>
                <a:gd name="connsiteY4" fmla="*/ 1320800 h 3686629"/>
                <a:gd name="connsiteX5" fmla="*/ 5181599 w 5457371"/>
                <a:gd name="connsiteY5" fmla="*/ 1277258 h 3686629"/>
                <a:gd name="connsiteX6" fmla="*/ 4644571 w 5457371"/>
                <a:gd name="connsiteY6" fmla="*/ 1857829 h 3686629"/>
                <a:gd name="connsiteX7" fmla="*/ 5457371 w 5457371"/>
                <a:gd name="connsiteY7" fmla="*/ 3686629 h 3686629"/>
                <a:gd name="connsiteX8" fmla="*/ 3759200 w 5457371"/>
                <a:gd name="connsiteY8" fmla="*/ 2002972 h 3686629"/>
                <a:gd name="connsiteX9" fmla="*/ 2351314 w 5457371"/>
                <a:gd name="connsiteY9" fmla="*/ 2989943 h 3686629"/>
                <a:gd name="connsiteX10" fmla="*/ 1248228 w 5457371"/>
                <a:gd name="connsiteY10" fmla="*/ 3309258 h 3686629"/>
                <a:gd name="connsiteX11" fmla="*/ 0 w 5457371"/>
                <a:gd name="connsiteY11" fmla="*/ 3686629 h 3686629"/>
                <a:gd name="connsiteX12" fmla="*/ 0 w 5457371"/>
                <a:gd name="connsiteY12" fmla="*/ 14514 h 3686629"/>
                <a:gd name="connsiteX0" fmla="*/ 0 w 5457371"/>
                <a:gd name="connsiteY0" fmla="*/ 14514 h 3686629"/>
                <a:gd name="connsiteX1" fmla="*/ 740228 w 5457371"/>
                <a:gd name="connsiteY1" fmla="*/ 0 h 3686629"/>
                <a:gd name="connsiteX2" fmla="*/ 2264228 w 5457371"/>
                <a:gd name="connsiteY2" fmla="*/ 783771 h 3686629"/>
                <a:gd name="connsiteX3" fmla="*/ 3352799 w 5457371"/>
                <a:gd name="connsiteY3" fmla="*/ 740229 h 3686629"/>
                <a:gd name="connsiteX4" fmla="*/ 4470399 w 5457371"/>
                <a:gd name="connsiteY4" fmla="*/ 1320800 h 3686629"/>
                <a:gd name="connsiteX5" fmla="*/ 5181599 w 5457371"/>
                <a:gd name="connsiteY5" fmla="*/ 1277258 h 3686629"/>
                <a:gd name="connsiteX6" fmla="*/ 4644571 w 5457371"/>
                <a:gd name="connsiteY6" fmla="*/ 1857829 h 3686629"/>
                <a:gd name="connsiteX7" fmla="*/ 5457371 w 5457371"/>
                <a:gd name="connsiteY7" fmla="*/ 3686629 h 3686629"/>
                <a:gd name="connsiteX8" fmla="*/ 3759200 w 5457371"/>
                <a:gd name="connsiteY8" fmla="*/ 2002972 h 3686629"/>
                <a:gd name="connsiteX9" fmla="*/ 2351314 w 5457371"/>
                <a:gd name="connsiteY9" fmla="*/ 2989943 h 3686629"/>
                <a:gd name="connsiteX10" fmla="*/ 1132113 w 5457371"/>
                <a:gd name="connsiteY10" fmla="*/ 3077029 h 3686629"/>
                <a:gd name="connsiteX11" fmla="*/ 0 w 5457371"/>
                <a:gd name="connsiteY11" fmla="*/ 3686629 h 3686629"/>
                <a:gd name="connsiteX12" fmla="*/ 0 w 5457371"/>
                <a:gd name="connsiteY12" fmla="*/ 14514 h 3686629"/>
                <a:gd name="connsiteX0" fmla="*/ 0 w 5181599"/>
                <a:gd name="connsiteY0" fmla="*/ 14514 h 3686629"/>
                <a:gd name="connsiteX1" fmla="*/ 740228 w 5181599"/>
                <a:gd name="connsiteY1" fmla="*/ 0 h 3686629"/>
                <a:gd name="connsiteX2" fmla="*/ 2264228 w 5181599"/>
                <a:gd name="connsiteY2" fmla="*/ 783771 h 3686629"/>
                <a:gd name="connsiteX3" fmla="*/ 3352799 w 5181599"/>
                <a:gd name="connsiteY3" fmla="*/ 740229 h 3686629"/>
                <a:gd name="connsiteX4" fmla="*/ 4470399 w 5181599"/>
                <a:gd name="connsiteY4" fmla="*/ 1320800 h 3686629"/>
                <a:gd name="connsiteX5" fmla="*/ 5181599 w 5181599"/>
                <a:gd name="connsiteY5" fmla="*/ 1277258 h 3686629"/>
                <a:gd name="connsiteX6" fmla="*/ 4644571 w 5181599"/>
                <a:gd name="connsiteY6" fmla="*/ 1857829 h 3686629"/>
                <a:gd name="connsiteX7" fmla="*/ 3759200 w 5181599"/>
                <a:gd name="connsiteY7" fmla="*/ 2002972 h 3686629"/>
                <a:gd name="connsiteX8" fmla="*/ 2351314 w 5181599"/>
                <a:gd name="connsiteY8" fmla="*/ 2989943 h 3686629"/>
                <a:gd name="connsiteX9" fmla="*/ 1132113 w 5181599"/>
                <a:gd name="connsiteY9" fmla="*/ 3077029 h 3686629"/>
                <a:gd name="connsiteX10" fmla="*/ 0 w 5181599"/>
                <a:gd name="connsiteY10" fmla="*/ 3686629 h 3686629"/>
                <a:gd name="connsiteX11" fmla="*/ 0 w 5181599"/>
                <a:gd name="connsiteY11" fmla="*/ 14514 h 3686629"/>
                <a:gd name="connsiteX0" fmla="*/ 0 w 5181599"/>
                <a:gd name="connsiteY0" fmla="*/ 42164 h 3714279"/>
                <a:gd name="connsiteX1" fmla="*/ 740228 w 5181599"/>
                <a:gd name="connsiteY1" fmla="*/ 27650 h 3714279"/>
                <a:gd name="connsiteX2" fmla="*/ 2264228 w 5181599"/>
                <a:gd name="connsiteY2" fmla="*/ 811421 h 3714279"/>
                <a:gd name="connsiteX3" fmla="*/ 3352799 w 5181599"/>
                <a:gd name="connsiteY3" fmla="*/ 767879 h 3714279"/>
                <a:gd name="connsiteX4" fmla="*/ 4470399 w 5181599"/>
                <a:gd name="connsiteY4" fmla="*/ 1348450 h 3714279"/>
                <a:gd name="connsiteX5" fmla="*/ 5181599 w 5181599"/>
                <a:gd name="connsiteY5" fmla="*/ 1304908 h 3714279"/>
                <a:gd name="connsiteX6" fmla="*/ 4644571 w 5181599"/>
                <a:gd name="connsiteY6" fmla="*/ 1885479 h 3714279"/>
                <a:gd name="connsiteX7" fmla="*/ 3759200 w 5181599"/>
                <a:gd name="connsiteY7" fmla="*/ 2030622 h 3714279"/>
                <a:gd name="connsiteX8" fmla="*/ 2351314 w 5181599"/>
                <a:gd name="connsiteY8" fmla="*/ 3017593 h 3714279"/>
                <a:gd name="connsiteX9" fmla="*/ 1132113 w 5181599"/>
                <a:gd name="connsiteY9" fmla="*/ 3104679 h 3714279"/>
                <a:gd name="connsiteX10" fmla="*/ 0 w 5181599"/>
                <a:gd name="connsiteY10" fmla="*/ 3714279 h 3714279"/>
                <a:gd name="connsiteX11" fmla="*/ 0 w 5181599"/>
                <a:gd name="connsiteY11" fmla="*/ 42164 h 3714279"/>
                <a:gd name="connsiteX0" fmla="*/ 0 w 5181599"/>
                <a:gd name="connsiteY0" fmla="*/ 42164 h 3714279"/>
                <a:gd name="connsiteX1" fmla="*/ 740228 w 5181599"/>
                <a:gd name="connsiteY1" fmla="*/ 27650 h 3714279"/>
                <a:gd name="connsiteX2" fmla="*/ 2264228 w 5181599"/>
                <a:gd name="connsiteY2" fmla="*/ 811421 h 3714279"/>
                <a:gd name="connsiteX3" fmla="*/ 3352799 w 5181599"/>
                <a:gd name="connsiteY3" fmla="*/ 767879 h 3714279"/>
                <a:gd name="connsiteX4" fmla="*/ 4470399 w 5181599"/>
                <a:gd name="connsiteY4" fmla="*/ 1348450 h 3714279"/>
                <a:gd name="connsiteX5" fmla="*/ 5181599 w 5181599"/>
                <a:gd name="connsiteY5" fmla="*/ 1304908 h 3714279"/>
                <a:gd name="connsiteX6" fmla="*/ 4644571 w 5181599"/>
                <a:gd name="connsiteY6" fmla="*/ 1885479 h 3714279"/>
                <a:gd name="connsiteX7" fmla="*/ 3759200 w 5181599"/>
                <a:gd name="connsiteY7" fmla="*/ 2030622 h 3714279"/>
                <a:gd name="connsiteX8" fmla="*/ 2351314 w 5181599"/>
                <a:gd name="connsiteY8" fmla="*/ 3017593 h 3714279"/>
                <a:gd name="connsiteX9" fmla="*/ 1132113 w 5181599"/>
                <a:gd name="connsiteY9" fmla="*/ 3104679 h 3714279"/>
                <a:gd name="connsiteX10" fmla="*/ 0 w 5181599"/>
                <a:gd name="connsiteY10" fmla="*/ 3714279 h 3714279"/>
                <a:gd name="connsiteX11" fmla="*/ 0 w 5181599"/>
                <a:gd name="connsiteY11" fmla="*/ 42164 h 3714279"/>
                <a:gd name="connsiteX0" fmla="*/ 0 w 5181599"/>
                <a:gd name="connsiteY0" fmla="*/ 48577 h 3720692"/>
                <a:gd name="connsiteX1" fmla="*/ 740228 w 5181599"/>
                <a:gd name="connsiteY1" fmla="*/ 34063 h 3720692"/>
                <a:gd name="connsiteX2" fmla="*/ 2264228 w 5181599"/>
                <a:gd name="connsiteY2" fmla="*/ 817834 h 3720692"/>
                <a:gd name="connsiteX3" fmla="*/ 3352799 w 5181599"/>
                <a:gd name="connsiteY3" fmla="*/ 774292 h 3720692"/>
                <a:gd name="connsiteX4" fmla="*/ 4470399 w 5181599"/>
                <a:gd name="connsiteY4" fmla="*/ 1354863 h 3720692"/>
                <a:gd name="connsiteX5" fmla="*/ 5181599 w 5181599"/>
                <a:gd name="connsiteY5" fmla="*/ 1311321 h 3720692"/>
                <a:gd name="connsiteX6" fmla="*/ 4644571 w 5181599"/>
                <a:gd name="connsiteY6" fmla="*/ 1891892 h 3720692"/>
                <a:gd name="connsiteX7" fmla="*/ 3759200 w 5181599"/>
                <a:gd name="connsiteY7" fmla="*/ 2037035 h 3720692"/>
                <a:gd name="connsiteX8" fmla="*/ 2351314 w 5181599"/>
                <a:gd name="connsiteY8" fmla="*/ 3024006 h 3720692"/>
                <a:gd name="connsiteX9" fmla="*/ 1132113 w 5181599"/>
                <a:gd name="connsiteY9" fmla="*/ 3111092 h 3720692"/>
                <a:gd name="connsiteX10" fmla="*/ 0 w 5181599"/>
                <a:gd name="connsiteY10" fmla="*/ 3720692 h 3720692"/>
                <a:gd name="connsiteX11" fmla="*/ 0 w 5181599"/>
                <a:gd name="connsiteY11" fmla="*/ 48577 h 3720692"/>
                <a:gd name="connsiteX0" fmla="*/ 0 w 5181599"/>
                <a:gd name="connsiteY0" fmla="*/ 45209 h 3717324"/>
                <a:gd name="connsiteX1" fmla="*/ 740228 w 5181599"/>
                <a:gd name="connsiteY1" fmla="*/ 30695 h 3717324"/>
                <a:gd name="connsiteX2" fmla="*/ 2264228 w 5181599"/>
                <a:gd name="connsiteY2" fmla="*/ 814466 h 3717324"/>
                <a:gd name="connsiteX3" fmla="*/ 3352799 w 5181599"/>
                <a:gd name="connsiteY3" fmla="*/ 770924 h 3717324"/>
                <a:gd name="connsiteX4" fmla="*/ 4470399 w 5181599"/>
                <a:gd name="connsiteY4" fmla="*/ 1351495 h 3717324"/>
                <a:gd name="connsiteX5" fmla="*/ 5181599 w 5181599"/>
                <a:gd name="connsiteY5" fmla="*/ 1307953 h 3717324"/>
                <a:gd name="connsiteX6" fmla="*/ 4644571 w 5181599"/>
                <a:gd name="connsiteY6" fmla="*/ 1888524 h 3717324"/>
                <a:gd name="connsiteX7" fmla="*/ 3759200 w 5181599"/>
                <a:gd name="connsiteY7" fmla="*/ 2033667 h 3717324"/>
                <a:gd name="connsiteX8" fmla="*/ 2351314 w 5181599"/>
                <a:gd name="connsiteY8" fmla="*/ 3020638 h 3717324"/>
                <a:gd name="connsiteX9" fmla="*/ 1132113 w 5181599"/>
                <a:gd name="connsiteY9" fmla="*/ 3107724 h 3717324"/>
                <a:gd name="connsiteX10" fmla="*/ 0 w 5181599"/>
                <a:gd name="connsiteY10" fmla="*/ 3717324 h 3717324"/>
                <a:gd name="connsiteX11" fmla="*/ 0 w 5181599"/>
                <a:gd name="connsiteY11" fmla="*/ 45209 h 3717324"/>
                <a:gd name="connsiteX0" fmla="*/ 0 w 5181599"/>
                <a:gd name="connsiteY0" fmla="*/ 28368 h 3700483"/>
                <a:gd name="connsiteX1" fmla="*/ 740228 w 5181599"/>
                <a:gd name="connsiteY1" fmla="*/ 36714 h 3700483"/>
                <a:gd name="connsiteX2" fmla="*/ 2264228 w 5181599"/>
                <a:gd name="connsiteY2" fmla="*/ 797625 h 3700483"/>
                <a:gd name="connsiteX3" fmla="*/ 3352799 w 5181599"/>
                <a:gd name="connsiteY3" fmla="*/ 754083 h 3700483"/>
                <a:gd name="connsiteX4" fmla="*/ 4470399 w 5181599"/>
                <a:gd name="connsiteY4" fmla="*/ 1334654 h 3700483"/>
                <a:gd name="connsiteX5" fmla="*/ 5181599 w 5181599"/>
                <a:gd name="connsiteY5" fmla="*/ 1291112 h 3700483"/>
                <a:gd name="connsiteX6" fmla="*/ 4644571 w 5181599"/>
                <a:gd name="connsiteY6" fmla="*/ 1871683 h 3700483"/>
                <a:gd name="connsiteX7" fmla="*/ 3759200 w 5181599"/>
                <a:gd name="connsiteY7" fmla="*/ 2016826 h 3700483"/>
                <a:gd name="connsiteX8" fmla="*/ 2351314 w 5181599"/>
                <a:gd name="connsiteY8" fmla="*/ 3003797 h 3700483"/>
                <a:gd name="connsiteX9" fmla="*/ 1132113 w 5181599"/>
                <a:gd name="connsiteY9" fmla="*/ 3090883 h 3700483"/>
                <a:gd name="connsiteX10" fmla="*/ 0 w 5181599"/>
                <a:gd name="connsiteY10" fmla="*/ 3700483 h 3700483"/>
                <a:gd name="connsiteX11" fmla="*/ 0 w 5181599"/>
                <a:gd name="connsiteY11" fmla="*/ 28368 h 3700483"/>
                <a:gd name="connsiteX0" fmla="*/ 0 w 5181599"/>
                <a:gd name="connsiteY0" fmla="*/ 28368 h 3700483"/>
                <a:gd name="connsiteX1" fmla="*/ 740228 w 5181599"/>
                <a:gd name="connsiteY1" fmla="*/ 36714 h 3700483"/>
                <a:gd name="connsiteX2" fmla="*/ 2264228 w 5181599"/>
                <a:gd name="connsiteY2" fmla="*/ 797625 h 3700483"/>
                <a:gd name="connsiteX3" fmla="*/ 3352799 w 5181599"/>
                <a:gd name="connsiteY3" fmla="*/ 754083 h 3700483"/>
                <a:gd name="connsiteX4" fmla="*/ 4470399 w 5181599"/>
                <a:gd name="connsiteY4" fmla="*/ 1334654 h 3700483"/>
                <a:gd name="connsiteX5" fmla="*/ 5181599 w 5181599"/>
                <a:gd name="connsiteY5" fmla="*/ 1291112 h 3700483"/>
                <a:gd name="connsiteX6" fmla="*/ 4644571 w 5181599"/>
                <a:gd name="connsiteY6" fmla="*/ 1871683 h 3700483"/>
                <a:gd name="connsiteX7" fmla="*/ 3759200 w 5181599"/>
                <a:gd name="connsiteY7" fmla="*/ 2016826 h 3700483"/>
                <a:gd name="connsiteX8" fmla="*/ 2351314 w 5181599"/>
                <a:gd name="connsiteY8" fmla="*/ 3003797 h 3700483"/>
                <a:gd name="connsiteX9" fmla="*/ 1132113 w 5181599"/>
                <a:gd name="connsiteY9" fmla="*/ 3090883 h 3700483"/>
                <a:gd name="connsiteX10" fmla="*/ 0 w 5181599"/>
                <a:gd name="connsiteY10" fmla="*/ 3700483 h 3700483"/>
                <a:gd name="connsiteX11" fmla="*/ 0 w 5181599"/>
                <a:gd name="connsiteY11" fmla="*/ 28368 h 3700483"/>
                <a:gd name="connsiteX0" fmla="*/ 0 w 5181599"/>
                <a:gd name="connsiteY0" fmla="*/ 28368 h 3700483"/>
                <a:gd name="connsiteX1" fmla="*/ 740228 w 5181599"/>
                <a:gd name="connsiteY1" fmla="*/ 36714 h 3700483"/>
                <a:gd name="connsiteX2" fmla="*/ 2264228 w 5181599"/>
                <a:gd name="connsiteY2" fmla="*/ 797625 h 3700483"/>
                <a:gd name="connsiteX3" fmla="*/ 3352799 w 5181599"/>
                <a:gd name="connsiteY3" fmla="*/ 754083 h 3700483"/>
                <a:gd name="connsiteX4" fmla="*/ 4470399 w 5181599"/>
                <a:gd name="connsiteY4" fmla="*/ 1334654 h 3700483"/>
                <a:gd name="connsiteX5" fmla="*/ 5181599 w 5181599"/>
                <a:gd name="connsiteY5" fmla="*/ 1291112 h 3700483"/>
                <a:gd name="connsiteX6" fmla="*/ 4644571 w 5181599"/>
                <a:gd name="connsiteY6" fmla="*/ 1871683 h 3700483"/>
                <a:gd name="connsiteX7" fmla="*/ 3759200 w 5181599"/>
                <a:gd name="connsiteY7" fmla="*/ 2016826 h 3700483"/>
                <a:gd name="connsiteX8" fmla="*/ 2351314 w 5181599"/>
                <a:gd name="connsiteY8" fmla="*/ 3003797 h 3700483"/>
                <a:gd name="connsiteX9" fmla="*/ 1132113 w 5181599"/>
                <a:gd name="connsiteY9" fmla="*/ 3090883 h 3700483"/>
                <a:gd name="connsiteX10" fmla="*/ 0 w 5181599"/>
                <a:gd name="connsiteY10" fmla="*/ 3700483 h 3700483"/>
                <a:gd name="connsiteX11" fmla="*/ 0 w 5181599"/>
                <a:gd name="connsiteY11" fmla="*/ 28368 h 3700483"/>
                <a:gd name="connsiteX0" fmla="*/ 0 w 5181599"/>
                <a:gd name="connsiteY0" fmla="*/ 28368 h 3700483"/>
                <a:gd name="connsiteX1" fmla="*/ 740228 w 5181599"/>
                <a:gd name="connsiteY1" fmla="*/ 36714 h 3700483"/>
                <a:gd name="connsiteX2" fmla="*/ 2264228 w 5181599"/>
                <a:gd name="connsiteY2" fmla="*/ 797625 h 3700483"/>
                <a:gd name="connsiteX3" fmla="*/ 3352799 w 5181599"/>
                <a:gd name="connsiteY3" fmla="*/ 754083 h 3700483"/>
                <a:gd name="connsiteX4" fmla="*/ 4470399 w 5181599"/>
                <a:gd name="connsiteY4" fmla="*/ 1334654 h 3700483"/>
                <a:gd name="connsiteX5" fmla="*/ 5181599 w 5181599"/>
                <a:gd name="connsiteY5" fmla="*/ 1291112 h 3700483"/>
                <a:gd name="connsiteX6" fmla="*/ 4644571 w 5181599"/>
                <a:gd name="connsiteY6" fmla="*/ 1871683 h 3700483"/>
                <a:gd name="connsiteX7" fmla="*/ 3759200 w 5181599"/>
                <a:gd name="connsiteY7" fmla="*/ 2016826 h 3700483"/>
                <a:gd name="connsiteX8" fmla="*/ 2351314 w 5181599"/>
                <a:gd name="connsiteY8" fmla="*/ 3003797 h 3700483"/>
                <a:gd name="connsiteX9" fmla="*/ 1132113 w 5181599"/>
                <a:gd name="connsiteY9" fmla="*/ 3090883 h 3700483"/>
                <a:gd name="connsiteX10" fmla="*/ 0 w 5181599"/>
                <a:gd name="connsiteY10" fmla="*/ 3700483 h 3700483"/>
                <a:gd name="connsiteX11" fmla="*/ 0 w 5181599"/>
                <a:gd name="connsiteY11" fmla="*/ 28368 h 3700483"/>
                <a:gd name="connsiteX0" fmla="*/ 0 w 5181599"/>
                <a:gd name="connsiteY0" fmla="*/ 28368 h 3700483"/>
                <a:gd name="connsiteX1" fmla="*/ 740228 w 5181599"/>
                <a:gd name="connsiteY1" fmla="*/ 36714 h 3700483"/>
                <a:gd name="connsiteX2" fmla="*/ 2454728 w 5181599"/>
                <a:gd name="connsiteY2" fmla="*/ 782385 h 3700483"/>
                <a:gd name="connsiteX3" fmla="*/ 3352799 w 5181599"/>
                <a:gd name="connsiteY3" fmla="*/ 754083 h 3700483"/>
                <a:gd name="connsiteX4" fmla="*/ 4470399 w 5181599"/>
                <a:gd name="connsiteY4" fmla="*/ 1334654 h 3700483"/>
                <a:gd name="connsiteX5" fmla="*/ 5181599 w 5181599"/>
                <a:gd name="connsiteY5" fmla="*/ 1291112 h 3700483"/>
                <a:gd name="connsiteX6" fmla="*/ 4644571 w 5181599"/>
                <a:gd name="connsiteY6" fmla="*/ 1871683 h 3700483"/>
                <a:gd name="connsiteX7" fmla="*/ 3759200 w 5181599"/>
                <a:gd name="connsiteY7" fmla="*/ 2016826 h 3700483"/>
                <a:gd name="connsiteX8" fmla="*/ 2351314 w 5181599"/>
                <a:gd name="connsiteY8" fmla="*/ 3003797 h 3700483"/>
                <a:gd name="connsiteX9" fmla="*/ 1132113 w 5181599"/>
                <a:gd name="connsiteY9" fmla="*/ 3090883 h 3700483"/>
                <a:gd name="connsiteX10" fmla="*/ 0 w 5181599"/>
                <a:gd name="connsiteY10" fmla="*/ 3700483 h 3700483"/>
                <a:gd name="connsiteX11" fmla="*/ 0 w 5181599"/>
                <a:gd name="connsiteY11" fmla="*/ 28368 h 3700483"/>
                <a:gd name="connsiteX0" fmla="*/ 0 w 5181599"/>
                <a:gd name="connsiteY0" fmla="*/ 28368 h 3700483"/>
                <a:gd name="connsiteX1" fmla="*/ 740228 w 5181599"/>
                <a:gd name="connsiteY1" fmla="*/ 36714 h 3700483"/>
                <a:gd name="connsiteX2" fmla="*/ 2424248 w 5181599"/>
                <a:gd name="connsiteY2" fmla="*/ 828105 h 3700483"/>
                <a:gd name="connsiteX3" fmla="*/ 3352799 w 5181599"/>
                <a:gd name="connsiteY3" fmla="*/ 754083 h 3700483"/>
                <a:gd name="connsiteX4" fmla="*/ 4470399 w 5181599"/>
                <a:gd name="connsiteY4" fmla="*/ 1334654 h 3700483"/>
                <a:gd name="connsiteX5" fmla="*/ 5181599 w 5181599"/>
                <a:gd name="connsiteY5" fmla="*/ 1291112 h 3700483"/>
                <a:gd name="connsiteX6" fmla="*/ 4644571 w 5181599"/>
                <a:gd name="connsiteY6" fmla="*/ 1871683 h 3700483"/>
                <a:gd name="connsiteX7" fmla="*/ 3759200 w 5181599"/>
                <a:gd name="connsiteY7" fmla="*/ 2016826 h 3700483"/>
                <a:gd name="connsiteX8" fmla="*/ 2351314 w 5181599"/>
                <a:gd name="connsiteY8" fmla="*/ 3003797 h 3700483"/>
                <a:gd name="connsiteX9" fmla="*/ 1132113 w 5181599"/>
                <a:gd name="connsiteY9" fmla="*/ 3090883 h 3700483"/>
                <a:gd name="connsiteX10" fmla="*/ 0 w 5181599"/>
                <a:gd name="connsiteY10" fmla="*/ 3700483 h 3700483"/>
                <a:gd name="connsiteX11" fmla="*/ 0 w 5181599"/>
                <a:gd name="connsiteY11" fmla="*/ 28368 h 3700483"/>
                <a:gd name="connsiteX0" fmla="*/ 0 w 5181599"/>
                <a:gd name="connsiteY0" fmla="*/ 28368 h 3700483"/>
                <a:gd name="connsiteX1" fmla="*/ 740228 w 5181599"/>
                <a:gd name="connsiteY1" fmla="*/ 36714 h 3700483"/>
                <a:gd name="connsiteX2" fmla="*/ 2424248 w 5181599"/>
                <a:gd name="connsiteY2" fmla="*/ 828105 h 3700483"/>
                <a:gd name="connsiteX3" fmla="*/ 3352799 w 5181599"/>
                <a:gd name="connsiteY3" fmla="*/ 754083 h 3700483"/>
                <a:gd name="connsiteX4" fmla="*/ 4470399 w 5181599"/>
                <a:gd name="connsiteY4" fmla="*/ 1334654 h 3700483"/>
                <a:gd name="connsiteX5" fmla="*/ 5181599 w 5181599"/>
                <a:gd name="connsiteY5" fmla="*/ 1291112 h 3700483"/>
                <a:gd name="connsiteX6" fmla="*/ 4644571 w 5181599"/>
                <a:gd name="connsiteY6" fmla="*/ 1871683 h 3700483"/>
                <a:gd name="connsiteX7" fmla="*/ 3759200 w 5181599"/>
                <a:gd name="connsiteY7" fmla="*/ 2016826 h 3700483"/>
                <a:gd name="connsiteX8" fmla="*/ 2351314 w 5181599"/>
                <a:gd name="connsiteY8" fmla="*/ 3003797 h 3700483"/>
                <a:gd name="connsiteX9" fmla="*/ 1132113 w 5181599"/>
                <a:gd name="connsiteY9" fmla="*/ 3090883 h 3700483"/>
                <a:gd name="connsiteX10" fmla="*/ 0 w 5181599"/>
                <a:gd name="connsiteY10" fmla="*/ 3700483 h 3700483"/>
                <a:gd name="connsiteX11" fmla="*/ 0 w 5181599"/>
                <a:gd name="connsiteY11" fmla="*/ 28368 h 3700483"/>
                <a:gd name="connsiteX0" fmla="*/ 0 w 5181599"/>
                <a:gd name="connsiteY0" fmla="*/ 28368 h 3700483"/>
                <a:gd name="connsiteX1" fmla="*/ 740228 w 5181599"/>
                <a:gd name="connsiteY1" fmla="*/ 36714 h 3700483"/>
                <a:gd name="connsiteX2" fmla="*/ 2424248 w 5181599"/>
                <a:gd name="connsiteY2" fmla="*/ 828105 h 3700483"/>
                <a:gd name="connsiteX3" fmla="*/ 3352799 w 5181599"/>
                <a:gd name="connsiteY3" fmla="*/ 754083 h 3700483"/>
                <a:gd name="connsiteX4" fmla="*/ 4470399 w 5181599"/>
                <a:gd name="connsiteY4" fmla="*/ 1334654 h 3700483"/>
                <a:gd name="connsiteX5" fmla="*/ 5181599 w 5181599"/>
                <a:gd name="connsiteY5" fmla="*/ 1291112 h 3700483"/>
                <a:gd name="connsiteX6" fmla="*/ 4644571 w 5181599"/>
                <a:gd name="connsiteY6" fmla="*/ 1871683 h 3700483"/>
                <a:gd name="connsiteX7" fmla="*/ 3759200 w 5181599"/>
                <a:gd name="connsiteY7" fmla="*/ 2016826 h 3700483"/>
                <a:gd name="connsiteX8" fmla="*/ 2351314 w 5181599"/>
                <a:gd name="connsiteY8" fmla="*/ 3003797 h 3700483"/>
                <a:gd name="connsiteX9" fmla="*/ 1132113 w 5181599"/>
                <a:gd name="connsiteY9" fmla="*/ 3090883 h 3700483"/>
                <a:gd name="connsiteX10" fmla="*/ 0 w 5181599"/>
                <a:gd name="connsiteY10" fmla="*/ 3700483 h 3700483"/>
                <a:gd name="connsiteX11" fmla="*/ 0 w 5181599"/>
                <a:gd name="connsiteY11" fmla="*/ 28368 h 3700483"/>
                <a:gd name="connsiteX0" fmla="*/ 0 w 5181599"/>
                <a:gd name="connsiteY0" fmla="*/ 28368 h 3700483"/>
                <a:gd name="connsiteX1" fmla="*/ 740228 w 5181599"/>
                <a:gd name="connsiteY1" fmla="*/ 36714 h 3700483"/>
                <a:gd name="connsiteX2" fmla="*/ 2424248 w 5181599"/>
                <a:gd name="connsiteY2" fmla="*/ 828105 h 3700483"/>
                <a:gd name="connsiteX3" fmla="*/ 3436619 w 5181599"/>
                <a:gd name="connsiteY3" fmla="*/ 754083 h 3700483"/>
                <a:gd name="connsiteX4" fmla="*/ 4470399 w 5181599"/>
                <a:gd name="connsiteY4" fmla="*/ 1334654 h 3700483"/>
                <a:gd name="connsiteX5" fmla="*/ 5181599 w 5181599"/>
                <a:gd name="connsiteY5" fmla="*/ 1291112 h 3700483"/>
                <a:gd name="connsiteX6" fmla="*/ 4644571 w 5181599"/>
                <a:gd name="connsiteY6" fmla="*/ 1871683 h 3700483"/>
                <a:gd name="connsiteX7" fmla="*/ 3759200 w 5181599"/>
                <a:gd name="connsiteY7" fmla="*/ 2016826 h 3700483"/>
                <a:gd name="connsiteX8" fmla="*/ 2351314 w 5181599"/>
                <a:gd name="connsiteY8" fmla="*/ 3003797 h 3700483"/>
                <a:gd name="connsiteX9" fmla="*/ 1132113 w 5181599"/>
                <a:gd name="connsiteY9" fmla="*/ 3090883 h 3700483"/>
                <a:gd name="connsiteX10" fmla="*/ 0 w 5181599"/>
                <a:gd name="connsiteY10" fmla="*/ 3700483 h 3700483"/>
                <a:gd name="connsiteX11" fmla="*/ 0 w 5181599"/>
                <a:gd name="connsiteY11" fmla="*/ 28368 h 3700483"/>
                <a:gd name="connsiteX0" fmla="*/ 0 w 5181599"/>
                <a:gd name="connsiteY0" fmla="*/ 28368 h 3700483"/>
                <a:gd name="connsiteX1" fmla="*/ 740228 w 5181599"/>
                <a:gd name="connsiteY1" fmla="*/ 36714 h 3700483"/>
                <a:gd name="connsiteX2" fmla="*/ 2424248 w 5181599"/>
                <a:gd name="connsiteY2" fmla="*/ 828105 h 3700483"/>
                <a:gd name="connsiteX3" fmla="*/ 3436619 w 5181599"/>
                <a:gd name="connsiteY3" fmla="*/ 754083 h 3700483"/>
                <a:gd name="connsiteX4" fmla="*/ 4470399 w 5181599"/>
                <a:gd name="connsiteY4" fmla="*/ 1334654 h 3700483"/>
                <a:gd name="connsiteX5" fmla="*/ 5181599 w 5181599"/>
                <a:gd name="connsiteY5" fmla="*/ 1291112 h 3700483"/>
                <a:gd name="connsiteX6" fmla="*/ 4644571 w 5181599"/>
                <a:gd name="connsiteY6" fmla="*/ 1871683 h 3700483"/>
                <a:gd name="connsiteX7" fmla="*/ 3759200 w 5181599"/>
                <a:gd name="connsiteY7" fmla="*/ 2016826 h 3700483"/>
                <a:gd name="connsiteX8" fmla="*/ 2351314 w 5181599"/>
                <a:gd name="connsiteY8" fmla="*/ 3003797 h 3700483"/>
                <a:gd name="connsiteX9" fmla="*/ 1132113 w 5181599"/>
                <a:gd name="connsiteY9" fmla="*/ 3090883 h 3700483"/>
                <a:gd name="connsiteX10" fmla="*/ 0 w 5181599"/>
                <a:gd name="connsiteY10" fmla="*/ 3700483 h 3700483"/>
                <a:gd name="connsiteX11" fmla="*/ 0 w 5181599"/>
                <a:gd name="connsiteY11" fmla="*/ 28368 h 3700483"/>
                <a:gd name="connsiteX0" fmla="*/ 0 w 5181599"/>
                <a:gd name="connsiteY0" fmla="*/ 28368 h 3700483"/>
                <a:gd name="connsiteX1" fmla="*/ 740228 w 5181599"/>
                <a:gd name="connsiteY1" fmla="*/ 36714 h 3700483"/>
                <a:gd name="connsiteX2" fmla="*/ 2424248 w 5181599"/>
                <a:gd name="connsiteY2" fmla="*/ 828105 h 3700483"/>
                <a:gd name="connsiteX3" fmla="*/ 3436619 w 5181599"/>
                <a:gd name="connsiteY3" fmla="*/ 754083 h 3700483"/>
                <a:gd name="connsiteX4" fmla="*/ 4470399 w 5181599"/>
                <a:gd name="connsiteY4" fmla="*/ 1334654 h 3700483"/>
                <a:gd name="connsiteX5" fmla="*/ 5181599 w 5181599"/>
                <a:gd name="connsiteY5" fmla="*/ 1291112 h 3700483"/>
                <a:gd name="connsiteX6" fmla="*/ 4644571 w 5181599"/>
                <a:gd name="connsiteY6" fmla="*/ 1871683 h 3700483"/>
                <a:gd name="connsiteX7" fmla="*/ 3759200 w 5181599"/>
                <a:gd name="connsiteY7" fmla="*/ 2016826 h 3700483"/>
                <a:gd name="connsiteX8" fmla="*/ 2351314 w 5181599"/>
                <a:gd name="connsiteY8" fmla="*/ 3003797 h 3700483"/>
                <a:gd name="connsiteX9" fmla="*/ 1132113 w 5181599"/>
                <a:gd name="connsiteY9" fmla="*/ 3090883 h 3700483"/>
                <a:gd name="connsiteX10" fmla="*/ 0 w 5181599"/>
                <a:gd name="connsiteY10" fmla="*/ 3700483 h 3700483"/>
                <a:gd name="connsiteX11" fmla="*/ 0 w 5181599"/>
                <a:gd name="connsiteY11" fmla="*/ 28368 h 3700483"/>
                <a:gd name="connsiteX0" fmla="*/ 0 w 5181599"/>
                <a:gd name="connsiteY0" fmla="*/ 28368 h 3700483"/>
                <a:gd name="connsiteX1" fmla="*/ 740228 w 5181599"/>
                <a:gd name="connsiteY1" fmla="*/ 36714 h 3700483"/>
                <a:gd name="connsiteX2" fmla="*/ 2424248 w 5181599"/>
                <a:gd name="connsiteY2" fmla="*/ 828105 h 3700483"/>
                <a:gd name="connsiteX3" fmla="*/ 3436619 w 5181599"/>
                <a:gd name="connsiteY3" fmla="*/ 754083 h 3700483"/>
                <a:gd name="connsiteX4" fmla="*/ 4470399 w 5181599"/>
                <a:gd name="connsiteY4" fmla="*/ 1334654 h 3700483"/>
                <a:gd name="connsiteX5" fmla="*/ 5181599 w 5181599"/>
                <a:gd name="connsiteY5" fmla="*/ 1291112 h 3700483"/>
                <a:gd name="connsiteX6" fmla="*/ 4644571 w 5181599"/>
                <a:gd name="connsiteY6" fmla="*/ 1871683 h 3700483"/>
                <a:gd name="connsiteX7" fmla="*/ 3759200 w 5181599"/>
                <a:gd name="connsiteY7" fmla="*/ 2016826 h 3700483"/>
                <a:gd name="connsiteX8" fmla="*/ 2351314 w 5181599"/>
                <a:gd name="connsiteY8" fmla="*/ 3003797 h 3700483"/>
                <a:gd name="connsiteX9" fmla="*/ 1132113 w 5181599"/>
                <a:gd name="connsiteY9" fmla="*/ 3090883 h 3700483"/>
                <a:gd name="connsiteX10" fmla="*/ 0 w 5181599"/>
                <a:gd name="connsiteY10" fmla="*/ 3700483 h 3700483"/>
                <a:gd name="connsiteX11" fmla="*/ 0 w 5181599"/>
                <a:gd name="connsiteY11" fmla="*/ 28368 h 3700483"/>
                <a:gd name="connsiteX0" fmla="*/ 0 w 5181599"/>
                <a:gd name="connsiteY0" fmla="*/ 28368 h 3700483"/>
                <a:gd name="connsiteX1" fmla="*/ 740228 w 5181599"/>
                <a:gd name="connsiteY1" fmla="*/ 36714 h 3700483"/>
                <a:gd name="connsiteX2" fmla="*/ 2424248 w 5181599"/>
                <a:gd name="connsiteY2" fmla="*/ 828105 h 3700483"/>
                <a:gd name="connsiteX3" fmla="*/ 3436619 w 5181599"/>
                <a:gd name="connsiteY3" fmla="*/ 754083 h 3700483"/>
                <a:gd name="connsiteX4" fmla="*/ 4470399 w 5181599"/>
                <a:gd name="connsiteY4" fmla="*/ 1334654 h 3700483"/>
                <a:gd name="connsiteX5" fmla="*/ 5181599 w 5181599"/>
                <a:gd name="connsiteY5" fmla="*/ 1291112 h 3700483"/>
                <a:gd name="connsiteX6" fmla="*/ 4644571 w 5181599"/>
                <a:gd name="connsiteY6" fmla="*/ 1871683 h 3700483"/>
                <a:gd name="connsiteX7" fmla="*/ 3759200 w 5181599"/>
                <a:gd name="connsiteY7" fmla="*/ 2016826 h 3700483"/>
                <a:gd name="connsiteX8" fmla="*/ 2351314 w 5181599"/>
                <a:gd name="connsiteY8" fmla="*/ 3003797 h 3700483"/>
                <a:gd name="connsiteX9" fmla="*/ 1132113 w 5181599"/>
                <a:gd name="connsiteY9" fmla="*/ 3090883 h 3700483"/>
                <a:gd name="connsiteX10" fmla="*/ 0 w 5181599"/>
                <a:gd name="connsiteY10" fmla="*/ 3700483 h 3700483"/>
                <a:gd name="connsiteX11" fmla="*/ 0 w 5181599"/>
                <a:gd name="connsiteY11" fmla="*/ 28368 h 3700483"/>
                <a:gd name="connsiteX0" fmla="*/ 0 w 5181599"/>
                <a:gd name="connsiteY0" fmla="*/ 28368 h 3700483"/>
                <a:gd name="connsiteX1" fmla="*/ 740228 w 5181599"/>
                <a:gd name="connsiteY1" fmla="*/ 36714 h 3700483"/>
                <a:gd name="connsiteX2" fmla="*/ 2424248 w 5181599"/>
                <a:gd name="connsiteY2" fmla="*/ 828105 h 3700483"/>
                <a:gd name="connsiteX3" fmla="*/ 3436619 w 5181599"/>
                <a:gd name="connsiteY3" fmla="*/ 754083 h 3700483"/>
                <a:gd name="connsiteX4" fmla="*/ 4470399 w 5181599"/>
                <a:gd name="connsiteY4" fmla="*/ 1334654 h 3700483"/>
                <a:gd name="connsiteX5" fmla="*/ 5181599 w 5181599"/>
                <a:gd name="connsiteY5" fmla="*/ 1291112 h 3700483"/>
                <a:gd name="connsiteX6" fmla="*/ 4644571 w 5181599"/>
                <a:gd name="connsiteY6" fmla="*/ 1871683 h 3700483"/>
                <a:gd name="connsiteX7" fmla="*/ 3759200 w 5181599"/>
                <a:gd name="connsiteY7" fmla="*/ 2016826 h 3700483"/>
                <a:gd name="connsiteX8" fmla="*/ 2351314 w 5181599"/>
                <a:gd name="connsiteY8" fmla="*/ 3003797 h 3700483"/>
                <a:gd name="connsiteX9" fmla="*/ 1132113 w 5181599"/>
                <a:gd name="connsiteY9" fmla="*/ 3090883 h 3700483"/>
                <a:gd name="connsiteX10" fmla="*/ 0 w 5181599"/>
                <a:gd name="connsiteY10" fmla="*/ 3700483 h 3700483"/>
                <a:gd name="connsiteX11" fmla="*/ 0 w 5181599"/>
                <a:gd name="connsiteY11" fmla="*/ 28368 h 3700483"/>
                <a:gd name="connsiteX0" fmla="*/ 0 w 5181599"/>
                <a:gd name="connsiteY0" fmla="*/ 28368 h 3700483"/>
                <a:gd name="connsiteX1" fmla="*/ 740228 w 5181599"/>
                <a:gd name="connsiteY1" fmla="*/ 36714 h 3700483"/>
                <a:gd name="connsiteX2" fmla="*/ 2424248 w 5181599"/>
                <a:gd name="connsiteY2" fmla="*/ 828105 h 3700483"/>
                <a:gd name="connsiteX3" fmla="*/ 3436619 w 5181599"/>
                <a:gd name="connsiteY3" fmla="*/ 754083 h 3700483"/>
                <a:gd name="connsiteX4" fmla="*/ 4470399 w 5181599"/>
                <a:gd name="connsiteY4" fmla="*/ 1334654 h 3700483"/>
                <a:gd name="connsiteX5" fmla="*/ 5181599 w 5181599"/>
                <a:gd name="connsiteY5" fmla="*/ 1291112 h 3700483"/>
                <a:gd name="connsiteX6" fmla="*/ 4644571 w 5181599"/>
                <a:gd name="connsiteY6" fmla="*/ 1871683 h 3700483"/>
                <a:gd name="connsiteX7" fmla="*/ 3759200 w 5181599"/>
                <a:gd name="connsiteY7" fmla="*/ 2016826 h 3700483"/>
                <a:gd name="connsiteX8" fmla="*/ 2351314 w 5181599"/>
                <a:gd name="connsiteY8" fmla="*/ 3003797 h 3700483"/>
                <a:gd name="connsiteX9" fmla="*/ 1132113 w 5181599"/>
                <a:gd name="connsiteY9" fmla="*/ 3090883 h 3700483"/>
                <a:gd name="connsiteX10" fmla="*/ 0 w 5181599"/>
                <a:gd name="connsiteY10" fmla="*/ 3700483 h 3700483"/>
                <a:gd name="connsiteX11" fmla="*/ 0 w 5181599"/>
                <a:gd name="connsiteY11" fmla="*/ 28368 h 3700483"/>
                <a:gd name="connsiteX0" fmla="*/ 0 w 5181599"/>
                <a:gd name="connsiteY0" fmla="*/ 28368 h 3700483"/>
                <a:gd name="connsiteX1" fmla="*/ 740228 w 5181599"/>
                <a:gd name="connsiteY1" fmla="*/ 36714 h 3700483"/>
                <a:gd name="connsiteX2" fmla="*/ 2424248 w 5181599"/>
                <a:gd name="connsiteY2" fmla="*/ 828105 h 3700483"/>
                <a:gd name="connsiteX3" fmla="*/ 3436619 w 5181599"/>
                <a:gd name="connsiteY3" fmla="*/ 754083 h 3700483"/>
                <a:gd name="connsiteX4" fmla="*/ 4470399 w 5181599"/>
                <a:gd name="connsiteY4" fmla="*/ 1334654 h 3700483"/>
                <a:gd name="connsiteX5" fmla="*/ 5181599 w 5181599"/>
                <a:gd name="connsiteY5" fmla="*/ 1291112 h 3700483"/>
                <a:gd name="connsiteX6" fmla="*/ 4644571 w 5181599"/>
                <a:gd name="connsiteY6" fmla="*/ 1871683 h 3700483"/>
                <a:gd name="connsiteX7" fmla="*/ 3759200 w 5181599"/>
                <a:gd name="connsiteY7" fmla="*/ 2016826 h 3700483"/>
                <a:gd name="connsiteX8" fmla="*/ 2351314 w 5181599"/>
                <a:gd name="connsiteY8" fmla="*/ 3003797 h 3700483"/>
                <a:gd name="connsiteX9" fmla="*/ 1132113 w 5181599"/>
                <a:gd name="connsiteY9" fmla="*/ 3090883 h 3700483"/>
                <a:gd name="connsiteX10" fmla="*/ 0 w 5181599"/>
                <a:gd name="connsiteY10" fmla="*/ 3700483 h 3700483"/>
                <a:gd name="connsiteX11" fmla="*/ 0 w 5181599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644571 w 5210174"/>
                <a:gd name="connsiteY6" fmla="*/ 1871683 h 3700483"/>
                <a:gd name="connsiteX7" fmla="*/ 3759200 w 5210174"/>
                <a:gd name="connsiteY7" fmla="*/ 2016826 h 3700483"/>
                <a:gd name="connsiteX8" fmla="*/ 2351314 w 5210174"/>
                <a:gd name="connsiteY8" fmla="*/ 3003797 h 3700483"/>
                <a:gd name="connsiteX9" fmla="*/ 1132113 w 5210174"/>
                <a:gd name="connsiteY9" fmla="*/ 3090883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644571 w 5210174"/>
                <a:gd name="connsiteY6" fmla="*/ 1871683 h 3700483"/>
                <a:gd name="connsiteX7" fmla="*/ 3759200 w 5210174"/>
                <a:gd name="connsiteY7" fmla="*/ 2016826 h 3700483"/>
                <a:gd name="connsiteX8" fmla="*/ 2351314 w 5210174"/>
                <a:gd name="connsiteY8" fmla="*/ 3003797 h 3700483"/>
                <a:gd name="connsiteX9" fmla="*/ 1132113 w 5210174"/>
                <a:gd name="connsiteY9" fmla="*/ 3090883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644571 w 5210174"/>
                <a:gd name="connsiteY6" fmla="*/ 1871683 h 3700483"/>
                <a:gd name="connsiteX7" fmla="*/ 3759200 w 5210174"/>
                <a:gd name="connsiteY7" fmla="*/ 2016826 h 3700483"/>
                <a:gd name="connsiteX8" fmla="*/ 2351314 w 5210174"/>
                <a:gd name="connsiteY8" fmla="*/ 3003797 h 3700483"/>
                <a:gd name="connsiteX9" fmla="*/ 1132113 w 5210174"/>
                <a:gd name="connsiteY9" fmla="*/ 3090883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644571 w 5210174"/>
                <a:gd name="connsiteY6" fmla="*/ 1871683 h 3700483"/>
                <a:gd name="connsiteX7" fmla="*/ 3759200 w 5210174"/>
                <a:gd name="connsiteY7" fmla="*/ 2016826 h 3700483"/>
                <a:gd name="connsiteX8" fmla="*/ 2351314 w 5210174"/>
                <a:gd name="connsiteY8" fmla="*/ 3003797 h 3700483"/>
                <a:gd name="connsiteX9" fmla="*/ 1132113 w 5210174"/>
                <a:gd name="connsiteY9" fmla="*/ 3090883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644571 w 5210174"/>
                <a:gd name="connsiteY6" fmla="*/ 1871683 h 3700483"/>
                <a:gd name="connsiteX7" fmla="*/ 3759200 w 5210174"/>
                <a:gd name="connsiteY7" fmla="*/ 2016826 h 3700483"/>
                <a:gd name="connsiteX8" fmla="*/ 2351314 w 5210174"/>
                <a:gd name="connsiteY8" fmla="*/ 3003797 h 3700483"/>
                <a:gd name="connsiteX9" fmla="*/ 1132113 w 5210174"/>
                <a:gd name="connsiteY9" fmla="*/ 3090883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644571 w 5210174"/>
                <a:gd name="connsiteY6" fmla="*/ 1871683 h 3700483"/>
                <a:gd name="connsiteX7" fmla="*/ 3759200 w 5210174"/>
                <a:gd name="connsiteY7" fmla="*/ 2016826 h 3700483"/>
                <a:gd name="connsiteX8" fmla="*/ 2351314 w 5210174"/>
                <a:gd name="connsiteY8" fmla="*/ 3003797 h 3700483"/>
                <a:gd name="connsiteX9" fmla="*/ 1132113 w 5210174"/>
                <a:gd name="connsiteY9" fmla="*/ 3090883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644571 w 5210174"/>
                <a:gd name="connsiteY6" fmla="*/ 1871683 h 3700483"/>
                <a:gd name="connsiteX7" fmla="*/ 3759200 w 5210174"/>
                <a:gd name="connsiteY7" fmla="*/ 2016826 h 3700483"/>
                <a:gd name="connsiteX8" fmla="*/ 2351314 w 5210174"/>
                <a:gd name="connsiteY8" fmla="*/ 3003797 h 3700483"/>
                <a:gd name="connsiteX9" fmla="*/ 1132113 w 5210174"/>
                <a:gd name="connsiteY9" fmla="*/ 3090883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392159 w 5210174"/>
                <a:gd name="connsiteY6" fmla="*/ 1952646 h 3700483"/>
                <a:gd name="connsiteX7" fmla="*/ 3759200 w 5210174"/>
                <a:gd name="connsiteY7" fmla="*/ 2016826 h 3700483"/>
                <a:gd name="connsiteX8" fmla="*/ 2351314 w 5210174"/>
                <a:gd name="connsiteY8" fmla="*/ 3003797 h 3700483"/>
                <a:gd name="connsiteX9" fmla="*/ 1132113 w 5210174"/>
                <a:gd name="connsiteY9" fmla="*/ 3090883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392159 w 5210174"/>
                <a:gd name="connsiteY6" fmla="*/ 1952646 h 3700483"/>
                <a:gd name="connsiteX7" fmla="*/ 3759200 w 5210174"/>
                <a:gd name="connsiteY7" fmla="*/ 2016826 h 3700483"/>
                <a:gd name="connsiteX8" fmla="*/ 2351314 w 5210174"/>
                <a:gd name="connsiteY8" fmla="*/ 3003797 h 3700483"/>
                <a:gd name="connsiteX9" fmla="*/ 1132113 w 5210174"/>
                <a:gd name="connsiteY9" fmla="*/ 3090883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392159 w 5210174"/>
                <a:gd name="connsiteY6" fmla="*/ 1952646 h 3700483"/>
                <a:gd name="connsiteX7" fmla="*/ 3759200 w 5210174"/>
                <a:gd name="connsiteY7" fmla="*/ 2016826 h 3700483"/>
                <a:gd name="connsiteX8" fmla="*/ 2351314 w 5210174"/>
                <a:gd name="connsiteY8" fmla="*/ 3003797 h 3700483"/>
                <a:gd name="connsiteX9" fmla="*/ 1132113 w 5210174"/>
                <a:gd name="connsiteY9" fmla="*/ 3090883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392159 w 5210174"/>
                <a:gd name="connsiteY6" fmla="*/ 1952646 h 3700483"/>
                <a:gd name="connsiteX7" fmla="*/ 3759200 w 5210174"/>
                <a:gd name="connsiteY7" fmla="*/ 2016826 h 3700483"/>
                <a:gd name="connsiteX8" fmla="*/ 2351314 w 5210174"/>
                <a:gd name="connsiteY8" fmla="*/ 3003797 h 3700483"/>
                <a:gd name="connsiteX9" fmla="*/ 1132113 w 5210174"/>
                <a:gd name="connsiteY9" fmla="*/ 3090883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392159 w 5210174"/>
                <a:gd name="connsiteY6" fmla="*/ 1952646 h 3700483"/>
                <a:gd name="connsiteX7" fmla="*/ 3482975 w 5210174"/>
                <a:gd name="connsiteY7" fmla="*/ 2073976 h 3700483"/>
                <a:gd name="connsiteX8" fmla="*/ 2351314 w 5210174"/>
                <a:gd name="connsiteY8" fmla="*/ 3003797 h 3700483"/>
                <a:gd name="connsiteX9" fmla="*/ 1132113 w 5210174"/>
                <a:gd name="connsiteY9" fmla="*/ 3090883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392159 w 5210174"/>
                <a:gd name="connsiteY6" fmla="*/ 1952646 h 3700483"/>
                <a:gd name="connsiteX7" fmla="*/ 3482975 w 5210174"/>
                <a:gd name="connsiteY7" fmla="*/ 2073976 h 3700483"/>
                <a:gd name="connsiteX8" fmla="*/ 2351314 w 5210174"/>
                <a:gd name="connsiteY8" fmla="*/ 3003797 h 3700483"/>
                <a:gd name="connsiteX9" fmla="*/ 1132113 w 5210174"/>
                <a:gd name="connsiteY9" fmla="*/ 3090883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392159 w 5210174"/>
                <a:gd name="connsiteY6" fmla="*/ 1952646 h 3700483"/>
                <a:gd name="connsiteX7" fmla="*/ 3482975 w 5210174"/>
                <a:gd name="connsiteY7" fmla="*/ 2073976 h 3700483"/>
                <a:gd name="connsiteX8" fmla="*/ 2351314 w 5210174"/>
                <a:gd name="connsiteY8" fmla="*/ 3003797 h 3700483"/>
                <a:gd name="connsiteX9" fmla="*/ 1132113 w 5210174"/>
                <a:gd name="connsiteY9" fmla="*/ 3090883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392159 w 5210174"/>
                <a:gd name="connsiteY6" fmla="*/ 1952646 h 3700483"/>
                <a:gd name="connsiteX7" fmla="*/ 3482975 w 5210174"/>
                <a:gd name="connsiteY7" fmla="*/ 2073976 h 3700483"/>
                <a:gd name="connsiteX8" fmla="*/ 2351314 w 5210174"/>
                <a:gd name="connsiteY8" fmla="*/ 3003797 h 3700483"/>
                <a:gd name="connsiteX9" fmla="*/ 1132113 w 5210174"/>
                <a:gd name="connsiteY9" fmla="*/ 3090883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392159 w 5210174"/>
                <a:gd name="connsiteY6" fmla="*/ 1952646 h 3700483"/>
                <a:gd name="connsiteX7" fmla="*/ 3482975 w 5210174"/>
                <a:gd name="connsiteY7" fmla="*/ 2073976 h 3700483"/>
                <a:gd name="connsiteX8" fmla="*/ 2351314 w 5210174"/>
                <a:gd name="connsiteY8" fmla="*/ 3003797 h 3700483"/>
                <a:gd name="connsiteX9" fmla="*/ 1132113 w 5210174"/>
                <a:gd name="connsiteY9" fmla="*/ 3090883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392159 w 5210174"/>
                <a:gd name="connsiteY6" fmla="*/ 1952646 h 3700483"/>
                <a:gd name="connsiteX7" fmla="*/ 3482975 w 5210174"/>
                <a:gd name="connsiteY7" fmla="*/ 2073976 h 3700483"/>
                <a:gd name="connsiteX8" fmla="*/ 2351314 w 5210174"/>
                <a:gd name="connsiteY8" fmla="*/ 3003797 h 3700483"/>
                <a:gd name="connsiteX9" fmla="*/ 1132113 w 5210174"/>
                <a:gd name="connsiteY9" fmla="*/ 3090883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392159 w 5210174"/>
                <a:gd name="connsiteY6" fmla="*/ 1952646 h 3700483"/>
                <a:gd name="connsiteX7" fmla="*/ 3482975 w 5210174"/>
                <a:gd name="connsiteY7" fmla="*/ 2073976 h 3700483"/>
                <a:gd name="connsiteX8" fmla="*/ 2351314 w 5210174"/>
                <a:gd name="connsiteY8" fmla="*/ 3003797 h 3700483"/>
                <a:gd name="connsiteX9" fmla="*/ 1132113 w 5210174"/>
                <a:gd name="connsiteY9" fmla="*/ 3090883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392159 w 5210174"/>
                <a:gd name="connsiteY6" fmla="*/ 1952646 h 3700483"/>
                <a:gd name="connsiteX7" fmla="*/ 3482975 w 5210174"/>
                <a:gd name="connsiteY7" fmla="*/ 2073976 h 3700483"/>
                <a:gd name="connsiteX8" fmla="*/ 2351314 w 5210174"/>
                <a:gd name="connsiteY8" fmla="*/ 3003797 h 3700483"/>
                <a:gd name="connsiteX9" fmla="*/ 1132113 w 5210174"/>
                <a:gd name="connsiteY9" fmla="*/ 3090883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392159 w 5210174"/>
                <a:gd name="connsiteY6" fmla="*/ 1952646 h 3700483"/>
                <a:gd name="connsiteX7" fmla="*/ 3482975 w 5210174"/>
                <a:gd name="connsiteY7" fmla="*/ 2073976 h 3700483"/>
                <a:gd name="connsiteX8" fmla="*/ 2551339 w 5210174"/>
                <a:gd name="connsiteY8" fmla="*/ 2846634 h 3700483"/>
                <a:gd name="connsiteX9" fmla="*/ 1132113 w 5210174"/>
                <a:gd name="connsiteY9" fmla="*/ 3090883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392159 w 5210174"/>
                <a:gd name="connsiteY6" fmla="*/ 1952646 h 3700483"/>
                <a:gd name="connsiteX7" fmla="*/ 3482975 w 5210174"/>
                <a:gd name="connsiteY7" fmla="*/ 2073976 h 3700483"/>
                <a:gd name="connsiteX8" fmla="*/ 2551339 w 5210174"/>
                <a:gd name="connsiteY8" fmla="*/ 2846634 h 3700483"/>
                <a:gd name="connsiteX9" fmla="*/ 1132113 w 5210174"/>
                <a:gd name="connsiteY9" fmla="*/ 3090883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392159 w 5210174"/>
                <a:gd name="connsiteY6" fmla="*/ 1952646 h 3700483"/>
                <a:gd name="connsiteX7" fmla="*/ 3482975 w 5210174"/>
                <a:gd name="connsiteY7" fmla="*/ 2073976 h 3700483"/>
                <a:gd name="connsiteX8" fmla="*/ 2551339 w 5210174"/>
                <a:gd name="connsiteY8" fmla="*/ 2846634 h 3700483"/>
                <a:gd name="connsiteX9" fmla="*/ 1132113 w 5210174"/>
                <a:gd name="connsiteY9" fmla="*/ 3090883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392159 w 5210174"/>
                <a:gd name="connsiteY6" fmla="*/ 1952646 h 3700483"/>
                <a:gd name="connsiteX7" fmla="*/ 3482975 w 5210174"/>
                <a:gd name="connsiteY7" fmla="*/ 2073976 h 3700483"/>
                <a:gd name="connsiteX8" fmla="*/ 2537052 w 5210174"/>
                <a:gd name="connsiteY8" fmla="*/ 2837109 h 3700483"/>
                <a:gd name="connsiteX9" fmla="*/ 1132113 w 5210174"/>
                <a:gd name="connsiteY9" fmla="*/ 3090883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392159 w 5210174"/>
                <a:gd name="connsiteY6" fmla="*/ 1952646 h 3700483"/>
                <a:gd name="connsiteX7" fmla="*/ 3482975 w 5210174"/>
                <a:gd name="connsiteY7" fmla="*/ 2073976 h 3700483"/>
                <a:gd name="connsiteX8" fmla="*/ 2537052 w 5210174"/>
                <a:gd name="connsiteY8" fmla="*/ 2837109 h 3700483"/>
                <a:gd name="connsiteX9" fmla="*/ 1132113 w 5210174"/>
                <a:gd name="connsiteY9" fmla="*/ 3090883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392159 w 5210174"/>
                <a:gd name="connsiteY6" fmla="*/ 1952646 h 3700483"/>
                <a:gd name="connsiteX7" fmla="*/ 3482975 w 5210174"/>
                <a:gd name="connsiteY7" fmla="*/ 2073976 h 3700483"/>
                <a:gd name="connsiteX8" fmla="*/ 2537052 w 5210174"/>
                <a:gd name="connsiteY8" fmla="*/ 2837109 h 3700483"/>
                <a:gd name="connsiteX9" fmla="*/ 1132113 w 5210174"/>
                <a:gd name="connsiteY9" fmla="*/ 3090883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392159 w 5210174"/>
                <a:gd name="connsiteY6" fmla="*/ 1952646 h 3700483"/>
                <a:gd name="connsiteX7" fmla="*/ 3482975 w 5210174"/>
                <a:gd name="connsiteY7" fmla="*/ 2073976 h 3700483"/>
                <a:gd name="connsiteX8" fmla="*/ 2537052 w 5210174"/>
                <a:gd name="connsiteY8" fmla="*/ 2837109 h 3700483"/>
                <a:gd name="connsiteX9" fmla="*/ 1132113 w 5210174"/>
                <a:gd name="connsiteY9" fmla="*/ 3090883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392159 w 5210174"/>
                <a:gd name="connsiteY6" fmla="*/ 1952646 h 3700483"/>
                <a:gd name="connsiteX7" fmla="*/ 3482975 w 5210174"/>
                <a:gd name="connsiteY7" fmla="*/ 2073976 h 3700483"/>
                <a:gd name="connsiteX8" fmla="*/ 2537052 w 5210174"/>
                <a:gd name="connsiteY8" fmla="*/ 2837109 h 3700483"/>
                <a:gd name="connsiteX9" fmla="*/ 1132113 w 5210174"/>
                <a:gd name="connsiteY9" fmla="*/ 3090883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392159 w 5210174"/>
                <a:gd name="connsiteY6" fmla="*/ 1952646 h 3700483"/>
                <a:gd name="connsiteX7" fmla="*/ 3482975 w 5210174"/>
                <a:gd name="connsiteY7" fmla="*/ 2073976 h 3700483"/>
                <a:gd name="connsiteX8" fmla="*/ 2537052 w 5210174"/>
                <a:gd name="connsiteY8" fmla="*/ 2837109 h 3700483"/>
                <a:gd name="connsiteX9" fmla="*/ 1132113 w 5210174"/>
                <a:gd name="connsiteY9" fmla="*/ 3119458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392159 w 5210174"/>
                <a:gd name="connsiteY6" fmla="*/ 1952646 h 3700483"/>
                <a:gd name="connsiteX7" fmla="*/ 3482975 w 5210174"/>
                <a:gd name="connsiteY7" fmla="*/ 2073976 h 3700483"/>
                <a:gd name="connsiteX8" fmla="*/ 2537052 w 5210174"/>
                <a:gd name="connsiteY8" fmla="*/ 2837109 h 3700483"/>
                <a:gd name="connsiteX9" fmla="*/ 1132113 w 5210174"/>
                <a:gd name="connsiteY9" fmla="*/ 3119458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392159 w 5210174"/>
                <a:gd name="connsiteY6" fmla="*/ 1952646 h 3700483"/>
                <a:gd name="connsiteX7" fmla="*/ 3482975 w 5210174"/>
                <a:gd name="connsiteY7" fmla="*/ 2073976 h 3700483"/>
                <a:gd name="connsiteX8" fmla="*/ 2537052 w 5210174"/>
                <a:gd name="connsiteY8" fmla="*/ 2837109 h 3700483"/>
                <a:gd name="connsiteX9" fmla="*/ 1298800 w 5210174"/>
                <a:gd name="connsiteY9" fmla="*/ 3076595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392159 w 5210174"/>
                <a:gd name="connsiteY6" fmla="*/ 1952646 h 3700483"/>
                <a:gd name="connsiteX7" fmla="*/ 3482975 w 5210174"/>
                <a:gd name="connsiteY7" fmla="*/ 2073976 h 3700483"/>
                <a:gd name="connsiteX8" fmla="*/ 2537052 w 5210174"/>
                <a:gd name="connsiteY8" fmla="*/ 2837109 h 3700483"/>
                <a:gd name="connsiteX9" fmla="*/ 1298800 w 5210174"/>
                <a:gd name="connsiteY9" fmla="*/ 3076595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392159 w 5210174"/>
                <a:gd name="connsiteY6" fmla="*/ 1952646 h 3700483"/>
                <a:gd name="connsiteX7" fmla="*/ 3482975 w 5210174"/>
                <a:gd name="connsiteY7" fmla="*/ 2073976 h 3700483"/>
                <a:gd name="connsiteX8" fmla="*/ 2537052 w 5210174"/>
                <a:gd name="connsiteY8" fmla="*/ 2837109 h 3700483"/>
                <a:gd name="connsiteX9" fmla="*/ 1298800 w 5210174"/>
                <a:gd name="connsiteY9" fmla="*/ 3076595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700483"/>
                <a:gd name="connsiteX1" fmla="*/ 740228 w 5210174"/>
                <a:gd name="connsiteY1" fmla="*/ 36714 h 3700483"/>
                <a:gd name="connsiteX2" fmla="*/ 2424248 w 5210174"/>
                <a:gd name="connsiteY2" fmla="*/ 828105 h 3700483"/>
                <a:gd name="connsiteX3" fmla="*/ 3436619 w 5210174"/>
                <a:gd name="connsiteY3" fmla="*/ 754083 h 3700483"/>
                <a:gd name="connsiteX4" fmla="*/ 4470399 w 5210174"/>
                <a:gd name="connsiteY4" fmla="*/ 1334654 h 3700483"/>
                <a:gd name="connsiteX5" fmla="*/ 5210174 w 5210174"/>
                <a:gd name="connsiteY5" fmla="*/ 1272062 h 3700483"/>
                <a:gd name="connsiteX6" fmla="*/ 4392159 w 5210174"/>
                <a:gd name="connsiteY6" fmla="*/ 1952646 h 3700483"/>
                <a:gd name="connsiteX7" fmla="*/ 3482975 w 5210174"/>
                <a:gd name="connsiteY7" fmla="*/ 2073976 h 3700483"/>
                <a:gd name="connsiteX8" fmla="*/ 2537052 w 5210174"/>
                <a:gd name="connsiteY8" fmla="*/ 2837109 h 3700483"/>
                <a:gd name="connsiteX9" fmla="*/ 1298800 w 5210174"/>
                <a:gd name="connsiteY9" fmla="*/ 3076595 h 3700483"/>
                <a:gd name="connsiteX10" fmla="*/ 0 w 5210174"/>
                <a:gd name="connsiteY10" fmla="*/ 3700483 h 3700483"/>
                <a:gd name="connsiteX11" fmla="*/ 0 w 5210174"/>
                <a:gd name="connsiteY11" fmla="*/ 28368 h 3700483"/>
                <a:gd name="connsiteX0" fmla="*/ 0 w 5210174"/>
                <a:gd name="connsiteY0" fmla="*/ 28368 h 3947971"/>
                <a:gd name="connsiteX1" fmla="*/ 740228 w 5210174"/>
                <a:gd name="connsiteY1" fmla="*/ 36714 h 3947971"/>
                <a:gd name="connsiteX2" fmla="*/ 2424248 w 5210174"/>
                <a:gd name="connsiteY2" fmla="*/ 828105 h 3947971"/>
                <a:gd name="connsiteX3" fmla="*/ 3436619 w 5210174"/>
                <a:gd name="connsiteY3" fmla="*/ 754083 h 3947971"/>
                <a:gd name="connsiteX4" fmla="*/ 4470399 w 5210174"/>
                <a:gd name="connsiteY4" fmla="*/ 1334654 h 3947971"/>
                <a:gd name="connsiteX5" fmla="*/ 5210174 w 5210174"/>
                <a:gd name="connsiteY5" fmla="*/ 1272062 h 3947971"/>
                <a:gd name="connsiteX6" fmla="*/ 4392159 w 5210174"/>
                <a:gd name="connsiteY6" fmla="*/ 1952646 h 3947971"/>
                <a:gd name="connsiteX7" fmla="*/ 3482975 w 5210174"/>
                <a:gd name="connsiteY7" fmla="*/ 2073976 h 3947971"/>
                <a:gd name="connsiteX8" fmla="*/ 2537052 w 5210174"/>
                <a:gd name="connsiteY8" fmla="*/ 2837109 h 3947971"/>
                <a:gd name="connsiteX9" fmla="*/ 1298800 w 5210174"/>
                <a:gd name="connsiteY9" fmla="*/ 3076595 h 3947971"/>
                <a:gd name="connsiteX10" fmla="*/ 273502 w 5210174"/>
                <a:gd name="connsiteY10" fmla="*/ 3554433 h 3947971"/>
                <a:gd name="connsiteX11" fmla="*/ 0 w 5210174"/>
                <a:gd name="connsiteY11" fmla="*/ 3700483 h 3947971"/>
                <a:gd name="connsiteX12" fmla="*/ 0 w 5210174"/>
                <a:gd name="connsiteY12" fmla="*/ 28368 h 3947971"/>
                <a:gd name="connsiteX0" fmla="*/ 0 w 5210174"/>
                <a:gd name="connsiteY0" fmla="*/ 28368 h 3975743"/>
                <a:gd name="connsiteX1" fmla="*/ 740228 w 5210174"/>
                <a:gd name="connsiteY1" fmla="*/ 36714 h 3975743"/>
                <a:gd name="connsiteX2" fmla="*/ 2424248 w 5210174"/>
                <a:gd name="connsiteY2" fmla="*/ 828105 h 3975743"/>
                <a:gd name="connsiteX3" fmla="*/ 3436619 w 5210174"/>
                <a:gd name="connsiteY3" fmla="*/ 754083 h 3975743"/>
                <a:gd name="connsiteX4" fmla="*/ 4470399 w 5210174"/>
                <a:gd name="connsiteY4" fmla="*/ 1334654 h 3975743"/>
                <a:gd name="connsiteX5" fmla="*/ 5210174 w 5210174"/>
                <a:gd name="connsiteY5" fmla="*/ 1272062 h 3975743"/>
                <a:gd name="connsiteX6" fmla="*/ 4392159 w 5210174"/>
                <a:gd name="connsiteY6" fmla="*/ 1952646 h 3975743"/>
                <a:gd name="connsiteX7" fmla="*/ 3482975 w 5210174"/>
                <a:gd name="connsiteY7" fmla="*/ 2073976 h 3975743"/>
                <a:gd name="connsiteX8" fmla="*/ 2537052 w 5210174"/>
                <a:gd name="connsiteY8" fmla="*/ 2837109 h 3975743"/>
                <a:gd name="connsiteX9" fmla="*/ 1298800 w 5210174"/>
                <a:gd name="connsiteY9" fmla="*/ 3076595 h 3975743"/>
                <a:gd name="connsiteX10" fmla="*/ 349702 w 5210174"/>
                <a:gd name="connsiteY10" fmla="*/ 3663970 h 3975743"/>
                <a:gd name="connsiteX11" fmla="*/ 0 w 5210174"/>
                <a:gd name="connsiteY11" fmla="*/ 3700483 h 3975743"/>
                <a:gd name="connsiteX12" fmla="*/ 0 w 5210174"/>
                <a:gd name="connsiteY12" fmla="*/ 28368 h 3975743"/>
                <a:gd name="connsiteX0" fmla="*/ 0 w 5210174"/>
                <a:gd name="connsiteY0" fmla="*/ 28368 h 3975743"/>
                <a:gd name="connsiteX1" fmla="*/ 740228 w 5210174"/>
                <a:gd name="connsiteY1" fmla="*/ 36714 h 3975743"/>
                <a:gd name="connsiteX2" fmla="*/ 2424248 w 5210174"/>
                <a:gd name="connsiteY2" fmla="*/ 828105 h 3975743"/>
                <a:gd name="connsiteX3" fmla="*/ 3436619 w 5210174"/>
                <a:gd name="connsiteY3" fmla="*/ 754083 h 3975743"/>
                <a:gd name="connsiteX4" fmla="*/ 4470399 w 5210174"/>
                <a:gd name="connsiteY4" fmla="*/ 1334654 h 3975743"/>
                <a:gd name="connsiteX5" fmla="*/ 5210174 w 5210174"/>
                <a:gd name="connsiteY5" fmla="*/ 1272062 h 3975743"/>
                <a:gd name="connsiteX6" fmla="*/ 4392159 w 5210174"/>
                <a:gd name="connsiteY6" fmla="*/ 1952646 h 3975743"/>
                <a:gd name="connsiteX7" fmla="*/ 3482975 w 5210174"/>
                <a:gd name="connsiteY7" fmla="*/ 2073976 h 3975743"/>
                <a:gd name="connsiteX8" fmla="*/ 2537052 w 5210174"/>
                <a:gd name="connsiteY8" fmla="*/ 2837109 h 3975743"/>
                <a:gd name="connsiteX9" fmla="*/ 1298800 w 5210174"/>
                <a:gd name="connsiteY9" fmla="*/ 3076595 h 3975743"/>
                <a:gd name="connsiteX10" fmla="*/ 349702 w 5210174"/>
                <a:gd name="connsiteY10" fmla="*/ 3663970 h 3975743"/>
                <a:gd name="connsiteX11" fmla="*/ 0 w 5210174"/>
                <a:gd name="connsiteY11" fmla="*/ 3700483 h 3975743"/>
                <a:gd name="connsiteX12" fmla="*/ 0 w 5210174"/>
                <a:gd name="connsiteY12" fmla="*/ 28368 h 3975743"/>
                <a:gd name="connsiteX0" fmla="*/ 12570 w 5222744"/>
                <a:gd name="connsiteY0" fmla="*/ 28368 h 3663970"/>
                <a:gd name="connsiteX1" fmla="*/ 752798 w 5222744"/>
                <a:gd name="connsiteY1" fmla="*/ 36714 h 3663970"/>
                <a:gd name="connsiteX2" fmla="*/ 2436818 w 5222744"/>
                <a:gd name="connsiteY2" fmla="*/ 828105 h 3663970"/>
                <a:gd name="connsiteX3" fmla="*/ 3449189 w 5222744"/>
                <a:gd name="connsiteY3" fmla="*/ 754083 h 3663970"/>
                <a:gd name="connsiteX4" fmla="*/ 4482969 w 5222744"/>
                <a:gd name="connsiteY4" fmla="*/ 1334654 h 3663970"/>
                <a:gd name="connsiteX5" fmla="*/ 5222744 w 5222744"/>
                <a:gd name="connsiteY5" fmla="*/ 1272062 h 3663970"/>
                <a:gd name="connsiteX6" fmla="*/ 4404729 w 5222744"/>
                <a:gd name="connsiteY6" fmla="*/ 1952646 h 3663970"/>
                <a:gd name="connsiteX7" fmla="*/ 3495545 w 5222744"/>
                <a:gd name="connsiteY7" fmla="*/ 2073976 h 3663970"/>
                <a:gd name="connsiteX8" fmla="*/ 2549622 w 5222744"/>
                <a:gd name="connsiteY8" fmla="*/ 2837109 h 3663970"/>
                <a:gd name="connsiteX9" fmla="*/ 1311370 w 5222744"/>
                <a:gd name="connsiteY9" fmla="*/ 3076595 h 3663970"/>
                <a:gd name="connsiteX10" fmla="*/ 362272 w 5222744"/>
                <a:gd name="connsiteY10" fmla="*/ 3663970 h 3663970"/>
                <a:gd name="connsiteX11" fmla="*/ 12570 w 5222744"/>
                <a:gd name="connsiteY11" fmla="*/ 28368 h 3663970"/>
                <a:gd name="connsiteX0" fmla="*/ 7895 w 5218069"/>
                <a:gd name="connsiteY0" fmla="*/ 28368 h 3663970"/>
                <a:gd name="connsiteX1" fmla="*/ 748123 w 5218069"/>
                <a:gd name="connsiteY1" fmla="*/ 36714 h 3663970"/>
                <a:gd name="connsiteX2" fmla="*/ 2432143 w 5218069"/>
                <a:gd name="connsiteY2" fmla="*/ 828105 h 3663970"/>
                <a:gd name="connsiteX3" fmla="*/ 3444514 w 5218069"/>
                <a:gd name="connsiteY3" fmla="*/ 754083 h 3663970"/>
                <a:gd name="connsiteX4" fmla="*/ 4478294 w 5218069"/>
                <a:gd name="connsiteY4" fmla="*/ 1334654 h 3663970"/>
                <a:gd name="connsiteX5" fmla="*/ 5218069 w 5218069"/>
                <a:gd name="connsiteY5" fmla="*/ 1272062 h 3663970"/>
                <a:gd name="connsiteX6" fmla="*/ 4400054 w 5218069"/>
                <a:gd name="connsiteY6" fmla="*/ 1952646 h 3663970"/>
                <a:gd name="connsiteX7" fmla="*/ 3490870 w 5218069"/>
                <a:gd name="connsiteY7" fmla="*/ 2073976 h 3663970"/>
                <a:gd name="connsiteX8" fmla="*/ 2544947 w 5218069"/>
                <a:gd name="connsiteY8" fmla="*/ 2837109 h 3663970"/>
                <a:gd name="connsiteX9" fmla="*/ 1306695 w 5218069"/>
                <a:gd name="connsiteY9" fmla="*/ 3076595 h 3663970"/>
                <a:gd name="connsiteX10" fmla="*/ 357597 w 5218069"/>
                <a:gd name="connsiteY10" fmla="*/ 3663970 h 3663970"/>
                <a:gd name="connsiteX11" fmla="*/ 7895 w 5218069"/>
                <a:gd name="connsiteY11" fmla="*/ 28368 h 3663970"/>
                <a:gd name="connsiteX0" fmla="*/ 0 w 5210174"/>
                <a:gd name="connsiteY0" fmla="*/ 28368 h 3663970"/>
                <a:gd name="connsiteX1" fmla="*/ 740228 w 5210174"/>
                <a:gd name="connsiteY1" fmla="*/ 36714 h 3663970"/>
                <a:gd name="connsiteX2" fmla="*/ 2424248 w 5210174"/>
                <a:gd name="connsiteY2" fmla="*/ 828105 h 3663970"/>
                <a:gd name="connsiteX3" fmla="*/ 3436619 w 5210174"/>
                <a:gd name="connsiteY3" fmla="*/ 754083 h 3663970"/>
                <a:gd name="connsiteX4" fmla="*/ 4470399 w 5210174"/>
                <a:gd name="connsiteY4" fmla="*/ 1334654 h 3663970"/>
                <a:gd name="connsiteX5" fmla="*/ 5210174 w 5210174"/>
                <a:gd name="connsiteY5" fmla="*/ 1272062 h 3663970"/>
                <a:gd name="connsiteX6" fmla="*/ 4392159 w 5210174"/>
                <a:gd name="connsiteY6" fmla="*/ 1952646 h 3663970"/>
                <a:gd name="connsiteX7" fmla="*/ 3482975 w 5210174"/>
                <a:gd name="connsiteY7" fmla="*/ 2073976 h 3663970"/>
                <a:gd name="connsiteX8" fmla="*/ 2537052 w 5210174"/>
                <a:gd name="connsiteY8" fmla="*/ 2837109 h 3663970"/>
                <a:gd name="connsiteX9" fmla="*/ 1298800 w 5210174"/>
                <a:gd name="connsiteY9" fmla="*/ 3076595 h 3663970"/>
                <a:gd name="connsiteX10" fmla="*/ 349702 w 5210174"/>
                <a:gd name="connsiteY10" fmla="*/ 3663970 h 3663970"/>
                <a:gd name="connsiteX11" fmla="*/ 0 w 5210174"/>
                <a:gd name="connsiteY11" fmla="*/ 28368 h 3663970"/>
                <a:gd name="connsiteX0" fmla="*/ 0 w 5210174"/>
                <a:gd name="connsiteY0" fmla="*/ 28368 h 3663970"/>
                <a:gd name="connsiteX1" fmla="*/ 740228 w 5210174"/>
                <a:gd name="connsiteY1" fmla="*/ 36714 h 3663970"/>
                <a:gd name="connsiteX2" fmla="*/ 2424248 w 5210174"/>
                <a:gd name="connsiteY2" fmla="*/ 828105 h 3663970"/>
                <a:gd name="connsiteX3" fmla="*/ 3436619 w 5210174"/>
                <a:gd name="connsiteY3" fmla="*/ 754083 h 3663970"/>
                <a:gd name="connsiteX4" fmla="*/ 4470399 w 5210174"/>
                <a:gd name="connsiteY4" fmla="*/ 1334654 h 3663970"/>
                <a:gd name="connsiteX5" fmla="*/ 5210174 w 5210174"/>
                <a:gd name="connsiteY5" fmla="*/ 1272062 h 3663970"/>
                <a:gd name="connsiteX6" fmla="*/ 4392159 w 5210174"/>
                <a:gd name="connsiteY6" fmla="*/ 1952646 h 3663970"/>
                <a:gd name="connsiteX7" fmla="*/ 3482975 w 5210174"/>
                <a:gd name="connsiteY7" fmla="*/ 2073976 h 3663970"/>
                <a:gd name="connsiteX8" fmla="*/ 2537052 w 5210174"/>
                <a:gd name="connsiteY8" fmla="*/ 2837109 h 3663970"/>
                <a:gd name="connsiteX9" fmla="*/ 1298800 w 5210174"/>
                <a:gd name="connsiteY9" fmla="*/ 3076595 h 3663970"/>
                <a:gd name="connsiteX10" fmla="*/ 349702 w 5210174"/>
                <a:gd name="connsiteY10" fmla="*/ 3663970 h 3663970"/>
                <a:gd name="connsiteX11" fmla="*/ 0 w 5210174"/>
                <a:gd name="connsiteY11" fmla="*/ 28368 h 3663970"/>
                <a:gd name="connsiteX0" fmla="*/ 0 w 5210174"/>
                <a:gd name="connsiteY0" fmla="*/ 28368 h 3733820"/>
                <a:gd name="connsiteX1" fmla="*/ 740228 w 5210174"/>
                <a:gd name="connsiteY1" fmla="*/ 36714 h 3733820"/>
                <a:gd name="connsiteX2" fmla="*/ 2424248 w 5210174"/>
                <a:gd name="connsiteY2" fmla="*/ 828105 h 3733820"/>
                <a:gd name="connsiteX3" fmla="*/ 3436619 w 5210174"/>
                <a:gd name="connsiteY3" fmla="*/ 754083 h 3733820"/>
                <a:gd name="connsiteX4" fmla="*/ 4470399 w 5210174"/>
                <a:gd name="connsiteY4" fmla="*/ 1334654 h 3733820"/>
                <a:gd name="connsiteX5" fmla="*/ 5210174 w 5210174"/>
                <a:gd name="connsiteY5" fmla="*/ 1272062 h 3733820"/>
                <a:gd name="connsiteX6" fmla="*/ 4392159 w 5210174"/>
                <a:gd name="connsiteY6" fmla="*/ 1952646 h 3733820"/>
                <a:gd name="connsiteX7" fmla="*/ 3482975 w 5210174"/>
                <a:gd name="connsiteY7" fmla="*/ 2073976 h 3733820"/>
                <a:gd name="connsiteX8" fmla="*/ 2537052 w 5210174"/>
                <a:gd name="connsiteY8" fmla="*/ 2837109 h 3733820"/>
                <a:gd name="connsiteX9" fmla="*/ 1298800 w 5210174"/>
                <a:gd name="connsiteY9" fmla="*/ 3076595 h 3733820"/>
                <a:gd name="connsiteX10" fmla="*/ 362198 w 5210174"/>
                <a:gd name="connsiteY10" fmla="*/ 3733820 h 3733820"/>
                <a:gd name="connsiteX11" fmla="*/ 0 w 5210174"/>
                <a:gd name="connsiteY11" fmla="*/ 28368 h 3733820"/>
                <a:gd name="connsiteX0" fmla="*/ 0 w 5210174"/>
                <a:gd name="connsiteY0" fmla="*/ 28368 h 3733820"/>
                <a:gd name="connsiteX1" fmla="*/ 740228 w 5210174"/>
                <a:gd name="connsiteY1" fmla="*/ 36714 h 3733820"/>
                <a:gd name="connsiteX2" fmla="*/ 2424248 w 5210174"/>
                <a:gd name="connsiteY2" fmla="*/ 828105 h 3733820"/>
                <a:gd name="connsiteX3" fmla="*/ 3436619 w 5210174"/>
                <a:gd name="connsiteY3" fmla="*/ 754083 h 3733820"/>
                <a:gd name="connsiteX4" fmla="*/ 4470399 w 5210174"/>
                <a:gd name="connsiteY4" fmla="*/ 1334654 h 3733820"/>
                <a:gd name="connsiteX5" fmla="*/ 5210174 w 5210174"/>
                <a:gd name="connsiteY5" fmla="*/ 1272062 h 3733820"/>
                <a:gd name="connsiteX6" fmla="*/ 4392159 w 5210174"/>
                <a:gd name="connsiteY6" fmla="*/ 1952646 h 3733820"/>
                <a:gd name="connsiteX7" fmla="*/ 3482975 w 5210174"/>
                <a:gd name="connsiteY7" fmla="*/ 2073976 h 3733820"/>
                <a:gd name="connsiteX8" fmla="*/ 2562043 w 5210174"/>
                <a:gd name="connsiteY8" fmla="*/ 2843459 h 3733820"/>
                <a:gd name="connsiteX9" fmla="*/ 1298800 w 5210174"/>
                <a:gd name="connsiteY9" fmla="*/ 3076595 h 3733820"/>
                <a:gd name="connsiteX10" fmla="*/ 362198 w 5210174"/>
                <a:gd name="connsiteY10" fmla="*/ 3733820 h 3733820"/>
                <a:gd name="connsiteX11" fmla="*/ 0 w 5210174"/>
                <a:gd name="connsiteY11" fmla="*/ 28368 h 3733820"/>
                <a:gd name="connsiteX0" fmla="*/ 0 w 5210174"/>
                <a:gd name="connsiteY0" fmla="*/ 28368 h 3733820"/>
                <a:gd name="connsiteX1" fmla="*/ 740228 w 5210174"/>
                <a:gd name="connsiteY1" fmla="*/ 36714 h 3733820"/>
                <a:gd name="connsiteX2" fmla="*/ 2424248 w 5210174"/>
                <a:gd name="connsiteY2" fmla="*/ 828105 h 3733820"/>
                <a:gd name="connsiteX3" fmla="*/ 3436619 w 5210174"/>
                <a:gd name="connsiteY3" fmla="*/ 754083 h 3733820"/>
                <a:gd name="connsiteX4" fmla="*/ 4470399 w 5210174"/>
                <a:gd name="connsiteY4" fmla="*/ 1334654 h 3733820"/>
                <a:gd name="connsiteX5" fmla="*/ 5210174 w 5210174"/>
                <a:gd name="connsiteY5" fmla="*/ 1272062 h 3733820"/>
                <a:gd name="connsiteX6" fmla="*/ 4392159 w 5210174"/>
                <a:gd name="connsiteY6" fmla="*/ 1952646 h 3733820"/>
                <a:gd name="connsiteX7" fmla="*/ 3482975 w 5210174"/>
                <a:gd name="connsiteY7" fmla="*/ 2073976 h 3733820"/>
                <a:gd name="connsiteX8" fmla="*/ 2562043 w 5210174"/>
                <a:gd name="connsiteY8" fmla="*/ 2843459 h 3733820"/>
                <a:gd name="connsiteX9" fmla="*/ 1298800 w 5210174"/>
                <a:gd name="connsiteY9" fmla="*/ 3076595 h 3733820"/>
                <a:gd name="connsiteX10" fmla="*/ 362198 w 5210174"/>
                <a:gd name="connsiteY10" fmla="*/ 3733820 h 3733820"/>
                <a:gd name="connsiteX11" fmla="*/ 0 w 5210174"/>
                <a:gd name="connsiteY11" fmla="*/ 28368 h 3733820"/>
                <a:gd name="connsiteX0" fmla="*/ 0 w 5210174"/>
                <a:gd name="connsiteY0" fmla="*/ 28368 h 3733820"/>
                <a:gd name="connsiteX1" fmla="*/ 740228 w 5210174"/>
                <a:gd name="connsiteY1" fmla="*/ 36714 h 3733820"/>
                <a:gd name="connsiteX2" fmla="*/ 2424248 w 5210174"/>
                <a:gd name="connsiteY2" fmla="*/ 828105 h 3733820"/>
                <a:gd name="connsiteX3" fmla="*/ 3436619 w 5210174"/>
                <a:gd name="connsiteY3" fmla="*/ 754083 h 3733820"/>
                <a:gd name="connsiteX4" fmla="*/ 4470399 w 5210174"/>
                <a:gd name="connsiteY4" fmla="*/ 1334654 h 3733820"/>
                <a:gd name="connsiteX5" fmla="*/ 5210174 w 5210174"/>
                <a:gd name="connsiteY5" fmla="*/ 1272062 h 3733820"/>
                <a:gd name="connsiteX6" fmla="*/ 4392159 w 5210174"/>
                <a:gd name="connsiteY6" fmla="*/ 1952646 h 3733820"/>
                <a:gd name="connsiteX7" fmla="*/ 3482975 w 5210174"/>
                <a:gd name="connsiteY7" fmla="*/ 2073976 h 3733820"/>
                <a:gd name="connsiteX8" fmla="*/ 2562043 w 5210174"/>
                <a:gd name="connsiteY8" fmla="*/ 2843459 h 3733820"/>
                <a:gd name="connsiteX9" fmla="*/ 1298800 w 5210174"/>
                <a:gd name="connsiteY9" fmla="*/ 3076595 h 3733820"/>
                <a:gd name="connsiteX10" fmla="*/ 362198 w 5210174"/>
                <a:gd name="connsiteY10" fmla="*/ 3733820 h 3733820"/>
                <a:gd name="connsiteX11" fmla="*/ 0 w 5210174"/>
                <a:gd name="connsiteY11" fmla="*/ 28368 h 3733820"/>
                <a:gd name="connsiteX0" fmla="*/ 0 w 5210174"/>
                <a:gd name="connsiteY0" fmla="*/ 28368 h 3733820"/>
                <a:gd name="connsiteX1" fmla="*/ 740228 w 5210174"/>
                <a:gd name="connsiteY1" fmla="*/ 36714 h 3733820"/>
                <a:gd name="connsiteX2" fmla="*/ 2424248 w 5210174"/>
                <a:gd name="connsiteY2" fmla="*/ 828105 h 3733820"/>
                <a:gd name="connsiteX3" fmla="*/ 3436619 w 5210174"/>
                <a:gd name="connsiteY3" fmla="*/ 754083 h 3733820"/>
                <a:gd name="connsiteX4" fmla="*/ 4470399 w 5210174"/>
                <a:gd name="connsiteY4" fmla="*/ 1334654 h 3733820"/>
                <a:gd name="connsiteX5" fmla="*/ 5210174 w 5210174"/>
                <a:gd name="connsiteY5" fmla="*/ 1272062 h 3733820"/>
                <a:gd name="connsiteX6" fmla="*/ 4392159 w 5210174"/>
                <a:gd name="connsiteY6" fmla="*/ 1952646 h 3733820"/>
                <a:gd name="connsiteX7" fmla="*/ 3482975 w 5210174"/>
                <a:gd name="connsiteY7" fmla="*/ 2073976 h 3733820"/>
                <a:gd name="connsiteX8" fmla="*/ 2562043 w 5210174"/>
                <a:gd name="connsiteY8" fmla="*/ 2843459 h 3733820"/>
                <a:gd name="connsiteX9" fmla="*/ 1298800 w 5210174"/>
                <a:gd name="connsiteY9" fmla="*/ 3076595 h 3733820"/>
                <a:gd name="connsiteX10" fmla="*/ 362198 w 5210174"/>
                <a:gd name="connsiteY10" fmla="*/ 3733820 h 3733820"/>
                <a:gd name="connsiteX11" fmla="*/ 0 w 5210174"/>
                <a:gd name="connsiteY11" fmla="*/ 28368 h 3733820"/>
                <a:gd name="connsiteX0" fmla="*/ 0 w 5210174"/>
                <a:gd name="connsiteY0" fmla="*/ 28368 h 3733820"/>
                <a:gd name="connsiteX1" fmla="*/ 740228 w 5210174"/>
                <a:gd name="connsiteY1" fmla="*/ 36714 h 3733820"/>
                <a:gd name="connsiteX2" fmla="*/ 2424248 w 5210174"/>
                <a:gd name="connsiteY2" fmla="*/ 828105 h 3733820"/>
                <a:gd name="connsiteX3" fmla="*/ 3436619 w 5210174"/>
                <a:gd name="connsiteY3" fmla="*/ 754083 h 3733820"/>
                <a:gd name="connsiteX4" fmla="*/ 4470399 w 5210174"/>
                <a:gd name="connsiteY4" fmla="*/ 1334654 h 3733820"/>
                <a:gd name="connsiteX5" fmla="*/ 5210174 w 5210174"/>
                <a:gd name="connsiteY5" fmla="*/ 1272062 h 3733820"/>
                <a:gd name="connsiteX6" fmla="*/ 4392159 w 5210174"/>
                <a:gd name="connsiteY6" fmla="*/ 1952646 h 3733820"/>
                <a:gd name="connsiteX7" fmla="*/ 3482975 w 5210174"/>
                <a:gd name="connsiteY7" fmla="*/ 2073976 h 3733820"/>
                <a:gd name="connsiteX8" fmla="*/ 2562043 w 5210174"/>
                <a:gd name="connsiteY8" fmla="*/ 2843459 h 3733820"/>
                <a:gd name="connsiteX9" fmla="*/ 1292552 w 5210174"/>
                <a:gd name="connsiteY9" fmla="*/ 3063895 h 3733820"/>
                <a:gd name="connsiteX10" fmla="*/ 362198 w 5210174"/>
                <a:gd name="connsiteY10" fmla="*/ 3733820 h 3733820"/>
                <a:gd name="connsiteX11" fmla="*/ 0 w 5210174"/>
                <a:gd name="connsiteY11" fmla="*/ 28368 h 3733820"/>
                <a:gd name="connsiteX0" fmla="*/ 0 w 5210174"/>
                <a:gd name="connsiteY0" fmla="*/ 28368 h 3733820"/>
                <a:gd name="connsiteX1" fmla="*/ 740228 w 5210174"/>
                <a:gd name="connsiteY1" fmla="*/ 36714 h 3733820"/>
                <a:gd name="connsiteX2" fmla="*/ 2424248 w 5210174"/>
                <a:gd name="connsiteY2" fmla="*/ 828105 h 3733820"/>
                <a:gd name="connsiteX3" fmla="*/ 3436619 w 5210174"/>
                <a:gd name="connsiteY3" fmla="*/ 754083 h 3733820"/>
                <a:gd name="connsiteX4" fmla="*/ 4470399 w 5210174"/>
                <a:gd name="connsiteY4" fmla="*/ 1334654 h 3733820"/>
                <a:gd name="connsiteX5" fmla="*/ 5210174 w 5210174"/>
                <a:gd name="connsiteY5" fmla="*/ 1272062 h 3733820"/>
                <a:gd name="connsiteX6" fmla="*/ 4392159 w 5210174"/>
                <a:gd name="connsiteY6" fmla="*/ 1952646 h 3733820"/>
                <a:gd name="connsiteX7" fmla="*/ 3482975 w 5210174"/>
                <a:gd name="connsiteY7" fmla="*/ 2073976 h 3733820"/>
                <a:gd name="connsiteX8" fmla="*/ 2562043 w 5210174"/>
                <a:gd name="connsiteY8" fmla="*/ 2843459 h 3733820"/>
                <a:gd name="connsiteX9" fmla="*/ 1273809 w 5210174"/>
                <a:gd name="connsiteY9" fmla="*/ 3095645 h 3733820"/>
                <a:gd name="connsiteX10" fmla="*/ 362198 w 5210174"/>
                <a:gd name="connsiteY10" fmla="*/ 3733820 h 3733820"/>
                <a:gd name="connsiteX11" fmla="*/ 0 w 5210174"/>
                <a:gd name="connsiteY11" fmla="*/ 28368 h 3733820"/>
                <a:gd name="connsiteX0" fmla="*/ 0 w 5210174"/>
                <a:gd name="connsiteY0" fmla="*/ 28368 h 3733820"/>
                <a:gd name="connsiteX1" fmla="*/ 740228 w 5210174"/>
                <a:gd name="connsiteY1" fmla="*/ 36714 h 3733820"/>
                <a:gd name="connsiteX2" fmla="*/ 2424248 w 5210174"/>
                <a:gd name="connsiteY2" fmla="*/ 828105 h 3733820"/>
                <a:gd name="connsiteX3" fmla="*/ 3436619 w 5210174"/>
                <a:gd name="connsiteY3" fmla="*/ 754083 h 3733820"/>
                <a:gd name="connsiteX4" fmla="*/ 4470399 w 5210174"/>
                <a:gd name="connsiteY4" fmla="*/ 1334654 h 3733820"/>
                <a:gd name="connsiteX5" fmla="*/ 5210174 w 5210174"/>
                <a:gd name="connsiteY5" fmla="*/ 1272062 h 3733820"/>
                <a:gd name="connsiteX6" fmla="*/ 4392159 w 5210174"/>
                <a:gd name="connsiteY6" fmla="*/ 1952646 h 3733820"/>
                <a:gd name="connsiteX7" fmla="*/ 3482975 w 5210174"/>
                <a:gd name="connsiteY7" fmla="*/ 2073976 h 3733820"/>
                <a:gd name="connsiteX8" fmla="*/ 2562043 w 5210174"/>
                <a:gd name="connsiteY8" fmla="*/ 2843459 h 3733820"/>
                <a:gd name="connsiteX9" fmla="*/ 1273809 w 5210174"/>
                <a:gd name="connsiteY9" fmla="*/ 3095645 h 3733820"/>
                <a:gd name="connsiteX10" fmla="*/ 362198 w 5210174"/>
                <a:gd name="connsiteY10" fmla="*/ 3733820 h 3733820"/>
                <a:gd name="connsiteX11" fmla="*/ 0 w 5210174"/>
                <a:gd name="connsiteY11" fmla="*/ 28368 h 3733820"/>
                <a:gd name="connsiteX0" fmla="*/ 0 w 5210174"/>
                <a:gd name="connsiteY0" fmla="*/ 28368 h 3733820"/>
                <a:gd name="connsiteX1" fmla="*/ 740228 w 5210174"/>
                <a:gd name="connsiteY1" fmla="*/ 36714 h 3733820"/>
                <a:gd name="connsiteX2" fmla="*/ 2424248 w 5210174"/>
                <a:gd name="connsiteY2" fmla="*/ 828105 h 3733820"/>
                <a:gd name="connsiteX3" fmla="*/ 3436619 w 5210174"/>
                <a:gd name="connsiteY3" fmla="*/ 754083 h 3733820"/>
                <a:gd name="connsiteX4" fmla="*/ 4470399 w 5210174"/>
                <a:gd name="connsiteY4" fmla="*/ 1334654 h 3733820"/>
                <a:gd name="connsiteX5" fmla="*/ 5210174 w 5210174"/>
                <a:gd name="connsiteY5" fmla="*/ 1272062 h 3733820"/>
                <a:gd name="connsiteX6" fmla="*/ 4392159 w 5210174"/>
                <a:gd name="connsiteY6" fmla="*/ 1952646 h 3733820"/>
                <a:gd name="connsiteX7" fmla="*/ 3482975 w 5210174"/>
                <a:gd name="connsiteY7" fmla="*/ 2073976 h 3733820"/>
                <a:gd name="connsiteX8" fmla="*/ 2562043 w 5210174"/>
                <a:gd name="connsiteY8" fmla="*/ 2843459 h 3733820"/>
                <a:gd name="connsiteX9" fmla="*/ 1273809 w 5210174"/>
                <a:gd name="connsiteY9" fmla="*/ 3095645 h 3733820"/>
                <a:gd name="connsiteX10" fmla="*/ 362198 w 5210174"/>
                <a:gd name="connsiteY10" fmla="*/ 3733820 h 3733820"/>
                <a:gd name="connsiteX11" fmla="*/ 0 w 5210174"/>
                <a:gd name="connsiteY11" fmla="*/ 28368 h 3733820"/>
                <a:gd name="connsiteX0" fmla="*/ 0 w 5210174"/>
                <a:gd name="connsiteY0" fmla="*/ 28368 h 3733820"/>
                <a:gd name="connsiteX1" fmla="*/ 740228 w 5210174"/>
                <a:gd name="connsiteY1" fmla="*/ 36714 h 3733820"/>
                <a:gd name="connsiteX2" fmla="*/ 2424248 w 5210174"/>
                <a:gd name="connsiteY2" fmla="*/ 828105 h 3733820"/>
                <a:gd name="connsiteX3" fmla="*/ 3436619 w 5210174"/>
                <a:gd name="connsiteY3" fmla="*/ 754083 h 3733820"/>
                <a:gd name="connsiteX4" fmla="*/ 4470399 w 5210174"/>
                <a:gd name="connsiteY4" fmla="*/ 1334654 h 3733820"/>
                <a:gd name="connsiteX5" fmla="*/ 5210174 w 5210174"/>
                <a:gd name="connsiteY5" fmla="*/ 1272062 h 3733820"/>
                <a:gd name="connsiteX6" fmla="*/ 4392159 w 5210174"/>
                <a:gd name="connsiteY6" fmla="*/ 1952646 h 3733820"/>
                <a:gd name="connsiteX7" fmla="*/ 3482975 w 5210174"/>
                <a:gd name="connsiteY7" fmla="*/ 2073976 h 3733820"/>
                <a:gd name="connsiteX8" fmla="*/ 2562043 w 5210174"/>
                <a:gd name="connsiteY8" fmla="*/ 2843459 h 3733820"/>
                <a:gd name="connsiteX9" fmla="*/ 1280057 w 5210174"/>
                <a:gd name="connsiteY9" fmla="*/ 3089295 h 3733820"/>
                <a:gd name="connsiteX10" fmla="*/ 362198 w 5210174"/>
                <a:gd name="connsiteY10" fmla="*/ 3733820 h 3733820"/>
                <a:gd name="connsiteX11" fmla="*/ 0 w 5210174"/>
                <a:gd name="connsiteY11" fmla="*/ 28368 h 3733820"/>
                <a:gd name="connsiteX0" fmla="*/ 0 w 5210174"/>
                <a:gd name="connsiteY0" fmla="*/ 28368 h 3733820"/>
                <a:gd name="connsiteX1" fmla="*/ 740228 w 5210174"/>
                <a:gd name="connsiteY1" fmla="*/ 36714 h 3733820"/>
                <a:gd name="connsiteX2" fmla="*/ 2424248 w 5210174"/>
                <a:gd name="connsiteY2" fmla="*/ 828105 h 3733820"/>
                <a:gd name="connsiteX3" fmla="*/ 3436619 w 5210174"/>
                <a:gd name="connsiteY3" fmla="*/ 754083 h 3733820"/>
                <a:gd name="connsiteX4" fmla="*/ 4470399 w 5210174"/>
                <a:gd name="connsiteY4" fmla="*/ 1334654 h 3733820"/>
                <a:gd name="connsiteX5" fmla="*/ 5210174 w 5210174"/>
                <a:gd name="connsiteY5" fmla="*/ 1272062 h 3733820"/>
                <a:gd name="connsiteX6" fmla="*/ 4392159 w 5210174"/>
                <a:gd name="connsiteY6" fmla="*/ 1952646 h 3733820"/>
                <a:gd name="connsiteX7" fmla="*/ 3482975 w 5210174"/>
                <a:gd name="connsiteY7" fmla="*/ 2073976 h 3733820"/>
                <a:gd name="connsiteX8" fmla="*/ 2580787 w 5210174"/>
                <a:gd name="connsiteY8" fmla="*/ 2837109 h 3733820"/>
                <a:gd name="connsiteX9" fmla="*/ 1280057 w 5210174"/>
                <a:gd name="connsiteY9" fmla="*/ 3089295 h 3733820"/>
                <a:gd name="connsiteX10" fmla="*/ 362198 w 5210174"/>
                <a:gd name="connsiteY10" fmla="*/ 3733820 h 3733820"/>
                <a:gd name="connsiteX11" fmla="*/ 0 w 5210174"/>
                <a:gd name="connsiteY11" fmla="*/ 28368 h 3733820"/>
                <a:gd name="connsiteX0" fmla="*/ 0 w 5210174"/>
                <a:gd name="connsiteY0" fmla="*/ 28368 h 3733820"/>
                <a:gd name="connsiteX1" fmla="*/ 740228 w 5210174"/>
                <a:gd name="connsiteY1" fmla="*/ 36714 h 3733820"/>
                <a:gd name="connsiteX2" fmla="*/ 2424248 w 5210174"/>
                <a:gd name="connsiteY2" fmla="*/ 828105 h 3733820"/>
                <a:gd name="connsiteX3" fmla="*/ 3436619 w 5210174"/>
                <a:gd name="connsiteY3" fmla="*/ 754083 h 3733820"/>
                <a:gd name="connsiteX4" fmla="*/ 4470399 w 5210174"/>
                <a:gd name="connsiteY4" fmla="*/ 1334654 h 3733820"/>
                <a:gd name="connsiteX5" fmla="*/ 5210174 w 5210174"/>
                <a:gd name="connsiteY5" fmla="*/ 1272062 h 3733820"/>
                <a:gd name="connsiteX6" fmla="*/ 4392159 w 5210174"/>
                <a:gd name="connsiteY6" fmla="*/ 1952646 h 3733820"/>
                <a:gd name="connsiteX7" fmla="*/ 3482975 w 5210174"/>
                <a:gd name="connsiteY7" fmla="*/ 2073976 h 3733820"/>
                <a:gd name="connsiteX8" fmla="*/ 2618273 w 5210174"/>
                <a:gd name="connsiteY8" fmla="*/ 2824409 h 3733820"/>
                <a:gd name="connsiteX9" fmla="*/ 1280057 w 5210174"/>
                <a:gd name="connsiteY9" fmla="*/ 3089295 h 3733820"/>
                <a:gd name="connsiteX10" fmla="*/ 362198 w 5210174"/>
                <a:gd name="connsiteY10" fmla="*/ 3733820 h 3733820"/>
                <a:gd name="connsiteX11" fmla="*/ 0 w 5210174"/>
                <a:gd name="connsiteY11" fmla="*/ 28368 h 3733820"/>
                <a:gd name="connsiteX0" fmla="*/ 0 w 5210174"/>
                <a:gd name="connsiteY0" fmla="*/ 28368 h 3733820"/>
                <a:gd name="connsiteX1" fmla="*/ 740228 w 5210174"/>
                <a:gd name="connsiteY1" fmla="*/ 36714 h 3733820"/>
                <a:gd name="connsiteX2" fmla="*/ 2424248 w 5210174"/>
                <a:gd name="connsiteY2" fmla="*/ 828105 h 3733820"/>
                <a:gd name="connsiteX3" fmla="*/ 3436619 w 5210174"/>
                <a:gd name="connsiteY3" fmla="*/ 754083 h 3733820"/>
                <a:gd name="connsiteX4" fmla="*/ 4470399 w 5210174"/>
                <a:gd name="connsiteY4" fmla="*/ 1334654 h 3733820"/>
                <a:gd name="connsiteX5" fmla="*/ 5210174 w 5210174"/>
                <a:gd name="connsiteY5" fmla="*/ 1272062 h 3733820"/>
                <a:gd name="connsiteX6" fmla="*/ 4392159 w 5210174"/>
                <a:gd name="connsiteY6" fmla="*/ 1952646 h 3733820"/>
                <a:gd name="connsiteX7" fmla="*/ 3482975 w 5210174"/>
                <a:gd name="connsiteY7" fmla="*/ 2073976 h 3733820"/>
                <a:gd name="connsiteX8" fmla="*/ 2618273 w 5210174"/>
                <a:gd name="connsiteY8" fmla="*/ 2824409 h 3733820"/>
                <a:gd name="connsiteX9" fmla="*/ 1280057 w 5210174"/>
                <a:gd name="connsiteY9" fmla="*/ 3089295 h 3733820"/>
                <a:gd name="connsiteX10" fmla="*/ 362198 w 5210174"/>
                <a:gd name="connsiteY10" fmla="*/ 3733820 h 3733820"/>
                <a:gd name="connsiteX11" fmla="*/ 0 w 5210174"/>
                <a:gd name="connsiteY11" fmla="*/ 28368 h 3733820"/>
                <a:gd name="connsiteX0" fmla="*/ 0 w 5210174"/>
                <a:gd name="connsiteY0" fmla="*/ 28368 h 3733820"/>
                <a:gd name="connsiteX1" fmla="*/ 740228 w 5210174"/>
                <a:gd name="connsiteY1" fmla="*/ 36714 h 3733820"/>
                <a:gd name="connsiteX2" fmla="*/ 2424248 w 5210174"/>
                <a:gd name="connsiteY2" fmla="*/ 828105 h 3733820"/>
                <a:gd name="connsiteX3" fmla="*/ 3436619 w 5210174"/>
                <a:gd name="connsiteY3" fmla="*/ 754083 h 3733820"/>
                <a:gd name="connsiteX4" fmla="*/ 4470399 w 5210174"/>
                <a:gd name="connsiteY4" fmla="*/ 1334654 h 3733820"/>
                <a:gd name="connsiteX5" fmla="*/ 5210174 w 5210174"/>
                <a:gd name="connsiteY5" fmla="*/ 1272062 h 3733820"/>
                <a:gd name="connsiteX6" fmla="*/ 4392159 w 5210174"/>
                <a:gd name="connsiteY6" fmla="*/ 1952646 h 3733820"/>
                <a:gd name="connsiteX7" fmla="*/ 3507966 w 5210174"/>
                <a:gd name="connsiteY7" fmla="*/ 2054926 h 3733820"/>
                <a:gd name="connsiteX8" fmla="*/ 2618273 w 5210174"/>
                <a:gd name="connsiteY8" fmla="*/ 2824409 h 3733820"/>
                <a:gd name="connsiteX9" fmla="*/ 1280057 w 5210174"/>
                <a:gd name="connsiteY9" fmla="*/ 3089295 h 3733820"/>
                <a:gd name="connsiteX10" fmla="*/ 362198 w 5210174"/>
                <a:gd name="connsiteY10" fmla="*/ 3733820 h 3733820"/>
                <a:gd name="connsiteX11" fmla="*/ 0 w 5210174"/>
                <a:gd name="connsiteY11" fmla="*/ 28368 h 3733820"/>
                <a:gd name="connsiteX0" fmla="*/ 0 w 5210174"/>
                <a:gd name="connsiteY0" fmla="*/ 28368 h 3733820"/>
                <a:gd name="connsiteX1" fmla="*/ 740228 w 5210174"/>
                <a:gd name="connsiteY1" fmla="*/ 36714 h 3733820"/>
                <a:gd name="connsiteX2" fmla="*/ 2424248 w 5210174"/>
                <a:gd name="connsiteY2" fmla="*/ 828105 h 3733820"/>
                <a:gd name="connsiteX3" fmla="*/ 3436619 w 5210174"/>
                <a:gd name="connsiteY3" fmla="*/ 754083 h 3733820"/>
                <a:gd name="connsiteX4" fmla="*/ 4470399 w 5210174"/>
                <a:gd name="connsiteY4" fmla="*/ 1334654 h 3733820"/>
                <a:gd name="connsiteX5" fmla="*/ 5210174 w 5210174"/>
                <a:gd name="connsiteY5" fmla="*/ 1272062 h 3733820"/>
                <a:gd name="connsiteX6" fmla="*/ 4392159 w 5210174"/>
                <a:gd name="connsiteY6" fmla="*/ 1952646 h 3733820"/>
                <a:gd name="connsiteX7" fmla="*/ 3470479 w 5210174"/>
                <a:gd name="connsiteY7" fmla="*/ 2073976 h 3733820"/>
                <a:gd name="connsiteX8" fmla="*/ 2618273 w 5210174"/>
                <a:gd name="connsiteY8" fmla="*/ 2824409 h 3733820"/>
                <a:gd name="connsiteX9" fmla="*/ 1280057 w 5210174"/>
                <a:gd name="connsiteY9" fmla="*/ 3089295 h 3733820"/>
                <a:gd name="connsiteX10" fmla="*/ 362198 w 5210174"/>
                <a:gd name="connsiteY10" fmla="*/ 3733820 h 3733820"/>
                <a:gd name="connsiteX11" fmla="*/ 0 w 5210174"/>
                <a:gd name="connsiteY11" fmla="*/ 28368 h 3733820"/>
                <a:gd name="connsiteX0" fmla="*/ 0 w 5210174"/>
                <a:gd name="connsiteY0" fmla="*/ 28368 h 3733820"/>
                <a:gd name="connsiteX1" fmla="*/ 740228 w 5210174"/>
                <a:gd name="connsiteY1" fmla="*/ 36714 h 3733820"/>
                <a:gd name="connsiteX2" fmla="*/ 2424248 w 5210174"/>
                <a:gd name="connsiteY2" fmla="*/ 828105 h 3733820"/>
                <a:gd name="connsiteX3" fmla="*/ 3436619 w 5210174"/>
                <a:gd name="connsiteY3" fmla="*/ 754083 h 3733820"/>
                <a:gd name="connsiteX4" fmla="*/ 4470399 w 5210174"/>
                <a:gd name="connsiteY4" fmla="*/ 1334654 h 3733820"/>
                <a:gd name="connsiteX5" fmla="*/ 5210174 w 5210174"/>
                <a:gd name="connsiteY5" fmla="*/ 1272062 h 3733820"/>
                <a:gd name="connsiteX6" fmla="*/ 4392159 w 5210174"/>
                <a:gd name="connsiteY6" fmla="*/ 1952646 h 3733820"/>
                <a:gd name="connsiteX7" fmla="*/ 3451736 w 5210174"/>
                <a:gd name="connsiteY7" fmla="*/ 2093026 h 3733820"/>
                <a:gd name="connsiteX8" fmla="*/ 2618273 w 5210174"/>
                <a:gd name="connsiteY8" fmla="*/ 2824409 h 3733820"/>
                <a:gd name="connsiteX9" fmla="*/ 1280057 w 5210174"/>
                <a:gd name="connsiteY9" fmla="*/ 3089295 h 3733820"/>
                <a:gd name="connsiteX10" fmla="*/ 362198 w 5210174"/>
                <a:gd name="connsiteY10" fmla="*/ 3733820 h 3733820"/>
                <a:gd name="connsiteX11" fmla="*/ 0 w 5210174"/>
                <a:gd name="connsiteY11" fmla="*/ 28368 h 3733820"/>
                <a:gd name="connsiteX0" fmla="*/ 0 w 5210174"/>
                <a:gd name="connsiteY0" fmla="*/ 28368 h 3733820"/>
                <a:gd name="connsiteX1" fmla="*/ 740228 w 5210174"/>
                <a:gd name="connsiteY1" fmla="*/ 36714 h 3733820"/>
                <a:gd name="connsiteX2" fmla="*/ 2424248 w 5210174"/>
                <a:gd name="connsiteY2" fmla="*/ 828105 h 3733820"/>
                <a:gd name="connsiteX3" fmla="*/ 3436619 w 5210174"/>
                <a:gd name="connsiteY3" fmla="*/ 754083 h 3733820"/>
                <a:gd name="connsiteX4" fmla="*/ 4470399 w 5210174"/>
                <a:gd name="connsiteY4" fmla="*/ 1334654 h 3733820"/>
                <a:gd name="connsiteX5" fmla="*/ 5210174 w 5210174"/>
                <a:gd name="connsiteY5" fmla="*/ 1272062 h 3733820"/>
                <a:gd name="connsiteX6" fmla="*/ 4392159 w 5210174"/>
                <a:gd name="connsiteY6" fmla="*/ 1952646 h 3733820"/>
                <a:gd name="connsiteX7" fmla="*/ 3451736 w 5210174"/>
                <a:gd name="connsiteY7" fmla="*/ 2093026 h 3733820"/>
                <a:gd name="connsiteX8" fmla="*/ 2618273 w 5210174"/>
                <a:gd name="connsiteY8" fmla="*/ 2824409 h 3733820"/>
                <a:gd name="connsiteX9" fmla="*/ 1280057 w 5210174"/>
                <a:gd name="connsiteY9" fmla="*/ 3089295 h 3733820"/>
                <a:gd name="connsiteX10" fmla="*/ 362198 w 5210174"/>
                <a:gd name="connsiteY10" fmla="*/ 3733820 h 3733820"/>
                <a:gd name="connsiteX11" fmla="*/ 0 w 5210174"/>
                <a:gd name="connsiteY11" fmla="*/ 28368 h 3733820"/>
                <a:gd name="connsiteX0" fmla="*/ 0 w 5210174"/>
                <a:gd name="connsiteY0" fmla="*/ 28368 h 3733820"/>
                <a:gd name="connsiteX1" fmla="*/ 740228 w 5210174"/>
                <a:gd name="connsiteY1" fmla="*/ 36714 h 3733820"/>
                <a:gd name="connsiteX2" fmla="*/ 2424248 w 5210174"/>
                <a:gd name="connsiteY2" fmla="*/ 828105 h 3733820"/>
                <a:gd name="connsiteX3" fmla="*/ 3436619 w 5210174"/>
                <a:gd name="connsiteY3" fmla="*/ 754083 h 3733820"/>
                <a:gd name="connsiteX4" fmla="*/ 4470399 w 5210174"/>
                <a:gd name="connsiteY4" fmla="*/ 1334654 h 3733820"/>
                <a:gd name="connsiteX5" fmla="*/ 5210174 w 5210174"/>
                <a:gd name="connsiteY5" fmla="*/ 1272062 h 3733820"/>
                <a:gd name="connsiteX6" fmla="*/ 4342177 w 5210174"/>
                <a:gd name="connsiteY6" fmla="*/ 1965346 h 3733820"/>
                <a:gd name="connsiteX7" fmla="*/ 3451736 w 5210174"/>
                <a:gd name="connsiteY7" fmla="*/ 2093026 h 3733820"/>
                <a:gd name="connsiteX8" fmla="*/ 2618273 w 5210174"/>
                <a:gd name="connsiteY8" fmla="*/ 2824409 h 3733820"/>
                <a:gd name="connsiteX9" fmla="*/ 1280057 w 5210174"/>
                <a:gd name="connsiteY9" fmla="*/ 3089295 h 3733820"/>
                <a:gd name="connsiteX10" fmla="*/ 362198 w 5210174"/>
                <a:gd name="connsiteY10" fmla="*/ 3733820 h 3733820"/>
                <a:gd name="connsiteX11" fmla="*/ 0 w 5210174"/>
                <a:gd name="connsiteY11" fmla="*/ 28368 h 3733820"/>
                <a:gd name="connsiteX0" fmla="*/ 0 w 5210174"/>
                <a:gd name="connsiteY0" fmla="*/ 28368 h 3733820"/>
                <a:gd name="connsiteX1" fmla="*/ 740228 w 5210174"/>
                <a:gd name="connsiteY1" fmla="*/ 36714 h 3733820"/>
                <a:gd name="connsiteX2" fmla="*/ 2424248 w 5210174"/>
                <a:gd name="connsiteY2" fmla="*/ 828105 h 3733820"/>
                <a:gd name="connsiteX3" fmla="*/ 3436619 w 5210174"/>
                <a:gd name="connsiteY3" fmla="*/ 754083 h 3733820"/>
                <a:gd name="connsiteX4" fmla="*/ 4470399 w 5210174"/>
                <a:gd name="connsiteY4" fmla="*/ 1334654 h 3733820"/>
                <a:gd name="connsiteX5" fmla="*/ 5210174 w 5210174"/>
                <a:gd name="connsiteY5" fmla="*/ 1272062 h 3733820"/>
                <a:gd name="connsiteX6" fmla="*/ 4342177 w 5210174"/>
                <a:gd name="connsiteY6" fmla="*/ 1965346 h 3733820"/>
                <a:gd name="connsiteX7" fmla="*/ 3451736 w 5210174"/>
                <a:gd name="connsiteY7" fmla="*/ 2093026 h 3733820"/>
                <a:gd name="connsiteX8" fmla="*/ 2618273 w 5210174"/>
                <a:gd name="connsiteY8" fmla="*/ 2824409 h 3733820"/>
                <a:gd name="connsiteX9" fmla="*/ 1280057 w 5210174"/>
                <a:gd name="connsiteY9" fmla="*/ 3089295 h 3733820"/>
                <a:gd name="connsiteX10" fmla="*/ 362198 w 5210174"/>
                <a:gd name="connsiteY10" fmla="*/ 3733820 h 3733820"/>
                <a:gd name="connsiteX11" fmla="*/ 0 w 5210174"/>
                <a:gd name="connsiteY11" fmla="*/ 28368 h 3733820"/>
                <a:gd name="connsiteX0" fmla="*/ 0 w 5210174"/>
                <a:gd name="connsiteY0" fmla="*/ 28368 h 3733820"/>
                <a:gd name="connsiteX1" fmla="*/ 740228 w 5210174"/>
                <a:gd name="connsiteY1" fmla="*/ 36714 h 3733820"/>
                <a:gd name="connsiteX2" fmla="*/ 2424248 w 5210174"/>
                <a:gd name="connsiteY2" fmla="*/ 828105 h 3733820"/>
                <a:gd name="connsiteX3" fmla="*/ 3436619 w 5210174"/>
                <a:gd name="connsiteY3" fmla="*/ 754083 h 3733820"/>
                <a:gd name="connsiteX4" fmla="*/ 4470399 w 5210174"/>
                <a:gd name="connsiteY4" fmla="*/ 1334654 h 3733820"/>
                <a:gd name="connsiteX5" fmla="*/ 5210174 w 5210174"/>
                <a:gd name="connsiteY5" fmla="*/ 1272062 h 3733820"/>
                <a:gd name="connsiteX6" fmla="*/ 4342177 w 5210174"/>
                <a:gd name="connsiteY6" fmla="*/ 1965346 h 3733820"/>
                <a:gd name="connsiteX7" fmla="*/ 3451736 w 5210174"/>
                <a:gd name="connsiteY7" fmla="*/ 2093026 h 3733820"/>
                <a:gd name="connsiteX8" fmla="*/ 2618273 w 5210174"/>
                <a:gd name="connsiteY8" fmla="*/ 2824409 h 3733820"/>
                <a:gd name="connsiteX9" fmla="*/ 1280057 w 5210174"/>
                <a:gd name="connsiteY9" fmla="*/ 3089295 h 3733820"/>
                <a:gd name="connsiteX10" fmla="*/ 362198 w 5210174"/>
                <a:gd name="connsiteY10" fmla="*/ 3733820 h 3733820"/>
                <a:gd name="connsiteX11" fmla="*/ 0 w 5210174"/>
                <a:gd name="connsiteY11" fmla="*/ 28368 h 3733820"/>
                <a:gd name="connsiteX0" fmla="*/ 0 w 5210174"/>
                <a:gd name="connsiteY0" fmla="*/ 28368 h 3733820"/>
                <a:gd name="connsiteX1" fmla="*/ 740228 w 5210174"/>
                <a:gd name="connsiteY1" fmla="*/ 36714 h 3733820"/>
                <a:gd name="connsiteX2" fmla="*/ 2424248 w 5210174"/>
                <a:gd name="connsiteY2" fmla="*/ 828105 h 3733820"/>
                <a:gd name="connsiteX3" fmla="*/ 3436619 w 5210174"/>
                <a:gd name="connsiteY3" fmla="*/ 754083 h 3733820"/>
                <a:gd name="connsiteX4" fmla="*/ 4470399 w 5210174"/>
                <a:gd name="connsiteY4" fmla="*/ 1334654 h 3733820"/>
                <a:gd name="connsiteX5" fmla="*/ 5210174 w 5210174"/>
                <a:gd name="connsiteY5" fmla="*/ 1272062 h 3733820"/>
                <a:gd name="connsiteX6" fmla="*/ 4342177 w 5210174"/>
                <a:gd name="connsiteY6" fmla="*/ 1965346 h 3733820"/>
                <a:gd name="connsiteX7" fmla="*/ 3451736 w 5210174"/>
                <a:gd name="connsiteY7" fmla="*/ 2093026 h 3733820"/>
                <a:gd name="connsiteX8" fmla="*/ 2618273 w 5210174"/>
                <a:gd name="connsiteY8" fmla="*/ 2824409 h 3733820"/>
                <a:gd name="connsiteX9" fmla="*/ 1280057 w 5210174"/>
                <a:gd name="connsiteY9" fmla="*/ 3089295 h 3733820"/>
                <a:gd name="connsiteX10" fmla="*/ 362198 w 5210174"/>
                <a:gd name="connsiteY10" fmla="*/ 3733820 h 3733820"/>
                <a:gd name="connsiteX11" fmla="*/ 0 w 5210174"/>
                <a:gd name="connsiteY11" fmla="*/ 28368 h 3733820"/>
                <a:gd name="connsiteX0" fmla="*/ 0 w 5210174"/>
                <a:gd name="connsiteY0" fmla="*/ 42265 h 3747717"/>
                <a:gd name="connsiteX1" fmla="*/ 765219 w 5210174"/>
                <a:gd name="connsiteY1" fmla="*/ 31561 h 3747717"/>
                <a:gd name="connsiteX2" fmla="*/ 2424248 w 5210174"/>
                <a:gd name="connsiteY2" fmla="*/ 842002 h 3747717"/>
                <a:gd name="connsiteX3" fmla="*/ 3436619 w 5210174"/>
                <a:gd name="connsiteY3" fmla="*/ 767980 h 3747717"/>
                <a:gd name="connsiteX4" fmla="*/ 4470399 w 5210174"/>
                <a:gd name="connsiteY4" fmla="*/ 1348551 h 3747717"/>
                <a:gd name="connsiteX5" fmla="*/ 5210174 w 5210174"/>
                <a:gd name="connsiteY5" fmla="*/ 1285959 h 3747717"/>
                <a:gd name="connsiteX6" fmla="*/ 4342177 w 5210174"/>
                <a:gd name="connsiteY6" fmla="*/ 1979243 h 3747717"/>
                <a:gd name="connsiteX7" fmla="*/ 3451736 w 5210174"/>
                <a:gd name="connsiteY7" fmla="*/ 2106923 h 3747717"/>
                <a:gd name="connsiteX8" fmla="*/ 2618273 w 5210174"/>
                <a:gd name="connsiteY8" fmla="*/ 2838306 h 3747717"/>
                <a:gd name="connsiteX9" fmla="*/ 1280057 w 5210174"/>
                <a:gd name="connsiteY9" fmla="*/ 3103192 h 3747717"/>
                <a:gd name="connsiteX10" fmla="*/ 362198 w 5210174"/>
                <a:gd name="connsiteY10" fmla="*/ 3747717 h 3747717"/>
                <a:gd name="connsiteX11" fmla="*/ 0 w 5210174"/>
                <a:gd name="connsiteY11" fmla="*/ 42265 h 3747717"/>
                <a:gd name="connsiteX0" fmla="*/ 0 w 5210174"/>
                <a:gd name="connsiteY0" fmla="*/ 42265 h 3747717"/>
                <a:gd name="connsiteX1" fmla="*/ 765219 w 5210174"/>
                <a:gd name="connsiteY1" fmla="*/ 31561 h 3747717"/>
                <a:gd name="connsiteX2" fmla="*/ 2386761 w 5210174"/>
                <a:gd name="connsiteY2" fmla="*/ 822952 h 3747717"/>
                <a:gd name="connsiteX3" fmla="*/ 3436619 w 5210174"/>
                <a:gd name="connsiteY3" fmla="*/ 767980 h 3747717"/>
                <a:gd name="connsiteX4" fmla="*/ 4470399 w 5210174"/>
                <a:gd name="connsiteY4" fmla="*/ 1348551 h 3747717"/>
                <a:gd name="connsiteX5" fmla="*/ 5210174 w 5210174"/>
                <a:gd name="connsiteY5" fmla="*/ 1285959 h 3747717"/>
                <a:gd name="connsiteX6" fmla="*/ 4342177 w 5210174"/>
                <a:gd name="connsiteY6" fmla="*/ 1979243 h 3747717"/>
                <a:gd name="connsiteX7" fmla="*/ 3451736 w 5210174"/>
                <a:gd name="connsiteY7" fmla="*/ 2106923 h 3747717"/>
                <a:gd name="connsiteX8" fmla="*/ 2618273 w 5210174"/>
                <a:gd name="connsiteY8" fmla="*/ 2838306 h 3747717"/>
                <a:gd name="connsiteX9" fmla="*/ 1280057 w 5210174"/>
                <a:gd name="connsiteY9" fmla="*/ 3103192 h 3747717"/>
                <a:gd name="connsiteX10" fmla="*/ 362198 w 5210174"/>
                <a:gd name="connsiteY10" fmla="*/ 3747717 h 3747717"/>
                <a:gd name="connsiteX11" fmla="*/ 0 w 5210174"/>
                <a:gd name="connsiteY11" fmla="*/ 42265 h 3747717"/>
                <a:gd name="connsiteX0" fmla="*/ 0 w 5210174"/>
                <a:gd name="connsiteY0" fmla="*/ 42265 h 3747717"/>
                <a:gd name="connsiteX1" fmla="*/ 765219 w 5210174"/>
                <a:gd name="connsiteY1" fmla="*/ 31561 h 3747717"/>
                <a:gd name="connsiteX2" fmla="*/ 2386761 w 5210174"/>
                <a:gd name="connsiteY2" fmla="*/ 822952 h 3747717"/>
                <a:gd name="connsiteX3" fmla="*/ 3436619 w 5210174"/>
                <a:gd name="connsiteY3" fmla="*/ 767980 h 3747717"/>
                <a:gd name="connsiteX4" fmla="*/ 4470399 w 5210174"/>
                <a:gd name="connsiteY4" fmla="*/ 1348551 h 3747717"/>
                <a:gd name="connsiteX5" fmla="*/ 5210174 w 5210174"/>
                <a:gd name="connsiteY5" fmla="*/ 1285959 h 3747717"/>
                <a:gd name="connsiteX6" fmla="*/ 4342177 w 5210174"/>
                <a:gd name="connsiteY6" fmla="*/ 1979243 h 3747717"/>
                <a:gd name="connsiteX7" fmla="*/ 3451736 w 5210174"/>
                <a:gd name="connsiteY7" fmla="*/ 2106923 h 3747717"/>
                <a:gd name="connsiteX8" fmla="*/ 2618273 w 5210174"/>
                <a:gd name="connsiteY8" fmla="*/ 2838306 h 3747717"/>
                <a:gd name="connsiteX9" fmla="*/ 1280057 w 5210174"/>
                <a:gd name="connsiteY9" fmla="*/ 3103192 h 3747717"/>
                <a:gd name="connsiteX10" fmla="*/ 362198 w 5210174"/>
                <a:gd name="connsiteY10" fmla="*/ 3747717 h 3747717"/>
                <a:gd name="connsiteX11" fmla="*/ 0 w 5210174"/>
                <a:gd name="connsiteY11" fmla="*/ 42265 h 3747717"/>
                <a:gd name="connsiteX0" fmla="*/ 0 w 5210174"/>
                <a:gd name="connsiteY0" fmla="*/ 42265 h 3747717"/>
                <a:gd name="connsiteX1" fmla="*/ 765219 w 5210174"/>
                <a:gd name="connsiteY1" fmla="*/ 31561 h 3747717"/>
                <a:gd name="connsiteX2" fmla="*/ 2268054 w 5210174"/>
                <a:gd name="connsiteY2" fmla="*/ 784852 h 3747717"/>
                <a:gd name="connsiteX3" fmla="*/ 3436619 w 5210174"/>
                <a:gd name="connsiteY3" fmla="*/ 767980 h 3747717"/>
                <a:gd name="connsiteX4" fmla="*/ 4470399 w 5210174"/>
                <a:gd name="connsiteY4" fmla="*/ 1348551 h 3747717"/>
                <a:gd name="connsiteX5" fmla="*/ 5210174 w 5210174"/>
                <a:gd name="connsiteY5" fmla="*/ 1285959 h 3747717"/>
                <a:gd name="connsiteX6" fmla="*/ 4342177 w 5210174"/>
                <a:gd name="connsiteY6" fmla="*/ 1979243 h 3747717"/>
                <a:gd name="connsiteX7" fmla="*/ 3451736 w 5210174"/>
                <a:gd name="connsiteY7" fmla="*/ 2106923 h 3747717"/>
                <a:gd name="connsiteX8" fmla="*/ 2618273 w 5210174"/>
                <a:gd name="connsiteY8" fmla="*/ 2838306 h 3747717"/>
                <a:gd name="connsiteX9" fmla="*/ 1280057 w 5210174"/>
                <a:gd name="connsiteY9" fmla="*/ 3103192 h 3747717"/>
                <a:gd name="connsiteX10" fmla="*/ 362198 w 5210174"/>
                <a:gd name="connsiteY10" fmla="*/ 3747717 h 3747717"/>
                <a:gd name="connsiteX11" fmla="*/ 0 w 5210174"/>
                <a:gd name="connsiteY11" fmla="*/ 42265 h 3747717"/>
                <a:gd name="connsiteX0" fmla="*/ 0 w 5210174"/>
                <a:gd name="connsiteY0" fmla="*/ 42265 h 3747717"/>
                <a:gd name="connsiteX1" fmla="*/ 765219 w 5210174"/>
                <a:gd name="connsiteY1" fmla="*/ 31561 h 3747717"/>
                <a:gd name="connsiteX2" fmla="*/ 2268054 w 5210174"/>
                <a:gd name="connsiteY2" fmla="*/ 784852 h 3747717"/>
                <a:gd name="connsiteX3" fmla="*/ 3436619 w 5210174"/>
                <a:gd name="connsiteY3" fmla="*/ 767980 h 3747717"/>
                <a:gd name="connsiteX4" fmla="*/ 4470399 w 5210174"/>
                <a:gd name="connsiteY4" fmla="*/ 1348551 h 3747717"/>
                <a:gd name="connsiteX5" fmla="*/ 5210174 w 5210174"/>
                <a:gd name="connsiteY5" fmla="*/ 1285959 h 3747717"/>
                <a:gd name="connsiteX6" fmla="*/ 4342177 w 5210174"/>
                <a:gd name="connsiteY6" fmla="*/ 1979243 h 3747717"/>
                <a:gd name="connsiteX7" fmla="*/ 3451736 w 5210174"/>
                <a:gd name="connsiteY7" fmla="*/ 2106923 h 3747717"/>
                <a:gd name="connsiteX8" fmla="*/ 2618273 w 5210174"/>
                <a:gd name="connsiteY8" fmla="*/ 2838306 h 3747717"/>
                <a:gd name="connsiteX9" fmla="*/ 1280057 w 5210174"/>
                <a:gd name="connsiteY9" fmla="*/ 3103192 h 3747717"/>
                <a:gd name="connsiteX10" fmla="*/ 362198 w 5210174"/>
                <a:gd name="connsiteY10" fmla="*/ 3747717 h 3747717"/>
                <a:gd name="connsiteX11" fmla="*/ 0 w 5210174"/>
                <a:gd name="connsiteY11" fmla="*/ 42265 h 3747717"/>
                <a:gd name="connsiteX0" fmla="*/ 0 w 5210174"/>
                <a:gd name="connsiteY0" fmla="*/ 42265 h 3747717"/>
                <a:gd name="connsiteX1" fmla="*/ 765219 w 5210174"/>
                <a:gd name="connsiteY1" fmla="*/ 31561 h 3747717"/>
                <a:gd name="connsiteX2" fmla="*/ 2268054 w 5210174"/>
                <a:gd name="connsiteY2" fmla="*/ 784852 h 3747717"/>
                <a:gd name="connsiteX3" fmla="*/ 3436619 w 5210174"/>
                <a:gd name="connsiteY3" fmla="*/ 767980 h 3747717"/>
                <a:gd name="connsiteX4" fmla="*/ 4470399 w 5210174"/>
                <a:gd name="connsiteY4" fmla="*/ 1348551 h 3747717"/>
                <a:gd name="connsiteX5" fmla="*/ 5210174 w 5210174"/>
                <a:gd name="connsiteY5" fmla="*/ 1285959 h 3747717"/>
                <a:gd name="connsiteX6" fmla="*/ 4342177 w 5210174"/>
                <a:gd name="connsiteY6" fmla="*/ 1979243 h 3747717"/>
                <a:gd name="connsiteX7" fmla="*/ 3451736 w 5210174"/>
                <a:gd name="connsiteY7" fmla="*/ 2106923 h 3747717"/>
                <a:gd name="connsiteX8" fmla="*/ 2618273 w 5210174"/>
                <a:gd name="connsiteY8" fmla="*/ 2838306 h 3747717"/>
                <a:gd name="connsiteX9" fmla="*/ 1280057 w 5210174"/>
                <a:gd name="connsiteY9" fmla="*/ 3103192 h 3747717"/>
                <a:gd name="connsiteX10" fmla="*/ 362198 w 5210174"/>
                <a:gd name="connsiteY10" fmla="*/ 3747717 h 3747717"/>
                <a:gd name="connsiteX11" fmla="*/ 0 w 5210174"/>
                <a:gd name="connsiteY11" fmla="*/ 42265 h 3747717"/>
                <a:gd name="connsiteX0" fmla="*/ 0 w 5210174"/>
                <a:gd name="connsiteY0" fmla="*/ 42265 h 3747717"/>
                <a:gd name="connsiteX1" fmla="*/ 765219 w 5210174"/>
                <a:gd name="connsiteY1" fmla="*/ 31561 h 3747717"/>
                <a:gd name="connsiteX2" fmla="*/ 2268054 w 5210174"/>
                <a:gd name="connsiteY2" fmla="*/ 784852 h 3747717"/>
                <a:gd name="connsiteX3" fmla="*/ 3436619 w 5210174"/>
                <a:gd name="connsiteY3" fmla="*/ 767980 h 3747717"/>
                <a:gd name="connsiteX4" fmla="*/ 4470399 w 5210174"/>
                <a:gd name="connsiteY4" fmla="*/ 1348551 h 3747717"/>
                <a:gd name="connsiteX5" fmla="*/ 5210174 w 5210174"/>
                <a:gd name="connsiteY5" fmla="*/ 1285959 h 3747717"/>
                <a:gd name="connsiteX6" fmla="*/ 4342177 w 5210174"/>
                <a:gd name="connsiteY6" fmla="*/ 1979243 h 3747717"/>
                <a:gd name="connsiteX7" fmla="*/ 3451736 w 5210174"/>
                <a:gd name="connsiteY7" fmla="*/ 2106923 h 3747717"/>
                <a:gd name="connsiteX8" fmla="*/ 2618273 w 5210174"/>
                <a:gd name="connsiteY8" fmla="*/ 2838306 h 3747717"/>
                <a:gd name="connsiteX9" fmla="*/ 1280057 w 5210174"/>
                <a:gd name="connsiteY9" fmla="*/ 3103192 h 3747717"/>
                <a:gd name="connsiteX10" fmla="*/ 362198 w 5210174"/>
                <a:gd name="connsiteY10" fmla="*/ 3747717 h 3747717"/>
                <a:gd name="connsiteX11" fmla="*/ 0 w 5210174"/>
                <a:gd name="connsiteY11" fmla="*/ 42265 h 3747717"/>
                <a:gd name="connsiteX0" fmla="*/ 0 w 5210174"/>
                <a:gd name="connsiteY0" fmla="*/ 42265 h 3747717"/>
                <a:gd name="connsiteX1" fmla="*/ 765219 w 5210174"/>
                <a:gd name="connsiteY1" fmla="*/ 31561 h 3747717"/>
                <a:gd name="connsiteX2" fmla="*/ 2268054 w 5210174"/>
                <a:gd name="connsiteY2" fmla="*/ 784852 h 3747717"/>
                <a:gd name="connsiteX3" fmla="*/ 3436619 w 5210174"/>
                <a:gd name="connsiteY3" fmla="*/ 767980 h 3747717"/>
                <a:gd name="connsiteX4" fmla="*/ 4470399 w 5210174"/>
                <a:gd name="connsiteY4" fmla="*/ 1348551 h 3747717"/>
                <a:gd name="connsiteX5" fmla="*/ 5210174 w 5210174"/>
                <a:gd name="connsiteY5" fmla="*/ 1285959 h 3747717"/>
                <a:gd name="connsiteX6" fmla="*/ 4342177 w 5210174"/>
                <a:gd name="connsiteY6" fmla="*/ 1979243 h 3747717"/>
                <a:gd name="connsiteX7" fmla="*/ 3451736 w 5210174"/>
                <a:gd name="connsiteY7" fmla="*/ 2106923 h 3747717"/>
                <a:gd name="connsiteX8" fmla="*/ 2618273 w 5210174"/>
                <a:gd name="connsiteY8" fmla="*/ 2838306 h 3747717"/>
                <a:gd name="connsiteX9" fmla="*/ 1280057 w 5210174"/>
                <a:gd name="connsiteY9" fmla="*/ 3103192 h 3747717"/>
                <a:gd name="connsiteX10" fmla="*/ 362198 w 5210174"/>
                <a:gd name="connsiteY10" fmla="*/ 3747717 h 3747717"/>
                <a:gd name="connsiteX11" fmla="*/ 0 w 5210174"/>
                <a:gd name="connsiteY11" fmla="*/ 42265 h 3747717"/>
                <a:gd name="connsiteX0" fmla="*/ 0 w 5210174"/>
                <a:gd name="connsiteY0" fmla="*/ 42265 h 3747717"/>
                <a:gd name="connsiteX1" fmla="*/ 765219 w 5210174"/>
                <a:gd name="connsiteY1" fmla="*/ 31561 h 3747717"/>
                <a:gd name="connsiteX2" fmla="*/ 2268054 w 5210174"/>
                <a:gd name="connsiteY2" fmla="*/ 784852 h 3747717"/>
                <a:gd name="connsiteX3" fmla="*/ 3436619 w 5210174"/>
                <a:gd name="connsiteY3" fmla="*/ 767980 h 3747717"/>
                <a:gd name="connsiteX4" fmla="*/ 4470399 w 5210174"/>
                <a:gd name="connsiteY4" fmla="*/ 1348551 h 3747717"/>
                <a:gd name="connsiteX5" fmla="*/ 5210174 w 5210174"/>
                <a:gd name="connsiteY5" fmla="*/ 1285959 h 3747717"/>
                <a:gd name="connsiteX6" fmla="*/ 4342177 w 5210174"/>
                <a:gd name="connsiteY6" fmla="*/ 1979243 h 3747717"/>
                <a:gd name="connsiteX7" fmla="*/ 3451736 w 5210174"/>
                <a:gd name="connsiteY7" fmla="*/ 2106923 h 3747717"/>
                <a:gd name="connsiteX8" fmla="*/ 2618273 w 5210174"/>
                <a:gd name="connsiteY8" fmla="*/ 2838306 h 3747717"/>
                <a:gd name="connsiteX9" fmla="*/ 1280057 w 5210174"/>
                <a:gd name="connsiteY9" fmla="*/ 3103192 h 3747717"/>
                <a:gd name="connsiteX10" fmla="*/ 362198 w 5210174"/>
                <a:gd name="connsiteY10" fmla="*/ 3747717 h 3747717"/>
                <a:gd name="connsiteX11" fmla="*/ 0 w 5210174"/>
                <a:gd name="connsiteY11" fmla="*/ 42265 h 3747717"/>
                <a:gd name="connsiteX0" fmla="*/ 0 w 5210174"/>
                <a:gd name="connsiteY0" fmla="*/ 42265 h 3747717"/>
                <a:gd name="connsiteX1" fmla="*/ 765219 w 5210174"/>
                <a:gd name="connsiteY1" fmla="*/ 31561 h 3747717"/>
                <a:gd name="connsiteX2" fmla="*/ 2268054 w 5210174"/>
                <a:gd name="connsiteY2" fmla="*/ 784852 h 3747717"/>
                <a:gd name="connsiteX3" fmla="*/ 3436619 w 5210174"/>
                <a:gd name="connsiteY3" fmla="*/ 767980 h 3747717"/>
                <a:gd name="connsiteX4" fmla="*/ 4470399 w 5210174"/>
                <a:gd name="connsiteY4" fmla="*/ 1348551 h 3747717"/>
                <a:gd name="connsiteX5" fmla="*/ 5210174 w 5210174"/>
                <a:gd name="connsiteY5" fmla="*/ 1285959 h 3747717"/>
                <a:gd name="connsiteX6" fmla="*/ 4342177 w 5210174"/>
                <a:gd name="connsiteY6" fmla="*/ 1979243 h 3747717"/>
                <a:gd name="connsiteX7" fmla="*/ 3451736 w 5210174"/>
                <a:gd name="connsiteY7" fmla="*/ 2106923 h 3747717"/>
                <a:gd name="connsiteX8" fmla="*/ 2618273 w 5210174"/>
                <a:gd name="connsiteY8" fmla="*/ 2838306 h 3747717"/>
                <a:gd name="connsiteX9" fmla="*/ 1280057 w 5210174"/>
                <a:gd name="connsiteY9" fmla="*/ 3103192 h 3747717"/>
                <a:gd name="connsiteX10" fmla="*/ 362198 w 5210174"/>
                <a:gd name="connsiteY10" fmla="*/ 3747717 h 3747717"/>
                <a:gd name="connsiteX11" fmla="*/ 0 w 5210174"/>
                <a:gd name="connsiteY11" fmla="*/ 42265 h 37477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5210174" h="3747717">
                  <a:moveTo>
                    <a:pt x="0" y="42265"/>
                  </a:moveTo>
                  <a:cubicBezTo>
                    <a:pt x="246743" y="37427"/>
                    <a:pt x="374784" y="-43067"/>
                    <a:pt x="765219" y="31561"/>
                  </a:cubicBezTo>
                  <a:cubicBezTo>
                    <a:pt x="1547539" y="285198"/>
                    <a:pt x="1403609" y="392785"/>
                    <a:pt x="2268054" y="784852"/>
                  </a:cubicBezTo>
                  <a:cubicBezTo>
                    <a:pt x="2516466" y="874478"/>
                    <a:pt x="3103628" y="691054"/>
                    <a:pt x="3436619" y="767980"/>
                  </a:cubicBezTo>
                  <a:cubicBezTo>
                    <a:pt x="3788832" y="885304"/>
                    <a:pt x="4163906" y="1284567"/>
                    <a:pt x="4470399" y="1348551"/>
                  </a:cubicBezTo>
                  <a:cubicBezTo>
                    <a:pt x="4636029" y="1427699"/>
                    <a:pt x="5015969" y="1216336"/>
                    <a:pt x="5210174" y="1285959"/>
                  </a:cubicBezTo>
                  <a:cubicBezTo>
                    <a:pt x="4946361" y="1435033"/>
                    <a:pt x="4791066" y="1876206"/>
                    <a:pt x="4342177" y="1979243"/>
                  </a:cubicBezTo>
                  <a:cubicBezTo>
                    <a:pt x="3948629" y="2024449"/>
                    <a:pt x="3735746" y="1909317"/>
                    <a:pt x="3451736" y="2106923"/>
                  </a:cubicBezTo>
                  <a:cubicBezTo>
                    <a:pt x="3117378" y="2307326"/>
                    <a:pt x="2871312" y="2676003"/>
                    <a:pt x="2618273" y="2838306"/>
                  </a:cubicBezTo>
                  <a:cubicBezTo>
                    <a:pt x="2104175" y="3108634"/>
                    <a:pt x="1550443" y="3002726"/>
                    <a:pt x="1280057" y="3103192"/>
                  </a:cubicBezTo>
                  <a:cubicBezTo>
                    <a:pt x="902799" y="3222746"/>
                    <a:pt x="569140" y="3567536"/>
                    <a:pt x="362198" y="3747717"/>
                  </a:cubicBezTo>
                  <a:cubicBezTo>
                    <a:pt x="304481" y="3188879"/>
                    <a:pt x="87312" y="850008"/>
                    <a:pt x="0" y="42265"/>
                  </a:cubicBezTo>
                  <a:close/>
                </a:path>
              </a:pathLst>
            </a:custGeom>
            <a:gradFill>
              <a:gsLst>
                <a:gs pos="100000">
                  <a:srgbClr val="E5200B"/>
                </a:gs>
                <a:gs pos="0">
                  <a:srgbClr val="E5200B">
                    <a:lumMod val="75000"/>
                  </a:srgbClr>
                </a:gs>
              </a:gsLst>
              <a:lin ang="0" scaled="1"/>
            </a:gra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88" name="Freeform 21"/>
            <p:cNvSpPr/>
            <p:nvPr/>
          </p:nvSpPr>
          <p:spPr>
            <a:xfrm rot="21285627">
              <a:off x="2216689" y="613361"/>
              <a:ext cx="294572" cy="6271036"/>
            </a:xfrm>
            <a:custGeom>
              <a:avLst/>
              <a:gdLst>
                <a:gd name="connsiteX0" fmla="*/ 147286 w 294572"/>
                <a:gd name="connsiteY0" fmla="*/ 0 h 6271036"/>
                <a:gd name="connsiteX1" fmla="*/ 294572 w 294572"/>
                <a:gd name="connsiteY1" fmla="*/ 147286 h 6271036"/>
                <a:gd name="connsiteX2" fmla="*/ 294571 w 294572"/>
                <a:gd name="connsiteY2" fmla="*/ 6262626 h 6271036"/>
                <a:gd name="connsiteX3" fmla="*/ 292873 w 294572"/>
                <a:gd name="connsiteY3" fmla="*/ 6271036 h 6271036"/>
                <a:gd name="connsiteX4" fmla="*/ 0 w 294572"/>
                <a:gd name="connsiteY4" fmla="*/ 6244178 h 6271036"/>
                <a:gd name="connsiteX5" fmla="*/ 0 w 294572"/>
                <a:gd name="connsiteY5" fmla="*/ 147286 h 6271036"/>
                <a:gd name="connsiteX6" fmla="*/ 147286 w 294572"/>
                <a:gd name="connsiteY6" fmla="*/ 0 h 62710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94572" h="6271036">
                  <a:moveTo>
                    <a:pt x="147286" y="0"/>
                  </a:moveTo>
                  <a:cubicBezTo>
                    <a:pt x="228630" y="0"/>
                    <a:pt x="294572" y="65942"/>
                    <a:pt x="294572" y="147286"/>
                  </a:cubicBezTo>
                  <a:cubicBezTo>
                    <a:pt x="294572" y="2185733"/>
                    <a:pt x="294571" y="4224179"/>
                    <a:pt x="294571" y="6262626"/>
                  </a:cubicBezTo>
                  <a:lnTo>
                    <a:pt x="292873" y="6271036"/>
                  </a:lnTo>
                  <a:lnTo>
                    <a:pt x="0" y="6244178"/>
                  </a:lnTo>
                  <a:lnTo>
                    <a:pt x="0" y="147286"/>
                  </a:lnTo>
                  <a:cubicBezTo>
                    <a:pt x="0" y="65942"/>
                    <a:pt x="65942" y="0"/>
                    <a:pt x="147286" y="0"/>
                  </a:cubicBezTo>
                  <a:close/>
                </a:path>
              </a:pathLst>
            </a:custGeom>
            <a:gradFill flip="none" rotWithShape="1">
              <a:gsLst>
                <a:gs pos="100000">
                  <a:srgbClr val="C1CFE9">
                    <a:lumMod val="50000"/>
                  </a:srgbClr>
                </a:gs>
                <a:gs pos="67000">
                  <a:srgbClr val="C1CFE9">
                    <a:lumMod val="75000"/>
                  </a:srgbClr>
                </a:gs>
                <a:gs pos="51000">
                  <a:srgbClr val="C1CFE9"/>
                </a:gs>
                <a:gs pos="3261">
                  <a:srgbClr val="C1CFE9">
                    <a:lumMod val="60000"/>
                    <a:lumOff val="40000"/>
                  </a:srgbClr>
                </a:gs>
                <a:gs pos="19000">
                  <a:srgbClr val="C1CFE9">
                    <a:lumMod val="40000"/>
                    <a:lumOff val="60000"/>
                  </a:srgbClr>
                </a:gs>
              </a:gsLst>
              <a:lin ang="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innerShdw blurRad="76200">
                <a:srgbClr val="C1CFE9">
                  <a:lumMod val="50000"/>
                </a:srgbClr>
              </a:innerShdw>
            </a:effec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89" name="Freeform 22"/>
            <p:cNvSpPr/>
            <p:nvPr/>
          </p:nvSpPr>
          <p:spPr>
            <a:xfrm rot="21285627">
              <a:off x="2081158" y="772776"/>
              <a:ext cx="364611" cy="3726187"/>
            </a:xfrm>
            <a:custGeom>
              <a:avLst/>
              <a:gdLst>
                <a:gd name="connsiteX0" fmla="*/ 0 w 348862"/>
                <a:gd name="connsiteY0" fmla="*/ 3793815 h 5778811"/>
                <a:gd name="connsiteX1" fmla="*/ 20385 w 348862"/>
                <a:gd name="connsiteY1" fmla="*/ 3807035 h 5778811"/>
                <a:gd name="connsiteX2" fmla="*/ 172571 w 348862"/>
                <a:gd name="connsiteY2" fmla="*/ 3843823 h 5778811"/>
                <a:gd name="connsiteX3" fmla="*/ 328909 w 348862"/>
                <a:gd name="connsiteY3" fmla="*/ 3835328 h 5778811"/>
                <a:gd name="connsiteX4" fmla="*/ 348861 w 348862"/>
                <a:gd name="connsiteY4" fmla="*/ 3827069 h 5778811"/>
                <a:gd name="connsiteX5" fmla="*/ 348861 w 348862"/>
                <a:gd name="connsiteY5" fmla="*/ 5604380 h 5778811"/>
                <a:gd name="connsiteX6" fmla="*/ 174430 w 348862"/>
                <a:gd name="connsiteY6" fmla="*/ 5778811 h 5778811"/>
                <a:gd name="connsiteX7" fmla="*/ 174431 w 348862"/>
                <a:gd name="connsiteY7" fmla="*/ 5778810 h 5778811"/>
                <a:gd name="connsiteX8" fmla="*/ 0 w 348862"/>
                <a:gd name="connsiteY8" fmla="*/ 5604379 h 5778811"/>
                <a:gd name="connsiteX9" fmla="*/ 348862 w 348862"/>
                <a:gd name="connsiteY9" fmla="*/ 14450 h 5778811"/>
                <a:gd name="connsiteX10" fmla="*/ 348861 w 348862"/>
                <a:gd name="connsiteY10" fmla="*/ 3732440 h 5778811"/>
                <a:gd name="connsiteX11" fmla="*/ 338935 w 348862"/>
                <a:gd name="connsiteY11" fmla="*/ 3726002 h 5778811"/>
                <a:gd name="connsiteX12" fmla="*/ 186749 w 348862"/>
                <a:gd name="connsiteY12" fmla="*/ 3689214 h 5778811"/>
                <a:gd name="connsiteX13" fmla="*/ 30410 w 348862"/>
                <a:gd name="connsiteY13" fmla="*/ 3697710 h 5778811"/>
                <a:gd name="connsiteX14" fmla="*/ 0 w 348862"/>
                <a:gd name="connsiteY14" fmla="*/ 3710297 h 5778811"/>
                <a:gd name="connsiteX15" fmla="*/ 0 w 348862"/>
                <a:gd name="connsiteY15" fmla="*/ 0 h 5778811"/>
                <a:gd name="connsiteX16" fmla="*/ 2685 w 348862"/>
                <a:gd name="connsiteY16" fmla="*/ 1742 h 5778811"/>
                <a:gd name="connsiteX17" fmla="*/ 154871 w 348862"/>
                <a:gd name="connsiteY17" fmla="*/ 38530 h 5778811"/>
                <a:gd name="connsiteX18" fmla="*/ 311210 w 348862"/>
                <a:gd name="connsiteY18" fmla="*/ 30035 h 5778811"/>
                <a:gd name="connsiteX0" fmla="*/ 0 w 348862"/>
                <a:gd name="connsiteY0" fmla="*/ 3793815 h 5778811"/>
                <a:gd name="connsiteX1" fmla="*/ 20385 w 348862"/>
                <a:gd name="connsiteY1" fmla="*/ 3807035 h 5778811"/>
                <a:gd name="connsiteX2" fmla="*/ 172571 w 348862"/>
                <a:gd name="connsiteY2" fmla="*/ 3843823 h 5778811"/>
                <a:gd name="connsiteX3" fmla="*/ 328909 w 348862"/>
                <a:gd name="connsiteY3" fmla="*/ 3835328 h 5778811"/>
                <a:gd name="connsiteX4" fmla="*/ 348861 w 348862"/>
                <a:gd name="connsiteY4" fmla="*/ 3827069 h 5778811"/>
                <a:gd name="connsiteX5" fmla="*/ 174430 w 348862"/>
                <a:gd name="connsiteY5" fmla="*/ 5778811 h 5778811"/>
                <a:gd name="connsiteX6" fmla="*/ 174431 w 348862"/>
                <a:gd name="connsiteY6" fmla="*/ 5778810 h 5778811"/>
                <a:gd name="connsiteX7" fmla="*/ 0 w 348862"/>
                <a:gd name="connsiteY7" fmla="*/ 5604379 h 5778811"/>
                <a:gd name="connsiteX8" fmla="*/ 0 w 348862"/>
                <a:gd name="connsiteY8" fmla="*/ 3793815 h 5778811"/>
                <a:gd name="connsiteX9" fmla="*/ 348862 w 348862"/>
                <a:gd name="connsiteY9" fmla="*/ 14450 h 5778811"/>
                <a:gd name="connsiteX10" fmla="*/ 348861 w 348862"/>
                <a:gd name="connsiteY10" fmla="*/ 3732440 h 5778811"/>
                <a:gd name="connsiteX11" fmla="*/ 338935 w 348862"/>
                <a:gd name="connsiteY11" fmla="*/ 3726002 h 5778811"/>
                <a:gd name="connsiteX12" fmla="*/ 186749 w 348862"/>
                <a:gd name="connsiteY12" fmla="*/ 3689214 h 5778811"/>
                <a:gd name="connsiteX13" fmla="*/ 30410 w 348862"/>
                <a:gd name="connsiteY13" fmla="*/ 3697710 h 5778811"/>
                <a:gd name="connsiteX14" fmla="*/ 0 w 348862"/>
                <a:gd name="connsiteY14" fmla="*/ 3710297 h 5778811"/>
                <a:gd name="connsiteX15" fmla="*/ 0 w 348862"/>
                <a:gd name="connsiteY15" fmla="*/ 0 h 5778811"/>
                <a:gd name="connsiteX16" fmla="*/ 2685 w 348862"/>
                <a:gd name="connsiteY16" fmla="*/ 1742 h 5778811"/>
                <a:gd name="connsiteX17" fmla="*/ 154871 w 348862"/>
                <a:gd name="connsiteY17" fmla="*/ 38530 h 5778811"/>
                <a:gd name="connsiteX18" fmla="*/ 311210 w 348862"/>
                <a:gd name="connsiteY18" fmla="*/ 30035 h 5778811"/>
                <a:gd name="connsiteX19" fmla="*/ 348862 w 348862"/>
                <a:gd name="connsiteY19" fmla="*/ 14450 h 5778811"/>
                <a:gd name="connsiteX0" fmla="*/ 0 w 348862"/>
                <a:gd name="connsiteY0" fmla="*/ 3793815 h 5778811"/>
                <a:gd name="connsiteX1" fmla="*/ 20385 w 348862"/>
                <a:gd name="connsiteY1" fmla="*/ 3807035 h 5778811"/>
                <a:gd name="connsiteX2" fmla="*/ 172571 w 348862"/>
                <a:gd name="connsiteY2" fmla="*/ 3843823 h 5778811"/>
                <a:gd name="connsiteX3" fmla="*/ 328909 w 348862"/>
                <a:gd name="connsiteY3" fmla="*/ 3835328 h 5778811"/>
                <a:gd name="connsiteX4" fmla="*/ 348861 w 348862"/>
                <a:gd name="connsiteY4" fmla="*/ 3827069 h 5778811"/>
                <a:gd name="connsiteX5" fmla="*/ 174430 w 348862"/>
                <a:gd name="connsiteY5" fmla="*/ 5778811 h 5778811"/>
                <a:gd name="connsiteX6" fmla="*/ 0 w 348862"/>
                <a:gd name="connsiteY6" fmla="*/ 5604379 h 5778811"/>
                <a:gd name="connsiteX7" fmla="*/ 0 w 348862"/>
                <a:gd name="connsiteY7" fmla="*/ 3793815 h 5778811"/>
                <a:gd name="connsiteX8" fmla="*/ 348862 w 348862"/>
                <a:gd name="connsiteY8" fmla="*/ 14450 h 5778811"/>
                <a:gd name="connsiteX9" fmla="*/ 348861 w 348862"/>
                <a:gd name="connsiteY9" fmla="*/ 3732440 h 5778811"/>
                <a:gd name="connsiteX10" fmla="*/ 338935 w 348862"/>
                <a:gd name="connsiteY10" fmla="*/ 3726002 h 5778811"/>
                <a:gd name="connsiteX11" fmla="*/ 186749 w 348862"/>
                <a:gd name="connsiteY11" fmla="*/ 3689214 h 5778811"/>
                <a:gd name="connsiteX12" fmla="*/ 30410 w 348862"/>
                <a:gd name="connsiteY12" fmla="*/ 3697710 h 5778811"/>
                <a:gd name="connsiteX13" fmla="*/ 0 w 348862"/>
                <a:gd name="connsiteY13" fmla="*/ 3710297 h 5778811"/>
                <a:gd name="connsiteX14" fmla="*/ 0 w 348862"/>
                <a:gd name="connsiteY14" fmla="*/ 0 h 5778811"/>
                <a:gd name="connsiteX15" fmla="*/ 2685 w 348862"/>
                <a:gd name="connsiteY15" fmla="*/ 1742 h 5778811"/>
                <a:gd name="connsiteX16" fmla="*/ 154871 w 348862"/>
                <a:gd name="connsiteY16" fmla="*/ 38530 h 5778811"/>
                <a:gd name="connsiteX17" fmla="*/ 311210 w 348862"/>
                <a:gd name="connsiteY17" fmla="*/ 30035 h 5778811"/>
                <a:gd name="connsiteX18" fmla="*/ 348862 w 348862"/>
                <a:gd name="connsiteY18" fmla="*/ 14450 h 5778811"/>
                <a:gd name="connsiteX0" fmla="*/ 0 w 348862"/>
                <a:gd name="connsiteY0" fmla="*/ 3793815 h 5778811"/>
                <a:gd name="connsiteX1" fmla="*/ 20385 w 348862"/>
                <a:gd name="connsiteY1" fmla="*/ 3807035 h 5778811"/>
                <a:gd name="connsiteX2" fmla="*/ 172571 w 348862"/>
                <a:gd name="connsiteY2" fmla="*/ 3843823 h 5778811"/>
                <a:gd name="connsiteX3" fmla="*/ 328909 w 348862"/>
                <a:gd name="connsiteY3" fmla="*/ 3835328 h 5778811"/>
                <a:gd name="connsiteX4" fmla="*/ 348861 w 348862"/>
                <a:gd name="connsiteY4" fmla="*/ 3827069 h 5778811"/>
                <a:gd name="connsiteX5" fmla="*/ 174430 w 348862"/>
                <a:gd name="connsiteY5" fmla="*/ 5778811 h 5778811"/>
                <a:gd name="connsiteX6" fmla="*/ 0 w 348862"/>
                <a:gd name="connsiteY6" fmla="*/ 3793815 h 5778811"/>
                <a:gd name="connsiteX7" fmla="*/ 348862 w 348862"/>
                <a:gd name="connsiteY7" fmla="*/ 14450 h 5778811"/>
                <a:gd name="connsiteX8" fmla="*/ 348861 w 348862"/>
                <a:gd name="connsiteY8" fmla="*/ 3732440 h 5778811"/>
                <a:gd name="connsiteX9" fmla="*/ 338935 w 348862"/>
                <a:gd name="connsiteY9" fmla="*/ 3726002 h 5778811"/>
                <a:gd name="connsiteX10" fmla="*/ 186749 w 348862"/>
                <a:gd name="connsiteY10" fmla="*/ 3689214 h 5778811"/>
                <a:gd name="connsiteX11" fmla="*/ 30410 w 348862"/>
                <a:gd name="connsiteY11" fmla="*/ 3697710 h 5778811"/>
                <a:gd name="connsiteX12" fmla="*/ 0 w 348862"/>
                <a:gd name="connsiteY12" fmla="*/ 3710297 h 5778811"/>
                <a:gd name="connsiteX13" fmla="*/ 0 w 348862"/>
                <a:gd name="connsiteY13" fmla="*/ 0 h 5778811"/>
                <a:gd name="connsiteX14" fmla="*/ 2685 w 348862"/>
                <a:gd name="connsiteY14" fmla="*/ 1742 h 5778811"/>
                <a:gd name="connsiteX15" fmla="*/ 154871 w 348862"/>
                <a:gd name="connsiteY15" fmla="*/ 38530 h 5778811"/>
                <a:gd name="connsiteX16" fmla="*/ 311210 w 348862"/>
                <a:gd name="connsiteY16" fmla="*/ 30035 h 5778811"/>
                <a:gd name="connsiteX17" fmla="*/ 348862 w 348862"/>
                <a:gd name="connsiteY17" fmla="*/ 14450 h 5778811"/>
                <a:gd name="connsiteX0" fmla="*/ 0 w 348862"/>
                <a:gd name="connsiteY0" fmla="*/ 3793815 h 3846389"/>
                <a:gd name="connsiteX1" fmla="*/ 20385 w 348862"/>
                <a:gd name="connsiteY1" fmla="*/ 3807035 h 3846389"/>
                <a:gd name="connsiteX2" fmla="*/ 172571 w 348862"/>
                <a:gd name="connsiteY2" fmla="*/ 3843823 h 3846389"/>
                <a:gd name="connsiteX3" fmla="*/ 328909 w 348862"/>
                <a:gd name="connsiteY3" fmla="*/ 3835328 h 3846389"/>
                <a:gd name="connsiteX4" fmla="*/ 348861 w 348862"/>
                <a:gd name="connsiteY4" fmla="*/ 3827069 h 3846389"/>
                <a:gd name="connsiteX5" fmla="*/ 0 w 348862"/>
                <a:gd name="connsiteY5" fmla="*/ 3793815 h 3846389"/>
                <a:gd name="connsiteX6" fmla="*/ 348862 w 348862"/>
                <a:gd name="connsiteY6" fmla="*/ 14450 h 3846389"/>
                <a:gd name="connsiteX7" fmla="*/ 348861 w 348862"/>
                <a:gd name="connsiteY7" fmla="*/ 3732440 h 3846389"/>
                <a:gd name="connsiteX8" fmla="*/ 338935 w 348862"/>
                <a:gd name="connsiteY8" fmla="*/ 3726002 h 3846389"/>
                <a:gd name="connsiteX9" fmla="*/ 186749 w 348862"/>
                <a:gd name="connsiteY9" fmla="*/ 3689214 h 3846389"/>
                <a:gd name="connsiteX10" fmla="*/ 30410 w 348862"/>
                <a:gd name="connsiteY10" fmla="*/ 3697710 h 3846389"/>
                <a:gd name="connsiteX11" fmla="*/ 0 w 348862"/>
                <a:gd name="connsiteY11" fmla="*/ 3710297 h 3846389"/>
                <a:gd name="connsiteX12" fmla="*/ 0 w 348862"/>
                <a:gd name="connsiteY12" fmla="*/ 0 h 3846389"/>
                <a:gd name="connsiteX13" fmla="*/ 2685 w 348862"/>
                <a:gd name="connsiteY13" fmla="*/ 1742 h 3846389"/>
                <a:gd name="connsiteX14" fmla="*/ 154871 w 348862"/>
                <a:gd name="connsiteY14" fmla="*/ 38530 h 3846389"/>
                <a:gd name="connsiteX15" fmla="*/ 311210 w 348862"/>
                <a:gd name="connsiteY15" fmla="*/ 30035 h 3846389"/>
                <a:gd name="connsiteX16" fmla="*/ 348862 w 348862"/>
                <a:gd name="connsiteY16" fmla="*/ 14450 h 3846389"/>
                <a:gd name="connsiteX0" fmla="*/ 0 w 348862"/>
                <a:gd name="connsiteY0" fmla="*/ 3793815 h 3846389"/>
                <a:gd name="connsiteX1" fmla="*/ 20385 w 348862"/>
                <a:gd name="connsiteY1" fmla="*/ 3807035 h 3846389"/>
                <a:gd name="connsiteX2" fmla="*/ 172571 w 348862"/>
                <a:gd name="connsiteY2" fmla="*/ 3843823 h 3846389"/>
                <a:gd name="connsiteX3" fmla="*/ 328909 w 348862"/>
                <a:gd name="connsiteY3" fmla="*/ 3835328 h 3846389"/>
                <a:gd name="connsiteX4" fmla="*/ 0 w 348862"/>
                <a:gd name="connsiteY4" fmla="*/ 3793815 h 3846389"/>
                <a:gd name="connsiteX5" fmla="*/ 348862 w 348862"/>
                <a:gd name="connsiteY5" fmla="*/ 14450 h 3846389"/>
                <a:gd name="connsiteX6" fmla="*/ 348861 w 348862"/>
                <a:gd name="connsiteY6" fmla="*/ 3732440 h 3846389"/>
                <a:gd name="connsiteX7" fmla="*/ 338935 w 348862"/>
                <a:gd name="connsiteY7" fmla="*/ 3726002 h 3846389"/>
                <a:gd name="connsiteX8" fmla="*/ 186749 w 348862"/>
                <a:gd name="connsiteY8" fmla="*/ 3689214 h 3846389"/>
                <a:gd name="connsiteX9" fmla="*/ 30410 w 348862"/>
                <a:gd name="connsiteY9" fmla="*/ 3697710 h 3846389"/>
                <a:gd name="connsiteX10" fmla="*/ 0 w 348862"/>
                <a:gd name="connsiteY10" fmla="*/ 3710297 h 3846389"/>
                <a:gd name="connsiteX11" fmla="*/ 0 w 348862"/>
                <a:gd name="connsiteY11" fmla="*/ 0 h 3846389"/>
                <a:gd name="connsiteX12" fmla="*/ 2685 w 348862"/>
                <a:gd name="connsiteY12" fmla="*/ 1742 h 3846389"/>
                <a:gd name="connsiteX13" fmla="*/ 154871 w 348862"/>
                <a:gd name="connsiteY13" fmla="*/ 38530 h 3846389"/>
                <a:gd name="connsiteX14" fmla="*/ 311210 w 348862"/>
                <a:gd name="connsiteY14" fmla="*/ 30035 h 3846389"/>
                <a:gd name="connsiteX15" fmla="*/ 348862 w 348862"/>
                <a:gd name="connsiteY15" fmla="*/ 14450 h 3846389"/>
                <a:gd name="connsiteX0" fmla="*/ 0 w 348862"/>
                <a:gd name="connsiteY0" fmla="*/ 3793815 h 3843980"/>
                <a:gd name="connsiteX1" fmla="*/ 20385 w 348862"/>
                <a:gd name="connsiteY1" fmla="*/ 3807035 h 3843980"/>
                <a:gd name="connsiteX2" fmla="*/ 172571 w 348862"/>
                <a:gd name="connsiteY2" fmla="*/ 3843823 h 3843980"/>
                <a:gd name="connsiteX3" fmla="*/ 0 w 348862"/>
                <a:gd name="connsiteY3" fmla="*/ 3793815 h 3843980"/>
                <a:gd name="connsiteX4" fmla="*/ 348862 w 348862"/>
                <a:gd name="connsiteY4" fmla="*/ 14450 h 3843980"/>
                <a:gd name="connsiteX5" fmla="*/ 348861 w 348862"/>
                <a:gd name="connsiteY5" fmla="*/ 3732440 h 3843980"/>
                <a:gd name="connsiteX6" fmla="*/ 338935 w 348862"/>
                <a:gd name="connsiteY6" fmla="*/ 3726002 h 3843980"/>
                <a:gd name="connsiteX7" fmla="*/ 186749 w 348862"/>
                <a:gd name="connsiteY7" fmla="*/ 3689214 h 3843980"/>
                <a:gd name="connsiteX8" fmla="*/ 30410 w 348862"/>
                <a:gd name="connsiteY8" fmla="*/ 3697710 h 3843980"/>
                <a:gd name="connsiteX9" fmla="*/ 0 w 348862"/>
                <a:gd name="connsiteY9" fmla="*/ 3710297 h 3843980"/>
                <a:gd name="connsiteX10" fmla="*/ 0 w 348862"/>
                <a:gd name="connsiteY10" fmla="*/ 0 h 3843980"/>
                <a:gd name="connsiteX11" fmla="*/ 2685 w 348862"/>
                <a:gd name="connsiteY11" fmla="*/ 1742 h 3843980"/>
                <a:gd name="connsiteX12" fmla="*/ 154871 w 348862"/>
                <a:gd name="connsiteY12" fmla="*/ 38530 h 3843980"/>
                <a:gd name="connsiteX13" fmla="*/ 311210 w 348862"/>
                <a:gd name="connsiteY13" fmla="*/ 30035 h 3843980"/>
                <a:gd name="connsiteX14" fmla="*/ 348862 w 348862"/>
                <a:gd name="connsiteY14" fmla="*/ 14450 h 3843980"/>
                <a:gd name="connsiteX0" fmla="*/ 0 w 348862"/>
                <a:gd name="connsiteY0" fmla="*/ 3793815 h 3807035"/>
                <a:gd name="connsiteX1" fmla="*/ 20385 w 348862"/>
                <a:gd name="connsiteY1" fmla="*/ 3807035 h 3807035"/>
                <a:gd name="connsiteX2" fmla="*/ 0 w 348862"/>
                <a:gd name="connsiteY2" fmla="*/ 3793815 h 3807035"/>
                <a:gd name="connsiteX3" fmla="*/ 348862 w 348862"/>
                <a:gd name="connsiteY3" fmla="*/ 14450 h 3807035"/>
                <a:gd name="connsiteX4" fmla="*/ 348861 w 348862"/>
                <a:gd name="connsiteY4" fmla="*/ 3732440 h 3807035"/>
                <a:gd name="connsiteX5" fmla="*/ 338935 w 348862"/>
                <a:gd name="connsiteY5" fmla="*/ 3726002 h 3807035"/>
                <a:gd name="connsiteX6" fmla="*/ 186749 w 348862"/>
                <a:gd name="connsiteY6" fmla="*/ 3689214 h 3807035"/>
                <a:gd name="connsiteX7" fmla="*/ 30410 w 348862"/>
                <a:gd name="connsiteY7" fmla="*/ 3697710 h 3807035"/>
                <a:gd name="connsiteX8" fmla="*/ 0 w 348862"/>
                <a:gd name="connsiteY8" fmla="*/ 3710297 h 3807035"/>
                <a:gd name="connsiteX9" fmla="*/ 0 w 348862"/>
                <a:gd name="connsiteY9" fmla="*/ 0 h 3807035"/>
                <a:gd name="connsiteX10" fmla="*/ 2685 w 348862"/>
                <a:gd name="connsiteY10" fmla="*/ 1742 h 3807035"/>
                <a:gd name="connsiteX11" fmla="*/ 154871 w 348862"/>
                <a:gd name="connsiteY11" fmla="*/ 38530 h 3807035"/>
                <a:gd name="connsiteX12" fmla="*/ 311210 w 348862"/>
                <a:gd name="connsiteY12" fmla="*/ 30035 h 3807035"/>
                <a:gd name="connsiteX13" fmla="*/ 348862 w 348862"/>
                <a:gd name="connsiteY13" fmla="*/ 14450 h 3807035"/>
                <a:gd name="connsiteX0" fmla="*/ 348862 w 348862"/>
                <a:gd name="connsiteY0" fmla="*/ 14450 h 3732440"/>
                <a:gd name="connsiteX1" fmla="*/ 348861 w 348862"/>
                <a:gd name="connsiteY1" fmla="*/ 3732440 h 3732440"/>
                <a:gd name="connsiteX2" fmla="*/ 338935 w 348862"/>
                <a:gd name="connsiteY2" fmla="*/ 3726002 h 3732440"/>
                <a:gd name="connsiteX3" fmla="*/ 186749 w 348862"/>
                <a:gd name="connsiteY3" fmla="*/ 3689214 h 3732440"/>
                <a:gd name="connsiteX4" fmla="*/ 30410 w 348862"/>
                <a:gd name="connsiteY4" fmla="*/ 3697710 h 3732440"/>
                <a:gd name="connsiteX5" fmla="*/ 0 w 348862"/>
                <a:gd name="connsiteY5" fmla="*/ 3710297 h 3732440"/>
                <a:gd name="connsiteX6" fmla="*/ 0 w 348862"/>
                <a:gd name="connsiteY6" fmla="*/ 0 h 3732440"/>
                <a:gd name="connsiteX7" fmla="*/ 2685 w 348862"/>
                <a:gd name="connsiteY7" fmla="*/ 1742 h 3732440"/>
                <a:gd name="connsiteX8" fmla="*/ 154871 w 348862"/>
                <a:gd name="connsiteY8" fmla="*/ 38530 h 3732440"/>
                <a:gd name="connsiteX9" fmla="*/ 311210 w 348862"/>
                <a:gd name="connsiteY9" fmla="*/ 30035 h 3732440"/>
                <a:gd name="connsiteX10" fmla="*/ 348862 w 348862"/>
                <a:gd name="connsiteY10" fmla="*/ 14450 h 3732440"/>
                <a:gd name="connsiteX0" fmla="*/ 350643 w 350643"/>
                <a:gd name="connsiteY0" fmla="*/ 14450 h 3781872"/>
                <a:gd name="connsiteX1" fmla="*/ 350642 w 350643"/>
                <a:gd name="connsiteY1" fmla="*/ 3732440 h 3781872"/>
                <a:gd name="connsiteX2" fmla="*/ 340716 w 350643"/>
                <a:gd name="connsiteY2" fmla="*/ 3726002 h 3781872"/>
                <a:gd name="connsiteX3" fmla="*/ 188530 w 350643"/>
                <a:gd name="connsiteY3" fmla="*/ 3689214 h 3781872"/>
                <a:gd name="connsiteX4" fmla="*/ 32191 w 350643"/>
                <a:gd name="connsiteY4" fmla="*/ 3697710 h 3781872"/>
                <a:gd name="connsiteX5" fmla="*/ 0 w 350643"/>
                <a:gd name="connsiteY5" fmla="*/ 3781872 h 3781872"/>
                <a:gd name="connsiteX6" fmla="*/ 1781 w 350643"/>
                <a:gd name="connsiteY6" fmla="*/ 0 h 3781872"/>
                <a:gd name="connsiteX7" fmla="*/ 4466 w 350643"/>
                <a:gd name="connsiteY7" fmla="*/ 1742 h 3781872"/>
                <a:gd name="connsiteX8" fmla="*/ 156652 w 350643"/>
                <a:gd name="connsiteY8" fmla="*/ 38530 h 3781872"/>
                <a:gd name="connsiteX9" fmla="*/ 312991 w 350643"/>
                <a:gd name="connsiteY9" fmla="*/ 30035 h 3781872"/>
                <a:gd name="connsiteX10" fmla="*/ 350643 w 350643"/>
                <a:gd name="connsiteY10" fmla="*/ 14450 h 3781872"/>
                <a:gd name="connsiteX0" fmla="*/ 350643 w 350643"/>
                <a:gd name="connsiteY0" fmla="*/ 14450 h 3781872"/>
                <a:gd name="connsiteX1" fmla="*/ 350642 w 350643"/>
                <a:gd name="connsiteY1" fmla="*/ 3732440 h 3781872"/>
                <a:gd name="connsiteX2" fmla="*/ 340716 w 350643"/>
                <a:gd name="connsiteY2" fmla="*/ 3726002 h 3781872"/>
                <a:gd name="connsiteX3" fmla="*/ 188530 w 350643"/>
                <a:gd name="connsiteY3" fmla="*/ 3689214 h 3781872"/>
                <a:gd name="connsiteX4" fmla="*/ 48552 w 350643"/>
                <a:gd name="connsiteY4" fmla="*/ 3727906 h 3781872"/>
                <a:gd name="connsiteX5" fmla="*/ 0 w 350643"/>
                <a:gd name="connsiteY5" fmla="*/ 3781872 h 3781872"/>
                <a:gd name="connsiteX6" fmla="*/ 1781 w 350643"/>
                <a:gd name="connsiteY6" fmla="*/ 0 h 3781872"/>
                <a:gd name="connsiteX7" fmla="*/ 4466 w 350643"/>
                <a:gd name="connsiteY7" fmla="*/ 1742 h 3781872"/>
                <a:gd name="connsiteX8" fmla="*/ 156652 w 350643"/>
                <a:gd name="connsiteY8" fmla="*/ 38530 h 3781872"/>
                <a:gd name="connsiteX9" fmla="*/ 312991 w 350643"/>
                <a:gd name="connsiteY9" fmla="*/ 30035 h 3781872"/>
                <a:gd name="connsiteX10" fmla="*/ 350643 w 350643"/>
                <a:gd name="connsiteY10" fmla="*/ 14450 h 3781872"/>
                <a:gd name="connsiteX0" fmla="*/ 350643 w 350643"/>
                <a:gd name="connsiteY0" fmla="*/ 14450 h 3781872"/>
                <a:gd name="connsiteX1" fmla="*/ 350642 w 350643"/>
                <a:gd name="connsiteY1" fmla="*/ 3732440 h 3781872"/>
                <a:gd name="connsiteX2" fmla="*/ 340716 w 350643"/>
                <a:gd name="connsiteY2" fmla="*/ 3726002 h 3781872"/>
                <a:gd name="connsiteX3" fmla="*/ 188530 w 350643"/>
                <a:gd name="connsiteY3" fmla="*/ 3689214 h 3781872"/>
                <a:gd name="connsiteX4" fmla="*/ 48552 w 350643"/>
                <a:gd name="connsiteY4" fmla="*/ 3727906 h 3781872"/>
                <a:gd name="connsiteX5" fmla="*/ 0 w 350643"/>
                <a:gd name="connsiteY5" fmla="*/ 3781872 h 3781872"/>
                <a:gd name="connsiteX6" fmla="*/ 1781 w 350643"/>
                <a:gd name="connsiteY6" fmla="*/ 0 h 3781872"/>
                <a:gd name="connsiteX7" fmla="*/ 4425 w 350643"/>
                <a:gd name="connsiteY7" fmla="*/ 54345 h 3781872"/>
                <a:gd name="connsiteX8" fmla="*/ 156652 w 350643"/>
                <a:gd name="connsiteY8" fmla="*/ 38530 h 3781872"/>
                <a:gd name="connsiteX9" fmla="*/ 312991 w 350643"/>
                <a:gd name="connsiteY9" fmla="*/ 30035 h 3781872"/>
                <a:gd name="connsiteX10" fmla="*/ 350643 w 350643"/>
                <a:gd name="connsiteY10" fmla="*/ 14450 h 3781872"/>
                <a:gd name="connsiteX0" fmla="*/ 361237 w 361237"/>
                <a:gd name="connsiteY0" fmla="*/ 0 h 3767422"/>
                <a:gd name="connsiteX1" fmla="*/ 361236 w 361237"/>
                <a:gd name="connsiteY1" fmla="*/ 3717990 h 3767422"/>
                <a:gd name="connsiteX2" fmla="*/ 351310 w 361237"/>
                <a:gd name="connsiteY2" fmla="*/ 3711552 h 3767422"/>
                <a:gd name="connsiteX3" fmla="*/ 199124 w 361237"/>
                <a:gd name="connsiteY3" fmla="*/ 3674764 h 3767422"/>
                <a:gd name="connsiteX4" fmla="*/ 59146 w 361237"/>
                <a:gd name="connsiteY4" fmla="*/ 3713456 h 3767422"/>
                <a:gd name="connsiteX5" fmla="*/ 10594 w 361237"/>
                <a:gd name="connsiteY5" fmla="*/ 3767422 h 3767422"/>
                <a:gd name="connsiteX6" fmla="*/ 15019 w 361237"/>
                <a:gd name="connsiteY6" fmla="*/ 39895 h 3767422"/>
                <a:gd name="connsiteX7" fmla="*/ 167246 w 361237"/>
                <a:gd name="connsiteY7" fmla="*/ 24080 h 3767422"/>
                <a:gd name="connsiteX8" fmla="*/ 323585 w 361237"/>
                <a:gd name="connsiteY8" fmla="*/ 15585 h 3767422"/>
                <a:gd name="connsiteX9" fmla="*/ 361237 w 361237"/>
                <a:gd name="connsiteY9" fmla="*/ 0 h 3767422"/>
                <a:gd name="connsiteX0" fmla="*/ 361237 w 361237"/>
                <a:gd name="connsiteY0" fmla="*/ 0 h 3767422"/>
                <a:gd name="connsiteX1" fmla="*/ 361236 w 361237"/>
                <a:gd name="connsiteY1" fmla="*/ 3717990 h 3767422"/>
                <a:gd name="connsiteX2" fmla="*/ 351310 w 361237"/>
                <a:gd name="connsiteY2" fmla="*/ 3711552 h 3767422"/>
                <a:gd name="connsiteX3" fmla="*/ 199124 w 361237"/>
                <a:gd name="connsiteY3" fmla="*/ 3674764 h 3767422"/>
                <a:gd name="connsiteX4" fmla="*/ 59146 w 361237"/>
                <a:gd name="connsiteY4" fmla="*/ 3713456 h 3767422"/>
                <a:gd name="connsiteX5" fmla="*/ 10594 w 361237"/>
                <a:gd name="connsiteY5" fmla="*/ 3767422 h 3767422"/>
                <a:gd name="connsiteX6" fmla="*/ 15019 w 361237"/>
                <a:gd name="connsiteY6" fmla="*/ 39895 h 3767422"/>
                <a:gd name="connsiteX7" fmla="*/ 167246 w 361237"/>
                <a:gd name="connsiteY7" fmla="*/ 24080 h 3767422"/>
                <a:gd name="connsiteX8" fmla="*/ 323585 w 361237"/>
                <a:gd name="connsiteY8" fmla="*/ 15585 h 3767422"/>
                <a:gd name="connsiteX9" fmla="*/ 361237 w 361237"/>
                <a:gd name="connsiteY9" fmla="*/ 0 h 3767422"/>
                <a:gd name="connsiteX0" fmla="*/ 361237 w 361237"/>
                <a:gd name="connsiteY0" fmla="*/ 0 h 3767422"/>
                <a:gd name="connsiteX1" fmla="*/ 361236 w 361237"/>
                <a:gd name="connsiteY1" fmla="*/ 3717990 h 3767422"/>
                <a:gd name="connsiteX2" fmla="*/ 351310 w 361237"/>
                <a:gd name="connsiteY2" fmla="*/ 3711552 h 3767422"/>
                <a:gd name="connsiteX3" fmla="*/ 199124 w 361237"/>
                <a:gd name="connsiteY3" fmla="*/ 3674764 h 3767422"/>
                <a:gd name="connsiteX4" fmla="*/ 59146 w 361237"/>
                <a:gd name="connsiteY4" fmla="*/ 3713456 h 3767422"/>
                <a:gd name="connsiteX5" fmla="*/ 10594 w 361237"/>
                <a:gd name="connsiteY5" fmla="*/ 3767422 h 3767422"/>
                <a:gd name="connsiteX6" fmla="*/ 15019 w 361237"/>
                <a:gd name="connsiteY6" fmla="*/ 39895 h 3767422"/>
                <a:gd name="connsiteX7" fmla="*/ 167246 w 361237"/>
                <a:gd name="connsiteY7" fmla="*/ 24080 h 3767422"/>
                <a:gd name="connsiteX8" fmla="*/ 323585 w 361237"/>
                <a:gd name="connsiteY8" fmla="*/ 15585 h 3767422"/>
                <a:gd name="connsiteX9" fmla="*/ 361237 w 361237"/>
                <a:gd name="connsiteY9" fmla="*/ 0 h 3767422"/>
                <a:gd name="connsiteX0" fmla="*/ 355736 w 355736"/>
                <a:gd name="connsiteY0" fmla="*/ 0 h 3767422"/>
                <a:gd name="connsiteX1" fmla="*/ 355735 w 355736"/>
                <a:gd name="connsiteY1" fmla="*/ 3717990 h 3767422"/>
                <a:gd name="connsiteX2" fmla="*/ 345809 w 355736"/>
                <a:gd name="connsiteY2" fmla="*/ 3711552 h 3767422"/>
                <a:gd name="connsiteX3" fmla="*/ 193623 w 355736"/>
                <a:gd name="connsiteY3" fmla="*/ 3674764 h 3767422"/>
                <a:gd name="connsiteX4" fmla="*/ 53645 w 355736"/>
                <a:gd name="connsiteY4" fmla="*/ 3713456 h 3767422"/>
                <a:gd name="connsiteX5" fmla="*/ 5093 w 355736"/>
                <a:gd name="connsiteY5" fmla="*/ 3767422 h 3767422"/>
                <a:gd name="connsiteX6" fmla="*/ 9518 w 355736"/>
                <a:gd name="connsiteY6" fmla="*/ 39895 h 3767422"/>
                <a:gd name="connsiteX7" fmla="*/ 161745 w 355736"/>
                <a:gd name="connsiteY7" fmla="*/ 24080 h 3767422"/>
                <a:gd name="connsiteX8" fmla="*/ 318084 w 355736"/>
                <a:gd name="connsiteY8" fmla="*/ 15585 h 3767422"/>
                <a:gd name="connsiteX9" fmla="*/ 355736 w 355736"/>
                <a:gd name="connsiteY9" fmla="*/ 0 h 3767422"/>
                <a:gd name="connsiteX0" fmla="*/ 361419 w 361419"/>
                <a:gd name="connsiteY0" fmla="*/ 0 h 3767422"/>
                <a:gd name="connsiteX1" fmla="*/ 361418 w 361419"/>
                <a:gd name="connsiteY1" fmla="*/ 3717990 h 3767422"/>
                <a:gd name="connsiteX2" fmla="*/ 351492 w 361419"/>
                <a:gd name="connsiteY2" fmla="*/ 3711552 h 3767422"/>
                <a:gd name="connsiteX3" fmla="*/ 199306 w 361419"/>
                <a:gd name="connsiteY3" fmla="*/ 3674764 h 3767422"/>
                <a:gd name="connsiteX4" fmla="*/ 59328 w 361419"/>
                <a:gd name="connsiteY4" fmla="*/ 3713456 h 3767422"/>
                <a:gd name="connsiteX5" fmla="*/ 10776 w 361419"/>
                <a:gd name="connsiteY5" fmla="*/ 3767422 h 3767422"/>
                <a:gd name="connsiteX6" fmla="*/ 15201 w 361419"/>
                <a:gd name="connsiteY6" fmla="*/ 39895 h 3767422"/>
                <a:gd name="connsiteX7" fmla="*/ 167428 w 361419"/>
                <a:gd name="connsiteY7" fmla="*/ 24080 h 3767422"/>
                <a:gd name="connsiteX8" fmla="*/ 323767 w 361419"/>
                <a:gd name="connsiteY8" fmla="*/ 15585 h 3767422"/>
                <a:gd name="connsiteX9" fmla="*/ 361419 w 361419"/>
                <a:gd name="connsiteY9" fmla="*/ 0 h 3767422"/>
                <a:gd name="connsiteX0" fmla="*/ 361419 w 361419"/>
                <a:gd name="connsiteY0" fmla="*/ 0 h 3767422"/>
                <a:gd name="connsiteX1" fmla="*/ 361418 w 361419"/>
                <a:gd name="connsiteY1" fmla="*/ 3717990 h 3767422"/>
                <a:gd name="connsiteX2" fmla="*/ 351492 w 361419"/>
                <a:gd name="connsiteY2" fmla="*/ 3711552 h 3767422"/>
                <a:gd name="connsiteX3" fmla="*/ 199306 w 361419"/>
                <a:gd name="connsiteY3" fmla="*/ 3674764 h 3767422"/>
                <a:gd name="connsiteX4" fmla="*/ 59328 w 361419"/>
                <a:gd name="connsiteY4" fmla="*/ 3713456 h 3767422"/>
                <a:gd name="connsiteX5" fmla="*/ 10776 w 361419"/>
                <a:gd name="connsiteY5" fmla="*/ 3767422 h 3767422"/>
                <a:gd name="connsiteX6" fmla="*/ 15201 w 361419"/>
                <a:gd name="connsiteY6" fmla="*/ 39895 h 3767422"/>
                <a:gd name="connsiteX7" fmla="*/ 163555 w 361419"/>
                <a:gd name="connsiteY7" fmla="*/ 14160 h 3767422"/>
                <a:gd name="connsiteX8" fmla="*/ 323767 w 361419"/>
                <a:gd name="connsiteY8" fmla="*/ 15585 h 3767422"/>
                <a:gd name="connsiteX9" fmla="*/ 361419 w 361419"/>
                <a:gd name="connsiteY9" fmla="*/ 0 h 3767422"/>
                <a:gd name="connsiteX0" fmla="*/ 323767 w 361418"/>
                <a:gd name="connsiteY0" fmla="*/ 2104 h 3753941"/>
                <a:gd name="connsiteX1" fmla="*/ 361418 w 361418"/>
                <a:gd name="connsiteY1" fmla="*/ 3704509 h 3753941"/>
                <a:gd name="connsiteX2" fmla="*/ 351492 w 361418"/>
                <a:gd name="connsiteY2" fmla="*/ 3698071 h 3753941"/>
                <a:gd name="connsiteX3" fmla="*/ 199306 w 361418"/>
                <a:gd name="connsiteY3" fmla="*/ 3661283 h 3753941"/>
                <a:gd name="connsiteX4" fmla="*/ 59328 w 361418"/>
                <a:gd name="connsiteY4" fmla="*/ 3699975 h 3753941"/>
                <a:gd name="connsiteX5" fmla="*/ 10776 w 361418"/>
                <a:gd name="connsiteY5" fmla="*/ 3753941 h 3753941"/>
                <a:gd name="connsiteX6" fmla="*/ 15201 w 361418"/>
                <a:gd name="connsiteY6" fmla="*/ 26414 h 3753941"/>
                <a:gd name="connsiteX7" fmla="*/ 163555 w 361418"/>
                <a:gd name="connsiteY7" fmla="*/ 679 h 3753941"/>
                <a:gd name="connsiteX8" fmla="*/ 323767 w 361418"/>
                <a:gd name="connsiteY8" fmla="*/ 2104 h 3753941"/>
                <a:gd name="connsiteX0" fmla="*/ 327639 w 361418"/>
                <a:gd name="connsiteY0" fmla="*/ 11514 h 3753431"/>
                <a:gd name="connsiteX1" fmla="*/ 361418 w 361418"/>
                <a:gd name="connsiteY1" fmla="*/ 3703999 h 3753431"/>
                <a:gd name="connsiteX2" fmla="*/ 351492 w 361418"/>
                <a:gd name="connsiteY2" fmla="*/ 3697561 h 3753431"/>
                <a:gd name="connsiteX3" fmla="*/ 199306 w 361418"/>
                <a:gd name="connsiteY3" fmla="*/ 3660773 h 3753431"/>
                <a:gd name="connsiteX4" fmla="*/ 59328 w 361418"/>
                <a:gd name="connsiteY4" fmla="*/ 3699465 h 3753431"/>
                <a:gd name="connsiteX5" fmla="*/ 10776 w 361418"/>
                <a:gd name="connsiteY5" fmla="*/ 3753431 h 3753431"/>
                <a:gd name="connsiteX6" fmla="*/ 15201 w 361418"/>
                <a:gd name="connsiteY6" fmla="*/ 25904 h 3753431"/>
                <a:gd name="connsiteX7" fmla="*/ 163555 w 361418"/>
                <a:gd name="connsiteY7" fmla="*/ 169 h 3753431"/>
                <a:gd name="connsiteX8" fmla="*/ 327639 w 361418"/>
                <a:gd name="connsiteY8" fmla="*/ 11514 h 3753431"/>
                <a:gd name="connsiteX0" fmla="*/ 327639 w 361418"/>
                <a:gd name="connsiteY0" fmla="*/ 13596 h 3755513"/>
                <a:gd name="connsiteX1" fmla="*/ 361418 w 361418"/>
                <a:gd name="connsiteY1" fmla="*/ 3706081 h 3755513"/>
                <a:gd name="connsiteX2" fmla="*/ 351492 w 361418"/>
                <a:gd name="connsiteY2" fmla="*/ 3699643 h 3755513"/>
                <a:gd name="connsiteX3" fmla="*/ 199306 w 361418"/>
                <a:gd name="connsiteY3" fmla="*/ 3662855 h 3755513"/>
                <a:gd name="connsiteX4" fmla="*/ 59328 w 361418"/>
                <a:gd name="connsiteY4" fmla="*/ 3701547 h 3755513"/>
                <a:gd name="connsiteX5" fmla="*/ 10776 w 361418"/>
                <a:gd name="connsiteY5" fmla="*/ 3755513 h 3755513"/>
                <a:gd name="connsiteX6" fmla="*/ 15201 w 361418"/>
                <a:gd name="connsiteY6" fmla="*/ 27986 h 3755513"/>
                <a:gd name="connsiteX7" fmla="*/ 163555 w 361418"/>
                <a:gd name="connsiteY7" fmla="*/ 2251 h 3755513"/>
                <a:gd name="connsiteX8" fmla="*/ 327639 w 361418"/>
                <a:gd name="connsiteY8" fmla="*/ 13596 h 3755513"/>
                <a:gd name="connsiteX0" fmla="*/ 326663 w 360442"/>
                <a:gd name="connsiteY0" fmla="*/ 13596 h 3727057"/>
                <a:gd name="connsiteX1" fmla="*/ 360442 w 360442"/>
                <a:gd name="connsiteY1" fmla="*/ 3706081 h 3727057"/>
                <a:gd name="connsiteX2" fmla="*/ 350516 w 360442"/>
                <a:gd name="connsiteY2" fmla="*/ 3699643 h 3727057"/>
                <a:gd name="connsiteX3" fmla="*/ 198330 w 360442"/>
                <a:gd name="connsiteY3" fmla="*/ 3662855 h 3727057"/>
                <a:gd name="connsiteX4" fmla="*/ 58352 w 360442"/>
                <a:gd name="connsiteY4" fmla="*/ 3701547 h 3727057"/>
                <a:gd name="connsiteX5" fmla="*/ 12410 w 360442"/>
                <a:gd name="connsiteY5" fmla="*/ 3727057 h 3727057"/>
                <a:gd name="connsiteX6" fmla="*/ 14225 w 360442"/>
                <a:gd name="connsiteY6" fmla="*/ 27986 h 3727057"/>
                <a:gd name="connsiteX7" fmla="*/ 162579 w 360442"/>
                <a:gd name="connsiteY7" fmla="*/ 2251 h 3727057"/>
                <a:gd name="connsiteX8" fmla="*/ 326663 w 360442"/>
                <a:gd name="connsiteY8" fmla="*/ 13596 h 3727057"/>
                <a:gd name="connsiteX0" fmla="*/ 330832 w 364611"/>
                <a:gd name="connsiteY0" fmla="*/ 13596 h 3726187"/>
                <a:gd name="connsiteX1" fmla="*/ 364611 w 364611"/>
                <a:gd name="connsiteY1" fmla="*/ 3706081 h 3726187"/>
                <a:gd name="connsiteX2" fmla="*/ 354685 w 364611"/>
                <a:gd name="connsiteY2" fmla="*/ 3699643 h 3726187"/>
                <a:gd name="connsiteX3" fmla="*/ 202499 w 364611"/>
                <a:gd name="connsiteY3" fmla="*/ 3662855 h 3726187"/>
                <a:gd name="connsiteX4" fmla="*/ 62521 w 364611"/>
                <a:gd name="connsiteY4" fmla="*/ 3701547 h 3726187"/>
                <a:gd name="connsiteX5" fmla="*/ 7094 w 364611"/>
                <a:gd name="connsiteY5" fmla="*/ 3726187 h 3726187"/>
                <a:gd name="connsiteX6" fmla="*/ 18394 w 364611"/>
                <a:gd name="connsiteY6" fmla="*/ 27986 h 3726187"/>
                <a:gd name="connsiteX7" fmla="*/ 166748 w 364611"/>
                <a:gd name="connsiteY7" fmla="*/ 2251 h 3726187"/>
                <a:gd name="connsiteX8" fmla="*/ 330832 w 364611"/>
                <a:gd name="connsiteY8" fmla="*/ 13596 h 37261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364611" h="3726187">
                  <a:moveTo>
                    <a:pt x="330832" y="13596"/>
                  </a:moveTo>
                  <a:lnTo>
                    <a:pt x="364611" y="3706081"/>
                  </a:lnTo>
                  <a:lnTo>
                    <a:pt x="354685" y="3699643"/>
                  </a:lnTo>
                  <a:cubicBezTo>
                    <a:pt x="316489" y="3682034"/>
                    <a:pt x="251193" y="3662538"/>
                    <a:pt x="202499" y="3662855"/>
                  </a:cubicBezTo>
                  <a:cubicBezTo>
                    <a:pt x="153805" y="3663172"/>
                    <a:pt x="103283" y="3691178"/>
                    <a:pt x="62521" y="3701547"/>
                  </a:cubicBezTo>
                  <a:lnTo>
                    <a:pt x="7094" y="3726187"/>
                  </a:lnTo>
                  <a:cubicBezTo>
                    <a:pt x="-260" y="3113927"/>
                    <a:pt x="-8151" y="656619"/>
                    <a:pt x="18394" y="27986"/>
                  </a:cubicBezTo>
                  <a:cubicBezTo>
                    <a:pt x="45841" y="6350"/>
                    <a:pt x="114675" y="4649"/>
                    <a:pt x="166748" y="2251"/>
                  </a:cubicBezTo>
                  <a:cubicBezTo>
                    <a:pt x="218821" y="-147"/>
                    <a:pt x="292679" y="-4491"/>
                    <a:pt x="330832" y="13596"/>
                  </a:cubicBezTo>
                  <a:close/>
                </a:path>
              </a:pathLst>
            </a:custGeom>
            <a:gradFill flip="none" rotWithShape="1">
              <a:gsLst>
                <a:gs pos="5000">
                  <a:srgbClr val="E5200B"/>
                </a:gs>
                <a:gs pos="100000">
                  <a:srgbClr val="E5200B">
                    <a:lumMod val="75000"/>
                  </a:srgbClr>
                </a:gs>
              </a:gsLst>
              <a:lin ang="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innerShdw blurRad="88900" dist="50800">
                <a:srgbClr val="801206">
                  <a:alpha val="75000"/>
                </a:srgbClr>
              </a:innerShdw>
            </a:effec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0" name="Freeform 23"/>
            <p:cNvSpPr/>
            <p:nvPr/>
          </p:nvSpPr>
          <p:spPr>
            <a:xfrm>
              <a:off x="2212975" y="756019"/>
              <a:ext cx="1420236" cy="3747717"/>
            </a:xfrm>
            <a:custGeom>
              <a:avLst/>
              <a:gdLst>
                <a:gd name="connsiteX0" fmla="*/ 423399 w 1420236"/>
                <a:gd name="connsiteY0" fmla="*/ 877 h 3747717"/>
                <a:gd name="connsiteX1" fmla="*/ 777743 w 1420236"/>
                <a:gd name="connsiteY1" fmla="*/ 31561 h 3747717"/>
                <a:gd name="connsiteX2" fmla="*/ 1138673 w 1420236"/>
                <a:gd name="connsiteY2" fmla="*/ 161666 h 3747717"/>
                <a:gd name="connsiteX3" fmla="*/ 1171592 w 1420236"/>
                <a:gd name="connsiteY3" fmla="*/ 176162 h 3747717"/>
                <a:gd name="connsiteX4" fmla="*/ 1420236 w 1420236"/>
                <a:gd name="connsiteY4" fmla="*/ 3073657 h 3747717"/>
                <a:gd name="connsiteX5" fmla="*/ 1416920 w 1420236"/>
                <a:gd name="connsiteY5" fmla="*/ 3074053 h 3747717"/>
                <a:gd name="connsiteX6" fmla="*/ 1301008 w 1420236"/>
                <a:gd name="connsiteY6" fmla="*/ 3103192 h 3747717"/>
                <a:gd name="connsiteX7" fmla="*/ 368126 w 1420236"/>
                <a:gd name="connsiteY7" fmla="*/ 3747717 h 3747717"/>
                <a:gd name="connsiteX8" fmla="*/ 0 w 1420236"/>
                <a:gd name="connsiteY8" fmla="*/ 42265 h 3747717"/>
                <a:gd name="connsiteX9" fmla="*/ 423399 w 1420236"/>
                <a:gd name="connsiteY9" fmla="*/ 877 h 37477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420236" h="3747717">
                  <a:moveTo>
                    <a:pt x="423399" y="877"/>
                  </a:moveTo>
                  <a:cubicBezTo>
                    <a:pt x="517628" y="-2596"/>
                    <a:pt x="628934" y="3576"/>
                    <a:pt x="777743" y="31561"/>
                  </a:cubicBezTo>
                  <a:cubicBezTo>
                    <a:pt x="926829" y="79118"/>
                    <a:pt x="1042819" y="121540"/>
                    <a:pt x="1138673" y="161666"/>
                  </a:cubicBezTo>
                  <a:lnTo>
                    <a:pt x="1171592" y="176162"/>
                  </a:lnTo>
                  <a:lnTo>
                    <a:pt x="1420236" y="3073657"/>
                  </a:lnTo>
                  <a:lnTo>
                    <a:pt x="1416920" y="3074053"/>
                  </a:lnTo>
                  <a:cubicBezTo>
                    <a:pt x="1374210" y="3081300"/>
                    <a:pt x="1335359" y="3090634"/>
                    <a:pt x="1301008" y="3103192"/>
                  </a:cubicBezTo>
                  <a:cubicBezTo>
                    <a:pt x="917575" y="3222746"/>
                    <a:pt x="578455" y="3567536"/>
                    <a:pt x="368126" y="3747717"/>
                  </a:cubicBezTo>
                  <a:cubicBezTo>
                    <a:pt x="309465" y="3188879"/>
                    <a:pt x="88741" y="850008"/>
                    <a:pt x="0" y="42265"/>
                  </a:cubicBezTo>
                  <a:cubicBezTo>
                    <a:pt x="156739" y="39241"/>
                    <a:pt x="266350" y="6664"/>
                    <a:pt x="423399" y="877"/>
                  </a:cubicBezTo>
                  <a:close/>
                </a:path>
              </a:pathLst>
            </a:custGeom>
            <a:gradFill>
              <a:gsLst>
                <a:gs pos="81000">
                  <a:srgbClr val="E5200B">
                    <a:lumMod val="75000"/>
                    <a:alpha val="65000"/>
                  </a:srgbClr>
                </a:gs>
                <a:gs pos="51000">
                  <a:srgbClr val="E5200B"/>
                </a:gs>
                <a:gs pos="3261">
                  <a:srgbClr val="E5200B">
                    <a:lumMod val="60000"/>
                    <a:lumOff val="40000"/>
                  </a:srgbClr>
                </a:gs>
                <a:gs pos="19000">
                  <a:srgbClr val="E5200B">
                    <a:lumMod val="60000"/>
                    <a:lumOff val="40000"/>
                  </a:srgbClr>
                </a:gs>
              </a:gsLst>
              <a:lin ang="0" scaled="1"/>
            </a:gra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1" name="Freeform 24"/>
            <p:cNvSpPr/>
            <p:nvPr/>
          </p:nvSpPr>
          <p:spPr>
            <a:xfrm>
              <a:off x="3387067" y="933805"/>
              <a:ext cx="1386585" cy="2898610"/>
            </a:xfrm>
            <a:custGeom>
              <a:avLst/>
              <a:gdLst>
                <a:gd name="connsiteX0" fmla="*/ 0 w 1342135"/>
                <a:gd name="connsiteY0" fmla="*/ 0 h 2879560"/>
                <a:gd name="connsiteX1" fmla="*/ 9754 w 1342135"/>
                <a:gd name="connsiteY1" fmla="*/ 4295 h 2879560"/>
                <a:gd name="connsiteX2" fmla="*/ 1086634 w 1342135"/>
                <a:gd name="connsiteY2" fmla="*/ 588016 h 2879560"/>
                <a:gd name="connsiteX3" fmla="*/ 1173931 w 1342135"/>
                <a:gd name="connsiteY3" fmla="*/ 605415 h 2879560"/>
                <a:gd name="connsiteX4" fmla="*/ 1342135 w 1342135"/>
                <a:gd name="connsiteY4" fmla="*/ 2688702 h 2879560"/>
                <a:gd name="connsiteX5" fmla="*/ 1245396 w 1342135"/>
                <a:gd name="connsiteY5" fmla="*/ 2726345 h 2879560"/>
                <a:gd name="connsiteX6" fmla="*/ 300717 w 1342135"/>
                <a:gd name="connsiteY6" fmla="*/ 2863953 h 2879560"/>
                <a:gd name="connsiteX7" fmla="*/ 186037 w 1342135"/>
                <a:gd name="connsiteY7" fmla="*/ 2879560 h 2879560"/>
                <a:gd name="connsiteX0" fmla="*/ 0 w 1386585"/>
                <a:gd name="connsiteY0" fmla="*/ 0 h 2885910"/>
                <a:gd name="connsiteX1" fmla="*/ 54204 w 1386585"/>
                <a:gd name="connsiteY1" fmla="*/ 10645 h 2885910"/>
                <a:gd name="connsiteX2" fmla="*/ 1131084 w 1386585"/>
                <a:gd name="connsiteY2" fmla="*/ 594366 h 2885910"/>
                <a:gd name="connsiteX3" fmla="*/ 1218381 w 1386585"/>
                <a:gd name="connsiteY3" fmla="*/ 611765 h 2885910"/>
                <a:gd name="connsiteX4" fmla="*/ 1386585 w 1386585"/>
                <a:gd name="connsiteY4" fmla="*/ 2695052 h 2885910"/>
                <a:gd name="connsiteX5" fmla="*/ 1289846 w 1386585"/>
                <a:gd name="connsiteY5" fmla="*/ 2732695 h 2885910"/>
                <a:gd name="connsiteX6" fmla="*/ 345167 w 1386585"/>
                <a:gd name="connsiteY6" fmla="*/ 2870303 h 2885910"/>
                <a:gd name="connsiteX7" fmla="*/ 230487 w 1386585"/>
                <a:gd name="connsiteY7" fmla="*/ 2885910 h 2885910"/>
                <a:gd name="connsiteX8" fmla="*/ 0 w 1386585"/>
                <a:gd name="connsiteY8" fmla="*/ 0 h 2885910"/>
                <a:gd name="connsiteX0" fmla="*/ 0 w 1386585"/>
                <a:gd name="connsiteY0" fmla="*/ 0 h 2898610"/>
                <a:gd name="connsiteX1" fmla="*/ 54204 w 1386585"/>
                <a:gd name="connsiteY1" fmla="*/ 23345 h 2898610"/>
                <a:gd name="connsiteX2" fmla="*/ 1131084 w 1386585"/>
                <a:gd name="connsiteY2" fmla="*/ 607066 h 2898610"/>
                <a:gd name="connsiteX3" fmla="*/ 1218381 w 1386585"/>
                <a:gd name="connsiteY3" fmla="*/ 624465 h 2898610"/>
                <a:gd name="connsiteX4" fmla="*/ 1386585 w 1386585"/>
                <a:gd name="connsiteY4" fmla="*/ 2707752 h 2898610"/>
                <a:gd name="connsiteX5" fmla="*/ 1289846 w 1386585"/>
                <a:gd name="connsiteY5" fmla="*/ 2745395 h 2898610"/>
                <a:gd name="connsiteX6" fmla="*/ 345167 w 1386585"/>
                <a:gd name="connsiteY6" fmla="*/ 2883003 h 2898610"/>
                <a:gd name="connsiteX7" fmla="*/ 230487 w 1386585"/>
                <a:gd name="connsiteY7" fmla="*/ 2898610 h 2898610"/>
                <a:gd name="connsiteX8" fmla="*/ 0 w 1386585"/>
                <a:gd name="connsiteY8" fmla="*/ 0 h 28986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386585" h="2898610">
                  <a:moveTo>
                    <a:pt x="0" y="0"/>
                  </a:moveTo>
                  <a:lnTo>
                    <a:pt x="54204" y="23345"/>
                  </a:lnTo>
                  <a:cubicBezTo>
                    <a:pt x="389689" y="178986"/>
                    <a:pt x="472139" y="313016"/>
                    <a:pt x="1131084" y="607066"/>
                  </a:cubicBezTo>
                  <a:lnTo>
                    <a:pt x="1218381" y="624465"/>
                  </a:lnTo>
                  <a:lnTo>
                    <a:pt x="1386585" y="2707752"/>
                  </a:lnTo>
                  <a:lnTo>
                    <a:pt x="1289846" y="2745395"/>
                  </a:lnTo>
                  <a:cubicBezTo>
                    <a:pt x="943705" y="2867046"/>
                    <a:pt x="597887" y="2858028"/>
                    <a:pt x="345167" y="2883003"/>
                  </a:cubicBezTo>
                  <a:lnTo>
                    <a:pt x="230487" y="2898610"/>
                  </a:lnTo>
                  <a:cubicBezTo>
                    <a:pt x="168475" y="1938757"/>
                    <a:pt x="62012" y="959853"/>
                    <a:pt x="0" y="0"/>
                  </a:cubicBezTo>
                  <a:close/>
                </a:path>
              </a:pathLst>
            </a:custGeom>
            <a:gradFill>
              <a:gsLst>
                <a:gs pos="81000">
                  <a:srgbClr val="E5200B">
                    <a:lumMod val="75000"/>
                    <a:alpha val="10000"/>
                  </a:srgbClr>
                </a:gs>
                <a:gs pos="18000">
                  <a:srgbClr val="E5200B"/>
                </a:gs>
                <a:gs pos="0">
                  <a:srgbClr val="E5200B">
                    <a:lumMod val="75000"/>
                  </a:srgbClr>
                </a:gs>
              </a:gsLst>
              <a:lin ang="0" scaled="1"/>
            </a:gra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2" name="Freeform 25"/>
            <p:cNvSpPr/>
            <p:nvPr/>
          </p:nvSpPr>
          <p:spPr>
            <a:xfrm>
              <a:off x="4620388" y="1504653"/>
              <a:ext cx="1402608" cy="2144064"/>
            </a:xfrm>
            <a:custGeom>
              <a:avLst/>
              <a:gdLst>
                <a:gd name="connsiteX0" fmla="*/ 1290 w 3441993"/>
                <a:gd name="connsiteY0" fmla="*/ 2998037 h 2999083"/>
                <a:gd name="connsiteX1" fmla="*/ 100 w 3441993"/>
                <a:gd name="connsiteY1" fmla="*/ 2999083 h 2999083"/>
                <a:gd name="connsiteX2" fmla="*/ 0 w 3441993"/>
                <a:gd name="connsiteY2" fmla="*/ 2998120 h 2999083"/>
                <a:gd name="connsiteX3" fmla="*/ 2871961 w 3441993"/>
                <a:gd name="connsiteY3" fmla="*/ 655 h 2999083"/>
                <a:gd name="connsiteX4" fmla="*/ 2986992 w 3441993"/>
                <a:gd name="connsiteY4" fmla="*/ 1661 h 2999083"/>
                <a:gd name="connsiteX5" fmla="*/ 3124840 w 3441993"/>
                <a:gd name="connsiteY5" fmla="*/ 19346 h 2999083"/>
                <a:gd name="connsiteX6" fmla="*/ 3259989 w 3441993"/>
                <a:gd name="connsiteY6" fmla="*/ 75353 h 2999083"/>
                <a:gd name="connsiteX7" fmla="*/ 3313061 w 3441993"/>
                <a:gd name="connsiteY7" fmla="*/ 104650 h 2999083"/>
                <a:gd name="connsiteX8" fmla="*/ 3441993 w 3441993"/>
                <a:gd name="connsiteY8" fmla="*/ 1244055 h 2999083"/>
                <a:gd name="connsiteX9" fmla="*/ 3347142 w 3441993"/>
                <a:gd name="connsiteY9" fmla="*/ 1261331 h 2999083"/>
                <a:gd name="connsiteX10" fmla="*/ 3140204 w 3441993"/>
                <a:gd name="connsiteY10" fmla="*/ 1358289 h 2999083"/>
                <a:gd name="connsiteX11" fmla="*/ 2293100 w 3441993"/>
                <a:gd name="connsiteY11" fmla="*/ 2089672 h 2999083"/>
                <a:gd name="connsiteX12" fmla="*/ 2194737 w 3441993"/>
                <a:gd name="connsiteY12" fmla="*/ 2136092 h 2999083"/>
                <a:gd name="connsiteX13" fmla="*/ 2174248 w 3441993"/>
                <a:gd name="connsiteY13" fmla="*/ 2144064 h 2999083"/>
                <a:gd name="connsiteX14" fmla="*/ 2039385 w 3441993"/>
                <a:gd name="connsiteY14" fmla="*/ 56595 h 2999083"/>
                <a:gd name="connsiteX15" fmla="*/ 2046790 w 3441993"/>
                <a:gd name="connsiteY15" fmla="*/ 58070 h 2999083"/>
                <a:gd name="connsiteX16" fmla="*/ 2871961 w 3441993"/>
                <a:gd name="connsiteY16" fmla="*/ 655 h 2999083"/>
                <a:gd name="connsiteX0" fmla="*/ 0 w 3441993"/>
                <a:gd name="connsiteY0" fmla="*/ 2998120 h 2999083"/>
                <a:gd name="connsiteX1" fmla="*/ 100 w 3441993"/>
                <a:gd name="connsiteY1" fmla="*/ 2999083 h 2999083"/>
                <a:gd name="connsiteX2" fmla="*/ 0 w 3441993"/>
                <a:gd name="connsiteY2" fmla="*/ 2998120 h 2999083"/>
                <a:gd name="connsiteX3" fmla="*/ 2871961 w 3441993"/>
                <a:gd name="connsiteY3" fmla="*/ 655 h 2999083"/>
                <a:gd name="connsiteX4" fmla="*/ 2986992 w 3441993"/>
                <a:gd name="connsiteY4" fmla="*/ 1661 h 2999083"/>
                <a:gd name="connsiteX5" fmla="*/ 3124840 w 3441993"/>
                <a:gd name="connsiteY5" fmla="*/ 19346 h 2999083"/>
                <a:gd name="connsiteX6" fmla="*/ 3259989 w 3441993"/>
                <a:gd name="connsiteY6" fmla="*/ 75353 h 2999083"/>
                <a:gd name="connsiteX7" fmla="*/ 3313061 w 3441993"/>
                <a:gd name="connsiteY7" fmla="*/ 104650 h 2999083"/>
                <a:gd name="connsiteX8" fmla="*/ 3441993 w 3441993"/>
                <a:gd name="connsiteY8" fmla="*/ 1244055 h 2999083"/>
                <a:gd name="connsiteX9" fmla="*/ 3347142 w 3441993"/>
                <a:gd name="connsiteY9" fmla="*/ 1261331 h 2999083"/>
                <a:gd name="connsiteX10" fmla="*/ 3140204 w 3441993"/>
                <a:gd name="connsiteY10" fmla="*/ 1358289 h 2999083"/>
                <a:gd name="connsiteX11" fmla="*/ 2293100 w 3441993"/>
                <a:gd name="connsiteY11" fmla="*/ 2089672 h 2999083"/>
                <a:gd name="connsiteX12" fmla="*/ 2194737 w 3441993"/>
                <a:gd name="connsiteY12" fmla="*/ 2136092 h 2999083"/>
                <a:gd name="connsiteX13" fmla="*/ 2174248 w 3441993"/>
                <a:gd name="connsiteY13" fmla="*/ 2144064 h 2999083"/>
                <a:gd name="connsiteX14" fmla="*/ 2039385 w 3441993"/>
                <a:gd name="connsiteY14" fmla="*/ 56595 h 2999083"/>
                <a:gd name="connsiteX15" fmla="*/ 2046790 w 3441993"/>
                <a:gd name="connsiteY15" fmla="*/ 58070 h 2999083"/>
                <a:gd name="connsiteX16" fmla="*/ 2871961 w 3441993"/>
                <a:gd name="connsiteY16" fmla="*/ 655 h 2999083"/>
                <a:gd name="connsiteX0" fmla="*/ 832576 w 1402608"/>
                <a:gd name="connsiteY0" fmla="*/ 655 h 2144064"/>
                <a:gd name="connsiteX1" fmla="*/ 947607 w 1402608"/>
                <a:gd name="connsiteY1" fmla="*/ 1661 h 2144064"/>
                <a:gd name="connsiteX2" fmla="*/ 1085455 w 1402608"/>
                <a:gd name="connsiteY2" fmla="*/ 19346 h 2144064"/>
                <a:gd name="connsiteX3" fmla="*/ 1220604 w 1402608"/>
                <a:gd name="connsiteY3" fmla="*/ 75353 h 2144064"/>
                <a:gd name="connsiteX4" fmla="*/ 1273676 w 1402608"/>
                <a:gd name="connsiteY4" fmla="*/ 104650 h 2144064"/>
                <a:gd name="connsiteX5" fmla="*/ 1402608 w 1402608"/>
                <a:gd name="connsiteY5" fmla="*/ 1244055 h 2144064"/>
                <a:gd name="connsiteX6" fmla="*/ 1307757 w 1402608"/>
                <a:gd name="connsiteY6" fmla="*/ 1261331 h 2144064"/>
                <a:gd name="connsiteX7" fmla="*/ 1100819 w 1402608"/>
                <a:gd name="connsiteY7" fmla="*/ 1358289 h 2144064"/>
                <a:gd name="connsiteX8" fmla="*/ 253715 w 1402608"/>
                <a:gd name="connsiteY8" fmla="*/ 2089672 h 2144064"/>
                <a:gd name="connsiteX9" fmla="*/ 155352 w 1402608"/>
                <a:gd name="connsiteY9" fmla="*/ 2136092 h 2144064"/>
                <a:gd name="connsiteX10" fmla="*/ 134863 w 1402608"/>
                <a:gd name="connsiteY10" fmla="*/ 2144064 h 2144064"/>
                <a:gd name="connsiteX11" fmla="*/ 0 w 1402608"/>
                <a:gd name="connsiteY11" fmla="*/ 56595 h 2144064"/>
                <a:gd name="connsiteX12" fmla="*/ 7405 w 1402608"/>
                <a:gd name="connsiteY12" fmla="*/ 58070 h 2144064"/>
                <a:gd name="connsiteX13" fmla="*/ 832576 w 1402608"/>
                <a:gd name="connsiteY13" fmla="*/ 655 h 214406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1402608" h="2144064">
                  <a:moveTo>
                    <a:pt x="832576" y="655"/>
                  </a:moveTo>
                  <a:cubicBezTo>
                    <a:pt x="872197" y="-419"/>
                    <a:pt x="910706" y="-230"/>
                    <a:pt x="947607" y="1661"/>
                  </a:cubicBezTo>
                  <a:cubicBezTo>
                    <a:pt x="996808" y="4183"/>
                    <a:pt x="1043150" y="9730"/>
                    <a:pt x="1085455" y="19346"/>
                  </a:cubicBezTo>
                  <a:cubicBezTo>
                    <a:pt x="1130202" y="34012"/>
                    <a:pt x="1175313" y="53082"/>
                    <a:pt x="1220604" y="75353"/>
                  </a:cubicBezTo>
                  <a:lnTo>
                    <a:pt x="1273676" y="104650"/>
                  </a:lnTo>
                  <a:lnTo>
                    <a:pt x="1402608" y="1244055"/>
                  </a:lnTo>
                  <a:lnTo>
                    <a:pt x="1307757" y="1261331"/>
                  </a:lnTo>
                  <a:cubicBezTo>
                    <a:pt x="1240630" y="1279032"/>
                    <a:pt x="1172984" y="1308888"/>
                    <a:pt x="1100819" y="1358289"/>
                  </a:cubicBezTo>
                  <a:cubicBezTo>
                    <a:pt x="760989" y="1558692"/>
                    <a:pt x="510895" y="1927369"/>
                    <a:pt x="253715" y="2089672"/>
                  </a:cubicBezTo>
                  <a:cubicBezTo>
                    <a:pt x="221058" y="2106568"/>
                    <a:pt x="188244" y="2121993"/>
                    <a:pt x="155352" y="2136092"/>
                  </a:cubicBezTo>
                  <a:lnTo>
                    <a:pt x="134863" y="2144064"/>
                  </a:lnTo>
                  <a:lnTo>
                    <a:pt x="0" y="56595"/>
                  </a:lnTo>
                  <a:lnTo>
                    <a:pt x="7405" y="58070"/>
                  </a:lnTo>
                  <a:cubicBezTo>
                    <a:pt x="223400" y="77560"/>
                    <a:pt x="555229" y="8171"/>
                    <a:pt x="832576" y="655"/>
                  </a:cubicBezTo>
                  <a:close/>
                </a:path>
              </a:pathLst>
            </a:custGeom>
            <a:gradFill>
              <a:gsLst>
                <a:gs pos="81000">
                  <a:srgbClr val="CC1C0A"/>
                </a:gs>
                <a:gs pos="35000">
                  <a:srgbClr val="E5200B">
                    <a:lumMod val="60000"/>
                    <a:lumOff val="40000"/>
                  </a:srgbClr>
                </a:gs>
                <a:gs pos="0">
                  <a:srgbClr val="E5200B">
                    <a:lumMod val="60000"/>
                    <a:lumOff val="40000"/>
                    <a:alpha val="25000"/>
                  </a:srgbClr>
                </a:gs>
              </a:gsLst>
              <a:lin ang="0" scaled="1"/>
            </a:gra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3" name="Freeform 26"/>
            <p:cNvSpPr/>
            <p:nvPr/>
          </p:nvSpPr>
          <p:spPr>
            <a:xfrm>
              <a:off x="5889625" y="1601574"/>
              <a:ext cx="803969" cy="1147981"/>
            </a:xfrm>
            <a:custGeom>
              <a:avLst/>
              <a:gdLst>
                <a:gd name="connsiteX0" fmla="*/ 0 w 721089"/>
                <a:gd name="connsiteY0" fmla="*/ 0 h 1113604"/>
                <a:gd name="connsiteX1" fmla="*/ 39649 w 721089"/>
                <a:gd name="connsiteY1" fmla="*/ 21887 h 1113604"/>
                <a:gd name="connsiteX2" fmla="*/ 636999 w 721089"/>
                <a:gd name="connsiteY2" fmla="*/ 403961 h 1113604"/>
                <a:gd name="connsiteX3" fmla="*/ 651291 w 721089"/>
                <a:gd name="connsiteY3" fmla="*/ 409246 h 1113604"/>
                <a:gd name="connsiteX4" fmla="*/ 721089 w 721089"/>
                <a:gd name="connsiteY4" fmla="*/ 1090993 h 1113604"/>
                <a:gd name="connsiteX5" fmla="*/ 688641 w 721089"/>
                <a:gd name="connsiteY5" fmla="*/ 1101937 h 1113604"/>
                <a:gd name="connsiteX6" fmla="*/ 194384 w 721089"/>
                <a:gd name="connsiteY6" fmla="*/ 1108627 h 1113604"/>
                <a:gd name="connsiteX7" fmla="*/ 113956 w 721089"/>
                <a:gd name="connsiteY7" fmla="*/ 1113056 h 1113604"/>
                <a:gd name="connsiteX0" fmla="*/ 0 w 721089"/>
                <a:gd name="connsiteY0" fmla="*/ 0 h 1113604"/>
                <a:gd name="connsiteX1" fmla="*/ 39649 w 721089"/>
                <a:gd name="connsiteY1" fmla="*/ 21887 h 1113604"/>
                <a:gd name="connsiteX2" fmla="*/ 636999 w 721089"/>
                <a:gd name="connsiteY2" fmla="*/ 403961 h 1113604"/>
                <a:gd name="connsiteX3" fmla="*/ 651291 w 721089"/>
                <a:gd name="connsiteY3" fmla="*/ 409246 h 1113604"/>
                <a:gd name="connsiteX4" fmla="*/ 721089 w 721089"/>
                <a:gd name="connsiteY4" fmla="*/ 1090993 h 1113604"/>
                <a:gd name="connsiteX5" fmla="*/ 688641 w 721089"/>
                <a:gd name="connsiteY5" fmla="*/ 1101937 h 1113604"/>
                <a:gd name="connsiteX6" fmla="*/ 194384 w 721089"/>
                <a:gd name="connsiteY6" fmla="*/ 1108627 h 1113604"/>
                <a:gd name="connsiteX7" fmla="*/ 99009 w 721089"/>
                <a:gd name="connsiteY7" fmla="*/ 1109881 h 1113604"/>
                <a:gd name="connsiteX8" fmla="*/ 0 w 721089"/>
                <a:gd name="connsiteY8" fmla="*/ 0 h 1113604"/>
                <a:gd name="connsiteX0" fmla="*/ 0 w 756961"/>
                <a:gd name="connsiteY0" fmla="*/ 0 h 1129479"/>
                <a:gd name="connsiteX1" fmla="*/ 75521 w 756961"/>
                <a:gd name="connsiteY1" fmla="*/ 37762 h 1129479"/>
                <a:gd name="connsiteX2" fmla="*/ 672871 w 756961"/>
                <a:gd name="connsiteY2" fmla="*/ 419836 h 1129479"/>
                <a:gd name="connsiteX3" fmla="*/ 687163 w 756961"/>
                <a:gd name="connsiteY3" fmla="*/ 425121 h 1129479"/>
                <a:gd name="connsiteX4" fmla="*/ 756961 w 756961"/>
                <a:gd name="connsiteY4" fmla="*/ 1106868 h 1129479"/>
                <a:gd name="connsiteX5" fmla="*/ 724513 w 756961"/>
                <a:gd name="connsiteY5" fmla="*/ 1117812 h 1129479"/>
                <a:gd name="connsiteX6" fmla="*/ 230256 w 756961"/>
                <a:gd name="connsiteY6" fmla="*/ 1124502 h 1129479"/>
                <a:gd name="connsiteX7" fmla="*/ 134881 w 756961"/>
                <a:gd name="connsiteY7" fmla="*/ 1125756 h 1129479"/>
                <a:gd name="connsiteX8" fmla="*/ 0 w 756961"/>
                <a:gd name="connsiteY8" fmla="*/ 0 h 1129479"/>
                <a:gd name="connsiteX0" fmla="*/ 0 w 756961"/>
                <a:gd name="connsiteY0" fmla="*/ 0 h 1139004"/>
                <a:gd name="connsiteX1" fmla="*/ 75521 w 756961"/>
                <a:gd name="connsiteY1" fmla="*/ 47287 h 1139004"/>
                <a:gd name="connsiteX2" fmla="*/ 672871 w 756961"/>
                <a:gd name="connsiteY2" fmla="*/ 429361 h 1139004"/>
                <a:gd name="connsiteX3" fmla="*/ 687163 w 756961"/>
                <a:gd name="connsiteY3" fmla="*/ 434646 h 1139004"/>
                <a:gd name="connsiteX4" fmla="*/ 756961 w 756961"/>
                <a:gd name="connsiteY4" fmla="*/ 1116393 h 1139004"/>
                <a:gd name="connsiteX5" fmla="*/ 724513 w 756961"/>
                <a:gd name="connsiteY5" fmla="*/ 1127337 h 1139004"/>
                <a:gd name="connsiteX6" fmla="*/ 230256 w 756961"/>
                <a:gd name="connsiteY6" fmla="*/ 1134027 h 1139004"/>
                <a:gd name="connsiteX7" fmla="*/ 134881 w 756961"/>
                <a:gd name="connsiteY7" fmla="*/ 1135281 h 1139004"/>
                <a:gd name="connsiteX8" fmla="*/ 0 w 756961"/>
                <a:gd name="connsiteY8" fmla="*/ 0 h 1139004"/>
                <a:gd name="connsiteX0" fmla="*/ 0 w 756961"/>
                <a:gd name="connsiteY0" fmla="*/ 0 h 1139004"/>
                <a:gd name="connsiteX1" fmla="*/ 75521 w 756961"/>
                <a:gd name="connsiteY1" fmla="*/ 47287 h 1139004"/>
                <a:gd name="connsiteX2" fmla="*/ 672871 w 756961"/>
                <a:gd name="connsiteY2" fmla="*/ 429361 h 1139004"/>
                <a:gd name="connsiteX3" fmla="*/ 687163 w 756961"/>
                <a:gd name="connsiteY3" fmla="*/ 434646 h 1139004"/>
                <a:gd name="connsiteX4" fmla="*/ 756961 w 756961"/>
                <a:gd name="connsiteY4" fmla="*/ 1116393 h 1139004"/>
                <a:gd name="connsiteX5" fmla="*/ 724513 w 756961"/>
                <a:gd name="connsiteY5" fmla="*/ 1127337 h 1139004"/>
                <a:gd name="connsiteX6" fmla="*/ 230256 w 756961"/>
                <a:gd name="connsiteY6" fmla="*/ 1134027 h 1139004"/>
                <a:gd name="connsiteX7" fmla="*/ 125913 w 756961"/>
                <a:gd name="connsiteY7" fmla="*/ 1135281 h 1139004"/>
                <a:gd name="connsiteX8" fmla="*/ 0 w 756961"/>
                <a:gd name="connsiteY8" fmla="*/ 0 h 1139004"/>
                <a:gd name="connsiteX0" fmla="*/ 0 w 756961"/>
                <a:gd name="connsiteY0" fmla="*/ 0 h 1145354"/>
                <a:gd name="connsiteX1" fmla="*/ 75521 w 756961"/>
                <a:gd name="connsiteY1" fmla="*/ 53637 h 1145354"/>
                <a:gd name="connsiteX2" fmla="*/ 672871 w 756961"/>
                <a:gd name="connsiteY2" fmla="*/ 435711 h 1145354"/>
                <a:gd name="connsiteX3" fmla="*/ 687163 w 756961"/>
                <a:gd name="connsiteY3" fmla="*/ 440996 h 1145354"/>
                <a:gd name="connsiteX4" fmla="*/ 756961 w 756961"/>
                <a:gd name="connsiteY4" fmla="*/ 1122743 h 1145354"/>
                <a:gd name="connsiteX5" fmla="*/ 724513 w 756961"/>
                <a:gd name="connsiteY5" fmla="*/ 1133687 h 1145354"/>
                <a:gd name="connsiteX6" fmla="*/ 230256 w 756961"/>
                <a:gd name="connsiteY6" fmla="*/ 1140377 h 1145354"/>
                <a:gd name="connsiteX7" fmla="*/ 125913 w 756961"/>
                <a:gd name="connsiteY7" fmla="*/ 1141631 h 1145354"/>
                <a:gd name="connsiteX8" fmla="*/ 0 w 756961"/>
                <a:gd name="connsiteY8" fmla="*/ 0 h 1145354"/>
                <a:gd name="connsiteX0" fmla="*/ 0 w 756961"/>
                <a:gd name="connsiteY0" fmla="*/ 0 h 1145354"/>
                <a:gd name="connsiteX1" fmla="*/ 75521 w 756961"/>
                <a:gd name="connsiteY1" fmla="*/ 53637 h 1145354"/>
                <a:gd name="connsiteX2" fmla="*/ 672871 w 756961"/>
                <a:gd name="connsiteY2" fmla="*/ 435711 h 1145354"/>
                <a:gd name="connsiteX3" fmla="*/ 687163 w 756961"/>
                <a:gd name="connsiteY3" fmla="*/ 440996 h 1145354"/>
                <a:gd name="connsiteX4" fmla="*/ 756961 w 756961"/>
                <a:gd name="connsiteY4" fmla="*/ 1122743 h 1145354"/>
                <a:gd name="connsiteX5" fmla="*/ 724513 w 756961"/>
                <a:gd name="connsiteY5" fmla="*/ 1133687 h 1145354"/>
                <a:gd name="connsiteX6" fmla="*/ 230256 w 756961"/>
                <a:gd name="connsiteY6" fmla="*/ 1140377 h 1145354"/>
                <a:gd name="connsiteX7" fmla="*/ 125913 w 756961"/>
                <a:gd name="connsiteY7" fmla="*/ 1141631 h 1145354"/>
                <a:gd name="connsiteX8" fmla="*/ 0 w 756961"/>
                <a:gd name="connsiteY8" fmla="*/ 0 h 1145354"/>
                <a:gd name="connsiteX0" fmla="*/ 0 w 756961"/>
                <a:gd name="connsiteY0" fmla="*/ 0 h 1145354"/>
                <a:gd name="connsiteX1" fmla="*/ 75521 w 756961"/>
                <a:gd name="connsiteY1" fmla="*/ 53637 h 1145354"/>
                <a:gd name="connsiteX2" fmla="*/ 672871 w 756961"/>
                <a:gd name="connsiteY2" fmla="*/ 435711 h 1145354"/>
                <a:gd name="connsiteX3" fmla="*/ 756961 w 756961"/>
                <a:gd name="connsiteY3" fmla="*/ 1122743 h 1145354"/>
                <a:gd name="connsiteX4" fmla="*/ 724513 w 756961"/>
                <a:gd name="connsiteY4" fmla="*/ 1133687 h 1145354"/>
                <a:gd name="connsiteX5" fmla="*/ 230256 w 756961"/>
                <a:gd name="connsiteY5" fmla="*/ 1140377 h 1145354"/>
                <a:gd name="connsiteX6" fmla="*/ 125913 w 756961"/>
                <a:gd name="connsiteY6" fmla="*/ 1141631 h 1145354"/>
                <a:gd name="connsiteX7" fmla="*/ 0 w 756961"/>
                <a:gd name="connsiteY7" fmla="*/ 0 h 1145354"/>
                <a:gd name="connsiteX0" fmla="*/ 0 w 756961"/>
                <a:gd name="connsiteY0" fmla="*/ 0 h 1145354"/>
                <a:gd name="connsiteX1" fmla="*/ 75521 w 756961"/>
                <a:gd name="connsiteY1" fmla="*/ 53637 h 1145354"/>
                <a:gd name="connsiteX2" fmla="*/ 675860 w 756961"/>
                <a:gd name="connsiteY2" fmla="*/ 454761 h 1145354"/>
                <a:gd name="connsiteX3" fmla="*/ 756961 w 756961"/>
                <a:gd name="connsiteY3" fmla="*/ 1122743 h 1145354"/>
                <a:gd name="connsiteX4" fmla="*/ 724513 w 756961"/>
                <a:gd name="connsiteY4" fmla="*/ 1133687 h 1145354"/>
                <a:gd name="connsiteX5" fmla="*/ 230256 w 756961"/>
                <a:gd name="connsiteY5" fmla="*/ 1140377 h 1145354"/>
                <a:gd name="connsiteX6" fmla="*/ 125913 w 756961"/>
                <a:gd name="connsiteY6" fmla="*/ 1141631 h 1145354"/>
                <a:gd name="connsiteX7" fmla="*/ 0 w 756961"/>
                <a:gd name="connsiteY7" fmla="*/ 0 h 1145354"/>
                <a:gd name="connsiteX0" fmla="*/ 0 w 756961"/>
                <a:gd name="connsiteY0" fmla="*/ 0 h 1145354"/>
                <a:gd name="connsiteX1" fmla="*/ 75521 w 756961"/>
                <a:gd name="connsiteY1" fmla="*/ 53637 h 1145354"/>
                <a:gd name="connsiteX2" fmla="*/ 672871 w 756961"/>
                <a:gd name="connsiteY2" fmla="*/ 451586 h 1145354"/>
                <a:gd name="connsiteX3" fmla="*/ 756961 w 756961"/>
                <a:gd name="connsiteY3" fmla="*/ 1122743 h 1145354"/>
                <a:gd name="connsiteX4" fmla="*/ 724513 w 756961"/>
                <a:gd name="connsiteY4" fmla="*/ 1133687 h 1145354"/>
                <a:gd name="connsiteX5" fmla="*/ 230256 w 756961"/>
                <a:gd name="connsiteY5" fmla="*/ 1140377 h 1145354"/>
                <a:gd name="connsiteX6" fmla="*/ 125913 w 756961"/>
                <a:gd name="connsiteY6" fmla="*/ 1141631 h 1145354"/>
                <a:gd name="connsiteX7" fmla="*/ 0 w 756961"/>
                <a:gd name="connsiteY7" fmla="*/ 0 h 1145354"/>
                <a:gd name="connsiteX0" fmla="*/ 0 w 756961"/>
                <a:gd name="connsiteY0" fmla="*/ 0 h 1145354"/>
                <a:gd name="connsiteX1" fmla="*/ 75521 w 756961"/>
                <a:gd name="connsiteY1" fmla="*/ 53637 h 1145354"/>
                <a:gd name="connsiteX2" fmla="*/ 672871 w 756961"/>
                <a:gd name="connsiteY2" fmla="*/ 451586 h 1145354"/>
                <a:gd name="connsiteX3" fmla="*/ 756961 w 756961"/>
                <a:gd name="connsiteY3" fmla="*/ 1122743 h 1145354"/>
                <a:gd name="connsiteX4" fmla="*/ 724513 w 756961"/>
                <a:gd name="connsiteY4" fmla="*/ 1133687 h 1145354"/>
                <a:gd name="connsiteX5" fmla="*/ 230256 w 756961"/>
                <a:gd name="connsiteY5" fmla="*/ 1140377 h 1145354"/>
                <a:gd name="connsiteX6" fmla="*/ 122923 w 756961"/>
                <a:gd name="connsiteY6" fmla="*/ 1144806 h 1145354"/>
                <a:gd name="connsiteX7" fmla="*/ 0 w 756961"/>
                <a:gd name="connsiteY7" fmla="*/ 0 h 1145354"/>
                <a:gd name="connsiteX0" fmla="*/ 0 w 756961"/>
                <a:gd name="connsiteY0" fmla="*/ 0 h 1151156"/>
                <a:gd name="connsiteX1" fmla="*/ 75521 w 756961"/>
                <a:gd name="connsiteY1" fmla="*/ 53637 h 1151156"/>
                <a:gd name="connsiteX2" fmla="*/ 672871 w 756961"/>
                <a:gd name="connsiteY2" fmla="*/ 451586 h 1151156"/>
                <a:gd name="connsiteX3" fmla="*/ 756961 w 756961"/>
                <a:gd name="connsiteY3" fmla="*/ 1122743 h 1151156"/>
                <a:gd name="connsiteX4" fmla="*/ 724513 w 756961"/>
                <a:gd name="connsiteY4" fmla="*/ 1133687 h 1151156"/>
                <a:gd name="connsiteX5" fmla="*/ 230256 w 756961"/>
                <a:gd name="connsiteY5" fmla="*/ 1140377 h 1151156"/>
                <a:gd name="connsiteX6" fmla="*/ 119934 w 756961"/>
                <a:gd name="connsiteY6" fmla="*/ 1151156 h 1151156"/>
                <a:gd name="connsiteX7" fmla="*/ 0 w 756961"/>
                <a:gd name="connsiteY7" fmla="*/ 0 h 1151156"/>
                <a:gd name="connsiteX0" fmla="*/ 0 w 756961"/>
                <a:gd name="connsiteY0" fmla="*/ 0 h 1151156"/>
                <a:gd name="connsiteX1" fmla="*/ 75521 w 756961"/>
                <a:gd name="connsiteY1" fmla="*/ 53637 h 1151156"/>
                <a:gd name="connsiteX2" fmla="*/ 672871 w 756961"/>
                <a:gd name="connsiteY2" fmla="*/ 451586 h 1151156"/>
                <a:gd name="connsiteX3" fmla="*/ 756961 w 756961"/>
                <a:gd name="connsiteY3" fmla="*/ 1122743 h 1151156"/>
                <a:gd name="connsiteX4" fmla="*/ 724513 w 756961"/>
                <a:gd name="connsiteY4" fmla="*/ 1133687 h 1151156"/>
                <a:gd name="connsiteX5" fmla="*/ 239224 w 756961"/>
                <a:gd name="connsiteY5" fmla="*/ 1143552 h 1151156"/>
                <a:gd name="connsiteX6" fmla="*/ 119934 w 756961"/>
                <a:gd name="connsiteY6" fmla="*/ 1151156 h 1151156"/>
                <a:gd name="connsiteX7" fmla="*/ 0 w 756961"/>
                <a:gd name="connsiteY7" fmla="*/ 0 h 1151156"/>
                <a:gd name="connsiteX0" fmla="*/ 0 w 756961"/>
                <a:gd name="connsiteY0" fmla="*/ 0 h 1147981"/>
                <a:gd name="connsiteX1" fmla="*/ 75521 w 756961"/>
                <a:gd name="connsiteY1" fmla="*/ 50462 h 1147981"/>
                <a:gd name="connsiteX2" fmla="*/ 672871 w 756961"/>
                <a:gd name="connsiteY2" fmla="*/ 448411 h 1147981"/>
                <a:gd name="connsiteX3" fmla="*/ 756961 w 756961"/>
                <a:gd name="connsiteY3" fmla="*/ 1119568 h 1147981"/>
                <a:gd name="connsiteX4" fmla="*/ 724513 w 756961"/>
                <a:gd name="connsiteY4" fmla="*/ 1130512 h 1147981"/>
                <a:gd name="connsiteX5" fmla="*/ 239224 w 756961"/>
                <a:gd name="connsiteY5" fmla="*/ 1140377 h 1147981"/>
                <a:gd name="connsiteX6" fmla="*/ 119934 w 756961"/>
                <a:gd name="connsiteY6" fmla="*/ 1147981 h 1147981"/>
                <a:gd name="connsiteX7" fmla="*/ 0 w 756961"/>
                <a:gd name="connsiteY7" fmla="*/ 0 h 114798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756961" h="1147981">
                  <a:moveTo>
                    <a:pt x="0" y="0"/>
                  </a:moveTo>
                  <a:lnTo>
                    <a:pt x="75521" y="50462"/>
                  </a:lnTo>
                  <a:cubicBezTo>
                    <a:pt x="280151" y="174053"/>
                    <a:pt x="484782" y="353903"/>
                    <a:pt x="672871" y="448411"/>
                  </a:cubicBezTo>
                  <a:lnTo>
                    <a:pt x="756961" y="1119568"/>
                  </a:lnTo>
                  <a:lnTo>
                    <a:pt x="724513" y="1130512"/>
                  </a:lnTo>
                  <a:cubicBezTo>
                    <a:pt x="524518" y="1153115"/>
                    <a:pt x="379397" y="1138809"/>
                    <a:pt x="239224" y="1140377"/>
                  </a:cubicBezTo>
                  <a:lnTo>
                    <a:pt x="119934" y="1147981"/>
                  </a:lnTo>
                  <a:cubicBezTo>
                    <a:pt x="81949" y="776962"/>
                    <a:pt x="37985" y="371019"/>
                    <a:pt x="0" y="0"/>
                  </a:cubicBezTo>
                  <a:close/>
                </a:path>
              </a:pathLst>
            </a:custGeom>
            <a:gradFill>
              <a:gsLst>
                <a:gs pos="81000">
                  <a:srgbClr val="E5200B">
                    <a:lumMod val="75000"/>
                    <a:alpha val="10000"/>
                  </a:srgbClr>
                </a:gs>
                <a:gs pos="18000">
                  <a:srgbClr val="E5200B"/>
                </a:gs>
                <a:gs pos="0">
                  <a:srgbClr val="E5200B">
                    <a:lumMod val="75000"/>
                  </a:srgbClr>
                </a:gs>
              </a:gsLst>
              <a:lin ang="0" scaled="1"/>
            </a:gra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4" name="Rectangle 9"/>
            <p:cNvSpPr/>
            <p:nvPr/>
          </p:nvSpPr>
          <p:spPr>
            <a:xfrm rot="21261496">
              <a:off x="2390231" y="784207"/>
              <a:ext cx="67761" cy="3691770"/>
            </a:xfrm>
            <a:custGeom>
              <a:avLst/>
              <a:gdLst>
                <a:gd name="connsiteX0" fmla="*/ 0 w 62533"/>
                <a:gd name="connsiteY0" fmla="*/ 0 h 3638847"/>
                <a:gd name="connsiteX1" fmla="*/ 62533 w 62533"/>
                <a:gd name="connsiteY1" fmla="*/ 0 h 3638847"/>
                <a:gd name="connsiteX2" fmla="*/ 62533 w 62533"/>
                <a:gd name="connsiteY2" fmla="*/ 3638847 h 3638847"/>
                <a:gd name="connsiteX3" fmla="*/ 0 w 62533"/>
                <a:gd name="connsiteY3" fmla="*/ 3638847 h 3638847"/>
                <a:gd name="connsiteX4" fmla="*/ 0 w 62533"/>
                <a:gd name="connsiteY4" fmla="*/ 0 h 3638847"/>
                <a:gd name="connsiteX0" fmla="*/ 4994 w 67527"/>
                <a:gd name="connsiteY0" fmla="*/ 0 h 3689401"/>
                <a:gd name="connsiteX1" fmla="*/ 67527 w 67527"/>
                <a:gd name="connsiteY1" fmla="*/ 0 h 3689401"/>
                <a:gd name="connsiteX2" fmla="*/ 67527 w 67527"/>
                <a:gd name="connsiteY2" fmla="*/ 3638847 h 3689401"/>
                <a:gd name="connsiteX3" fmla="*/ 0 w 67527"/>
                <a:gd name="connsiteY3" fmla="*/ 3689401 h 3689401"/>
                <a:gd name="connsiteX4" fmla="*/ 4994 w 67527"/>
                <a:gd name="connsiteY4" fmla="*/ 0 h 3689401"/>
                <a:gd name="connsiteX0" fmla="*/ 4994 w 71331"/>
                <a:gd name="connsiteY0" fmla="*/ 0 h 3689401"/>
                <a:gd name="connsiteX1" fmla="*/ 67527 w 71331"/>
                <a:gd name="connsiteY1" fmla="*/ 0 h 3689401"/>
                <a:gd name="connsiteX2" fmla="*/ 71331 w 71331"/>
                <a:gd name="connsiteY2" fmla="*/ 3648794 h 3689401"/>
                <a:gd name="connsiteX3" fmla="*/ 0 w 71331"/>
                <a:gd name="connsiteY3" fmla="*/ 3689401 h 3689401"/>
                <a:gd name="connsiteX4" fmla="*/ 4994 w 71331"/>
                <a:gd name="connsiteY4" fmla="*/ 0 h 3689401"/>
                <a:gd name="connsiteX0" fmla="*/ 4994 w 67527"/>
                <a:gd name="connsiteY0" fmla="*/ 0 h 3689401"/>
                <a:gd name="connsiteX1" fmla="*/ 67527 w 67527"/>
                <a:gd name="connsiteY1" fmla="*/ 0 h 3689401"/>
                <a:gd name="connsiteX2" fmla="*/ 56879 w 67527"/>
                <a:gd name="connsiteY2" fmla="*/ 3649760 h 3689401"/>
                <a:gd name="connsiteX3" fmla="*/ 0 w 67527"/>
                <a:gd name="connsiteY3" fmla="*/ 3689401 h 3689401"/>
                <a:gd name="connsiteX4" fmla="*/ 4994 w 67527"/>
                <a:gd name="connsiteY4" fmla="*/ 0 h 3689401"/>
                <a:gd name="connsiteX0" fmla="*/ 5228 w 67761"/>
                <a:gd name="connsiteY0" fmla="*/ 0 h 3691770"/>
                <a:gd name="connsiteX1" fmla="*/ 67761 w 67761"/>
                <a:gd name="connsiteY1" fmla="*/ 0 h 3691770"/>
                <a:gd name="connsiteX2" fmla="*/ 57113 w 67761"/>
                <a:gd name="connsiteY2" fmla="*/ 3649760 h 3691770"/>
                <a:gd name="connsiteX3" fmla="*/ 0 w 67761"/>
                <a:gd name="connsiteY3" fmla="*/ 3691770 h 3691770"/>
                <a:gd name="connsiteX4" fmla="*/ 5228 w 67761"/>
                <a:gd name="connsiteY4" fmla="*/ 0 h 36917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67761" h="3691770">
                  <a:moveTo>
                    <a:pt x="5228" y="0"/>
                  </a:moveTo>
                  <a:lnTo>
                    <a:pt x="67761" y="0"/>
                  </a:lnTo>
                  <a:cubicBezTo>
                    <a:pt x="64212" y="1216587"/>
                    <a:pt x="60662" y="2433173"/>
                    <a:pt x="57113" y="3649760"/>
                  </a:cubicBezTo>
                  <a:lnTo>
                    <a:pt x="0" y="3691770"/>
                  </a:lnTo>
                  <a:cubicBezTo>
                    <a:pt x="1665" y="2461970"/>
                    <a:pt x="3563" y="1229800"/>
                    <a:pt x="5228" y="0"/>
                  </a:cubicBezTo>
                  <a:close/>
                </a:path>
              </a:pathLst>
            </a:custGeom>
            <a:solidFill>
              <a:srgbClr val="E5200B">
                <a:lumMod val="75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95" name="Group 1"/>
          <p:cNvGrpSpPr/>
          <p:nvPr/>
        </p:nvGrpSpPr>
        <p:grpSpPr>
          <a:xfrm>
            <a:off x="0" y="1506922"/>
            <a:ext cx="9143999" cy="5365591"/>
            <a:chOff x="1522095" y="1492409"/>
            <a:chExt cx="6088380" cy="4848384"/>
          </a:xfrm>
        </p:grpSpPr>
        <p:sp>
          <p:nvSpPr>
            <p:cNvPr id="96" name="Rectangle 12"/>
            <p:cNvSpPr/>
            <p:nvPr/>
          </p:nvSpPr>
          <p:spPr>
            <a:xfrm>
              <a:off x="3657600" y="1492409"/>
              <a:ext cx="2578100" cy="2870039"/>
            </a:xfrm>
            <a:custGeom>
              <a:avLst/>
              <a:gdLst>
                <a:gd name="connsiteX0" fmla="*/ 0 w 2578100"/>
                <a:gd name="connsiteY0" fmla="*/ 0 h 2832100"/>
                <a:gd name="connsiteX1" fmla="*/ 2578100 w 2578100"/>
                <a:gd name="connsiteY1" fmla="*/ 0 h 2832100"/>
                <a:gd name="connsiteX2" fmla="*/ 2578100 w 2578100"/>
                <a:gd name="connsiteY2" fmla="*/ 2832100 h 2832100"/>
                <a:gd name="connsiteX3" fmla="*/ 0 w 2578100"/>
                <a:gd name="connsiteY3" fmla="*/ 2832100 h 2832100"/>
                <a:gd name="connsiteX4" fmla="*/ 0 w 2578100"/>
                <a:gd name="connsiteY4" fmla="*/ 0 h 2832100"/>
                <a:gd name="connsiteX0" fmla="*/ 0 w 2578100"/>
                <a:gd name="connsiteY0" fmla="*/ 0 h 2832100"/>
                <a:gd name="connsiteX1" fmla="*/ 2578100 w 2578100"/>
                <a:gd name="connsiteY1" fmla="*/ 0 h 2832100"/>
                <a:gd name="connsiteX2" fmla="*/ 2571750 w 2578100"/>
                <a:gd name="connsiteY2" fmla="*/ 2279650 h 2832100"/>
                <a:gd name="connsiteX3" fmla="*/ 2578100 w 2578100"/>
                <a:gd name="connsiteY3" fmla="*/ 2832100 h 2832100"/>
                <a:gd name="connsiteX4" fmla="*/ 0 w 2578100"/>
                <a:gd name="connsiteY4" fmla="*/ 2832100 h 2832100"/>
                <a:gd name="connsiteX5" fmla="*/ 0 w 2578100"/>
                <a:gd name="connsiteY5" fmla="*/ 0 h 2832100"/>
                <a:gd name="connsiteX0" fmla="*/ 0 w 2578100"/>
                <a:gd name="connsiteY0" fmla="*/ 0 h 2832100"/>
                <a:gd name="connsiteX1" fmla="*/ 2578100 w 2578100"/>
                <a:gd name="connsiteY1" fmla="*/ 0 h 2832100"/>
                <a:gd name="connsiteX2" fmla="*/ 2571750 w 2578100"/>
                <a:gd name="connsiteY2" fmla="*/ 2279650 h 2832100"/>
                <a:gd name="connsiteX3" fmla="*/ 2578100 w 2578100"/>
                <a:gd name="connsiteY3" fmla="*/ 2832100 h 2832100"/>
                <a:gd name="connsiteX4" fmla="*/ 0 w 2578100"/>
                <a:gd name="connsiteY4" fmla="*/ 2832100 h 2832100"/>
                <a:gd name="connsiteX5" fmla="*/ 0 w 2578100"/>
                <a:gd name="connsiteY5" fmla="*/ 1168400 h 2832100"/>
                <a:gd name="connsiteX6" fmla="*/ 0 w 2578100"/>
                <a:gd name="connsiteY6" fmla="*/ 0 h 2832100"/>
                <a:gd name="connsiteX0" fmla="*/ 0 w 2578100"/>
                <a:gd name="connsiteY0" fmla="*/ 0 h 2832100"/>
                <a:gd name="connsiteX1" fmla="*/ 1073150 w 2578100"/>
                <a:gd name="connsiteY1" fmla="*/ 0 h 2832100"/>
                <a:gd name="connsiteX2" fmla="*/ 2578100 w 2578100"/>
                <a:gd name="connsiteY2" fmla="*/ 0 h 2832100"/>
                <a:gd name="connsiteX3" fmla="*/ 2571750 w 2578100"/>
                <a:gd name="connsiteY3" fmla="*/ 2279650 h 2832100"/>
                <a:gd name="connsiteX4" fmla="*/ 2578100 w 2578100"/>
                <a:gd name="connsiteY4" fmla="*/ 2832100 h 2832100"/>
                <a:gd name="connsiteX5" fmla="*/ 0 w 2578100"/>
                <a:gd name="connsiteY5" fmla="*/ 2832100 h 2832100"/>
                <a:gd name="connsiteX6" fmla="*/ 0 w 2578100"/>
                <a:gd name="connsiteY6" fmla="*/ 1168400 h 2832100"/>
                <a:gd name="connsiteX7" fmla="*/ 0 w 2578100"/>
                <a:gd name="connsiteY7" fmla="*/ 0 h 2832100"/>
                <a:gd name="connsiteX0" fmla="*/ 0 w 2578100"/>
                <a:gd name="connsiteY0" fmla="*/ 6350 h 2838450"/>
                <a:gd name="connsiteX1" fmla="*/ 850900 w 2578100"/>
                <a:gd name="connsiteY1" fmla="*/ 0 h 2838450"/>
                <a:gd name="connsiteX2" fmla="*/ 1073150 w 2578100"/>
                <a:gd name="connsiteY2" fmla="*/ 6350 h 2838450"/>
                <a:gd name="connsiteX3" fmla="*/ 2578100 w 2578100"/>
                <a:gd name="connsiteY3" fmla="*/ 6350 h 2838450"/>
                <a:gd name="connsiteX4" fmla="*/ 2571750 w 2578100"/>
                <a:gd name="connsiteY4" fmla="*/ 2286000 h 2838450"/>
                <a:gd name="connsiteX5" fmla="*/ 2578100 w 2578100"/>
                <a:gd name="connsiteY5" fmla="*/ 2838450 h 2838450"/>
                <a:gd name="connsiteX6" fmla="*/ 0 w 2578100"/>
                <a:gd name="connsiteY6" fmla="*/ 2838450 h 2838450"/>
                <a:gd name="connsiteX7" fmla="*/ 0 w 2578100"/>
                <a:gd name="connsiteY7" fmla="*/ 1174750 h 2838450"/>
                <a:gd name="connsiteX8" fmla="*/ 0 w 2578100"/>
                <a:gd name="connsiteY8" fmla="*/ 6350 h 2838450"/>
                <a:gd name="connsiteX0" fmla="*/ 0 w 2578100"/>
                <a:gd name="connsiteY0" fmla="*/ 1174750 h 2838450"/>
                <a:gd name="connsiteX1" fmla="*/ 850900 w 2578100"/>
                <a:gd name="connsiteY1" fmla="*/ 0 h 2838450"/>
                <a:gd name="connsiteX2" fmla="*/ 1073150 w 2578100"/>
                <a:gd name="connsiteY2" fmla="*/ 6350 h 2838450"/>
                <a:gd name="connsiteX3" fmla="*/ 2578100 w 2578100"/>
                <a:gd name="connsiteY3" fmla="*/ 6350 h 2838450"/>
                <a:gd name="connsiteX4" fmla="*/ 2571750 w 2578100"/>
                <a:gd name="connsiteY4" fmla="*/ 2286000 h 2838450"/>
                <a:gd name="connsiteX5" fmla="*/ 2578100 w 2578100"/>
                <a:gd name="connsiteY5" fmla="*/ 2838450 h 2838450"/>
                <a:gd name="connsiteX6" fmla="*/ 0 w 2578100"/>
                <a:gd name="connsiteY6" fmla="*/ 2838450 h 2838450"/>
                <a:gd name="connsiteX7" fmla="*/ 0 w 2578100"/>
                <a:gd name="connsiteY7" fmla="*/ 1174750 h 2838450"/>
                <a:gd name="connsiteX0" fmla="*/ 0 w 2578100"/>
                <a:gd name="connsiteY0" fmla="*/ 1174750 h 2838450"/>
                <a:gd name="connsiteX1" fmla="*/ 850900 w 2578100"/>
                <a:gd name="connsiteY1" fmla="*/ 0 h 2838450"/>
                <a:gd name="connsiteX2" fmla="*/ 1073150 w 2578100"/>
                <a:gd name="connsiteY2" fmla="*/ 6350 h 2838450"/>
                <a:gd name="connsiteX3" fmla="*/ 2571750 w 2578100"/>
                <a:gd name="connsiteY3" fmla="*/ 2286000 h 2838450"/>
                <a:gd name="connsiteX4" fmla="*/ 2578100 w 2578100"/>
                <a:gd name="connsiteY4" fmla="*/ 2838450 h 2838450"/>
                <a:gd name="connsiteX5" fmla="*/ 0 w 2578100"/>
                <a:gd name="connsiteY5" fmla="*/ 2838450 h 2838450"/>
                <a:gd name="connsiteX6" fmla="*/ 0 w 2578100"/>
                <a:gd name="connsiteY6" fmla="*/ 1174750 h 2838450"/>
                <a:gd name="connsiteX0" fmla="*/ 0 w 2578100"/>
                <a:gd name="connsiteY0" fmla="*/ 1174750 h 2838450"/>
                <a:gd name="connsiteX1" fmla="*/ 850900 w 2578100"/>
                <a:gd name="connsiteY1" fmla="*/ 0 h 2838450"/>
                <a:gd name="connsiteX2" fmla="*/ 1073150 w 2578100"/>
                <a:gd name="connsiteY2" fmla="*/ 6350 h 2838450"/>
                <a:gd name="connsiteX3" fmla="*/ 2571750 w 2578100"/>
                <a:gd name="connsiteY3" fmla="*/ 2286000 h 2838450"/>
                <a:gd name="connsiteX4" fmla="*/ 2578100 w 2578100"/>
                <a:gd name="connsiteY4" fmla="*/ 2838450 h 2838450"/>
                <a:gd name="connsiteX5" fmla="*/ 0 w 2578100"/>
                <a:gd name="connsiteY5" fmla="*/ 2838450 h 2838450"/>
                <a:gd name="connsiteX6" fmla="*/ 0 w 2578100"/>
                <a:gd name="connsiteY6" fmla="*/ 1174750 h 2838450"/>
                <a:gd name="connsiteX0" fmla="*/ 0 w 2578100"/>
                <a:gd name="connsiteY0" fmla="*/ 1168400 h 2832100"/>
                <a:gd name="connsiteX1" fmla="*/ 844550 w 2578100"/>
                <a:gd name="connsiteY1" fmla="*/ 12700 h 2832100"/>
                <a:gd name="connsiteX2" fmla="*/ 1073150 w 2578100"/>
                <a:gd name="connsiteY2" fmla="*/ 0 h 2832100"/>
                <a:gd name="connsiteX3" fmla="*/ 2571750 w 2578100"/>
                <a:gd name="connsiteY3" fmla="*/ 2279650 h 2832100"/>
                <a:gd name="connsiteX4" fmla="*/ 2578100 w 2578100"/>
                <a:gd name="connsiteY4" fmla="*/ 2832100 h 2832100"/>
                <a:gd name="connsiteX5" fmla="*/ 0 w 2578100"/>
                <a:gd name="connsiteY5" fmla="*/ 2832100 h 2832100"/>
                <a:gd name="connsiteX6" fmla="*/ 0 w 2578100"/>
                <a:gd name="connsiteY6" fmla="*/ 1168400 h 2832100"/>
                <a:gd name="connsiteX0" fmla="*/ 0 w 2578100"/>
                <a:gd name="connsiteY0" fmla="*/ 1168400 h 2832100"/>
                <a:gd name="connsiteX1" fmla="*/ 844550 w 2578100"/>
                <a:gd name="connsiteY1" fmla="*/ 12700 h 2832100"/>
                <a:gd name="connsiteX2" fmla="*/ 1073150 w 2578100"/>
                <a:gd name="connsiteY2" fmla="*/ 0 h 2832100"/>
                <a:gd name="connsiteX3" fmla="*/ 2571750 w 2578100"/>
                <a:gd name="connsiteY3" fmla="*/ 2279650 h 2832100"/>
                <a:gd name="connsiteX4" fmla="*/ 2578100 w 2578100"/>
                <a:gd name="connsiteY4" fmla="*/ 2832100 h 2832100"/>
                <a:gd name="connsiteX5" fmla="*/ 0 w 2578100"/>
                <a:gd name="connsiteY5" fmla="*/ 2832100 h 2832100"/>
                <a:gd name="connsiteX6" fmla="*/ 0 w 2578100"/>
                <a:gd name="connsiteY6" fmla="*/ 1168400 h 2832100"/>
                <a:gd name="connsiteX0" fmla="*/ 0 w 2578100"/>
                <a:gd name="connsiteY0" fmla="*/ 1168400 h 2832100"/>
                <a:gd name="connsiteX1" fmla="*/ 844550 w 2578100"/>
                <a:gd name="connsiteY1" fmla="*/ 12700 h 2832100"/>
                <a:gd name="connsiteX2" fmla="*/ 1073150 w 2578100"/>
                <a:gd name="connsiteY2" fmla="*/ 0 h 2832100"/>
                <a:gd name="connsiteX3" fmla="*/ 2571750 w 2578100"/>
                <a:gd name="connsiteY3" fmla="*/ 2279650 h 2832100"/>
                <a:gd name="connsiteX4" fmla="*/ 2578100 w 2578100"/>
                <a:gd name="connsiteY4" fmla="*/ 2832100 h 2832100"/>
                <a:gd name="connsiteX5" fmla="*/ 0 w 2578100"/>
                <a:gd name="connsiteY5" fmla="*/ 2832100 h 2832100"/>
                <a:gd name="connsiteX6" fmla="*/ 0 w 2578100"/>
                <a:gd name="connsiteY6" fmla="*/ 1168400 h 2832100"/>
                <a:gd name="connsiteX0" fmla="*/ 0 w 2578100"/>
                <a:gd name="connsiteY0" fmla="*/ 1182787 h 2846487"/>
                <a:gd name="connsiteX1" fmla="*/ 844550 w 2578100"/>
                <a:gd name="connsiteY1" fmla="*/ 27087 h 2846487"/>
                <a:gd name="connsiteX2" fmla="*/ 1073150 w 2578100"/>
                <a:gd name="connsiteY2" fmla="*/ 14387 h 2846487"/>
                <a:gd name="connsiteX3" fmla="*/ 2571750 w 2578100"/>
                <a:gd name="connsiteY3" fmla="*/ 2294037 h 2846487"/>
                <a:gd name="connsiteX4" fmla="*/ 2578100 w 2578100"/>
                <a:gd name="connsiteY4" fmla="*/ 2846487 h 2846487"/>
                <a:gd name="connsiteX5" fmla="*/ 0 w 2578100"/>
                <a:gd name="connsiteY5" fmla="*/ 2846487 h 2846487"/>
                <a:gd name="connsiteX6" fmla="*/ 0 w 2578100"/>
                <a:gd name="connsiteY6" fmla="*/ 1182787 h 2846487"/>
                <a:gd name="connsiteX0" fmla="*/ 0 w 2578100"/>
                <a:gd name="connsiteY0" fmla="*/ 1197879 h 2861579"/>
                <a:gd name="connsiteX1" fmla="*/ 844550 w 2578100"/>
                <a:gd name="connsiteY1" fmla="*/ 42179 h 2861579"/>
                <a:gd name="connsiteX2" fmla="*/ 1073150 w 2578100"/>
                <a:gd name="connsiteY2" fmla="*/ 29479 h 2861579"/>
                <a:gd name="connsiteX3" fmla="*/ 2571750 w 2578100"/>
                <a:gd name="connsiteY3" fmla="*/ 2309129 h 2861579"/>
                <a:gd name="connsiteX4" fmla="*/ 2578100 w 2578100"/>
                <a:gd name="connsiteY4" fmla="*/ 2861579 h 2861579"/>
                <a:gd name="connsiteX5" fmla="*/ 0 w 2578100"/>
                <a:gd name="connsiteY5" fmla="*/ 2861579 h 2861579"/>
                <a:gd name="connsiteX6" fmla="*/ 0 w 2578100"/>
                <a:gd name="connsiteY6" fmla="*/ 1197879 h 2861579"/>
                <a:gd name="connsiteX0" fmla="*/ 0 w 2578100"/>
                <a:gd name="connsiteY0" fmla="*/ 1186587 h 2850287"/>
                <a:gd name="connsiteX1" fmla="*/ 844550 w 2578100"/>
                <a:gd name="connsiteY1" fmla="*/ 30887 h 2850287"/>
                <a:gd name="connsiteX2" fmla="*/ 1079500 w 2578100"/>
                <a:gd name="connsiteY2" fmla="*/ 43587 h 2850287"/>
                <a:gd name="connsiteX3" fmla="*/ 2571750 w 2578100"/>
                <a:gd name="connsiteY3" fmla="*/ 2297837 h 2850287"/>
                <a:gd name="connsiteX4" fmla="*/ 2578100 w 2578100"/>
                <a:gd name="connsiteY4" fmla="*/ 2850287 h 2850287"/>
                <a:gd name="connsiteX5" fmla="*/ 0 w 2578100"/>
                <a:gd name="connsiteY5" fmla="*/ 2850287 h 2850287"/>
                <a:gd name="connsiteX6" fmla="*/ 0 w 2578100"/>
                <a:gd name="connsiteY6" fmla="*/ 1186587 h 2850287"/>
                <a:gd name="connsiteX0" fmla="*/ 0 w 2578100"/>
                <a:gd name="connsiteY0" fmla="*/ 1197028 h 2860728"/>
                <a:gd name="connsiteX1" fmla="*/ 844550 w 2578100"/>
                <a:gd name="connsiteY1" fmla="*/ 41328 h 2860728"/>
                <a:gd name="connsiteX2" fmla="*/ 1079500 w 2578100"/>
                <a:gd name="connsiteY2" fmla="*/ 54028 h 2860728"/>
                <a:gd name="connsiteX3" fmla="*/ 2571750 w 2578100"/>
                <a:gd name="connsiteY3" fmla="*/ 2308278 h 2860728"/>
                <a:gd name="connsiteX4" fmla="*/ 2578100 w 2578100"/>
                <a:gd name="connsiteY4" fmla="*/ 2860728 h 2860728"/>
                <a:gd name="connsiteX5" fmla="*/ 0 w 2578100"/>
                <a:gd name="connsiteY5" fmla="*/ 2860728 h 2860728"/>
                <a:gd name="connsiteX6" fmla="*/ 0 w 2578100"/>
                <a:gd name="connsiteY6" fmla="*/ 1197028 h 2860728"/>
                <a:gd name="connsiteX0" fmla="*/ 0 w 2578100"/>
                <a:gd name="connsiteY0" fmla="*/ 1197028 h 2860728"/>
                <a:gd name="connsiteX1" fmla="*/ 844550 w 2578100"/>
                <a:gd name="connsiteY1" fmla="*/ 41328 h 2860728"/>
                <a:gd name="connsiteX2" fmla="*/ 1079500 w 2578100"/>
                <a:gd name="connsiteY2" fmla="*/ 54028 h 2860728"/>
                <a:gd name="connsiteX3" fmla="*/ 2571750 w 2578100"/>
                <a:gd name="connsiteY3" fmla="*/ 2308278 h 2860728"/>
                <a:gd name="connsiteX4" fmla="*/ 2578100 w 2578100"/>
                <a:gd name="connsiteY4" fmla="*/ 2860728 h 2860728"/>
                <a:gd name="connsiteX5" fmla="*/ 0 w 2578100"/>
                <a:gd name="connsiteY5" fmla="*/ 2860728 h 2860728"/>
                <a:gd name="connsiteX6" fmla="*/ 0 w 2578100"/>
                <a:gd name="connsiteY6" fmla="*/ 1197028 h 2860728"/>
                <a:gd name="connsiteX0" fmla="*/ 0 w 2578100"/>
                <a:gd name="connsiteY0" fmla="*/ 1197028 h 2860728"/>
                <a:gd name="connsiteX1" fmla="*/ 825500 w 2578100"/>
                <a:gd name="connsiteY1" fmla="*/ 41328 h 2860728"/>
                <a:gd name="connsiteX2" fmla="*/ 1079500 w 2578100"/>
                <a:gd name="connsiteY2" fmla="*/ 54028 h 2860728"/>
                <a:gd name="connsiteX3" fmla="*/ 2571750 w 2578100"/>
                <a:gd name="connsiteY3" fmla="*/ 2308278 h 2860728"/>
                <a:gd name="connsiteX4" fmla="*/ 2578100 w 2578100"/>
                <a:gd name="connsiteY4" fmla="*/ 2860728 h 2860728"/>
                <a:gd name="connsiteX5" fmla="*/ 0 w 2578100"/>
                <a:gd name="connsiteY5" fmla="*/ 2860728 h 2860728"/>
                <a:gd name="connsiteX6" fmla="*/ 0 w 2578100"/>
                <a:gd name="connsiteY6" fmla="*/ 1197028 h 2860728"/>
                <a:gd name="connsiteX0" fmla="*/ 0 w 2578100"/>
                <a:gd name="connsiteY0" fmla="*/ 1209982 h 2873682"/>
                <a:gd name="connsiteX1" fmla="*/ 825500 w 2578100"/>
                <a:gd name="connsiteY1" fmla="*/ 54282 h 2873682"/>
                <a:gd name="connsiteX2" fmla="*/ 1050925 w 2578100"/>
                <a:gd name="connsiteY2" fmla="*/ 43169 h 2873682"/>
                <a:gd name="connsiteX3" fmla="*/ 2571750 w 2578100"/>
                <a:gd name="connsiteY3" fmla="*/ 2321232 h 2873682"/>
                <a:gd name="connsiteX4" fmla="*/ 2578100 w 2578100"/>
                <a:gd name="connsiteY4" fmla="*/ 2873682 h 2873682"/>
                <a:gd name="connsiteX5" fmla="*/ 0 w 2578100"/>
                <a:gd name="connsiteY5" fmla="*/ 2873682 h 2873682"/>
                <a:gd name="connsiteX6" fmla="*/ 0 w 2578100"/>
                <a:gd name="connsiteY6" fmla="*/ 1209982 h 2873682"/>
                <a:gd name="connsiteX0" fmla="*/ 0 w 2578100"/>
                <a:gd name="connsiteY0" fmla="*/ 1212945 h 2876645"/>
                <a:gd name="connsiteX1" fmla="*/ 825500 w 2578100"/>
                <a:gd name="connsiteY1" fmla="*/ 57245 h 2876645"/>
                <a:gd name="connsiteX2" fmla="*/ 1060450 w 2578100"/>
                <a:gd name="connsiteY2" fmla="*/ 41370 h 2876645"/>
                <a:gd name="connsiteX3" fmla="*/ 2571750 w 2578100"/>
                <a:gd name="connsiteY3" fmla="*/ 2324195 h 2876645"/>
                <a:gd name="connsiteX4" fmla="*/ 2578100 w 2578100"/>
                <a:gd name="connsiteY4" fmla="*/ 2876645 h 2876645"/>
                <a:gd name="connsiteX5" fmla="*/ 0 w 2578100"/>
                <a:gd name="connsiteY5" fmla="*/ 2876645 h 2876645"/>
                <a:gd name="connsiteX6" fmla="*/ 0 w 2578100"/>
                <a:gd name="connsiteY6" fmla="*/ 1212945 h 2876645"/>
                <a:gd name="connsiteX0" fmla="*/ 0 w 2578100"/>
                <a:gd name="connsiteY0" fmla="*/ 1212945 h 2876645"/>
                <a:gd name="connsiteX1" fmla="*/ 825500 w 2578100"/>
                <a:gd name="connsiteY1" fmla="*/ 57245 h 2876645"/>
                <a:gd name="connsiteX2" fmla="*/ 1060450 w 2578100"/>
                <a:gd name="connsiteY2" fmla="*/ 41370 h 2876645"/>
                <a:gd name="connsiteX3" fmla="*/ 2571750 w 2578100"/>
                <a:gd name="connsiteY3" fmla="*/ 2324195 h 2876645"/>
                <a:gd name="connsiteX4" fmla="*/ 2578100 w 2578100"/>
                <a:gd name="connsiteY4" fmla="*/ 2876645 h 2876645"/>
                <a:gd name="connsiteX5" fmla="*/ 0 w 2578100"/>
                <a:gd name="connsiteY5" fmla="*/ 2876645 h 2876645"/>
                <a:gd name="connsiteX6" fmla="*/ 0 w 2578100"/>
                <a:gd name="connsiteY6" fmla="*/ 1212945 h 2876645"/>
                <a:gd name="connsiteX0" fmla="*/ 0 w 2578100"/>
                <a:gd name="connsiteY0" fmla="*/ 1221163 h 2884863"/>
                <a:gd name="connsiteX1" fmla="*/ 825500 w 2578100"/>
                <a:gd name="connsiteY1" fmla="*/ 65463 h 2884863"/>
                <a:gd name="connsiteX2" fmla="*/ 1060450 w 2578100"/>
                <a:gd name="connsiteY2" fmla="*/ 49588 h 2884863"/>
                <a:gd name="connsiteX3" fmla="*/ 2571750 w 2578100"/>
                <a:gd name="connsiteY3" fmla="*/ 2332413 h 2884863"/>
                <a:gd name="connsiteX4" fmla="*/ 2578100 w 2578100"/>
                <a:gd name="connsiteY4" fmla="*/ 2884863 h 2884863"/>
                <a:gd name="connsiteX5" fmla="*/ 0 w 2578100"/>
                <a:gd name="connsiteY5" fmla="*/ 2884863 h 2884863"/>
                <a:gd name="connsiteX6" fmla="*/ 0 w 2578100"/>
                <a:gd name="connsiteY6" fmla="*/ 1221163 h 2884863"/>
                <a:gd name="connsiteX0" fmla="*/ 0 w 2578100"/>
                <a:gd name="connsiteY0" fmla="*/ 1202893 h 2866593"/>
                <a:gd name="connsiteX1" fmla="*/ 825500 w 2578100"/>
                <a:gd name="connsiteY1" fmla="*/ 47193 h 2866593"/>
                <a:gd name="connsiteX2" fmla="*/ 1060450 w 2578100"/>
                <a:gd name="connsiteY2" fmla="*/ 31318 h 2866593"/>
                <a:gd name="connsiteX3" fmla="*/ 2571750 w 2578100"/>
                <a:gd name="connsiteY3" fmla="*/ 2314143 h 2866593"/>
                <a:gd name="connsiteX4" fmla="*/ 2578100 w 2578100"/>
                <a:gd name="connsiteY4" fmla="*/ 2866593 h 2866593"/>
                <a:gd name="connsiteX5" fmla="*/ 0 w 2578100"/>
                <a:gd name="connsiteY5" fmla="*/ 2866593 h 2866593"/>
                <a:gd name="connsiteX6" fmla="*/ 0 w 2578100"/>
                <a:gd name="connsiteY6" fmla="*/ 1202893 h 2866593"/>
                <a:gd name="connsiteX0" fmla="*/ 0 w 2578100"/>
                <a:gd name="connsiteY0" fmla="*/ 1200166 h 2863866"/>
                <a:gd name="connsiteX1" fmla="*/ 825500 w 2578100"/>
                <a:gd name="connsiteY1" fmla="*/ 44466 h 2863866"/>
                <a:gd name="connsiteX2" fmla="*/ 1046163 w 2578100"/>
                <a:gd name="connsiteY2" fmla="*/ 33354 h 2863866"/>
                <a:gd name="connsiteX3" fmla="*/ 2571750 w 2578100"/>
                <a:gd name="connsiteY3" fmla="*/ 2311416 h 2863866"/>
                <a:gd name="connsiteX4" fmla="*/ 2578100 w 2578100"/>
                <a:gd name="connsiteY4" fmla="*/ 2863866 h 2863866"/>
                <a:gd name="connsiteX5" fmla="*/ 0 w 2578100"/>
                <a:gd name="connsiteY5" fmla="*/ 2863866 h 2863866"/>
                <a:gd name="connsiteX6" fmla="*/ 0 w 2578100"/>
                <a:gd name="connsiteY6" fmla="*/ 1200166 h 2863866"/>
                <a:gd name="connsiteX0" fmla="*/ 0 w 2578100"/>
                <a:gd name="connsiteY0" fmla="*/ 1211992 h 2875692"/>
                <a:gd name="connsiteX1" fmla="*/ 825500 w 2578100"/>
                <a:gd name="connsiteY1" fmla="*/ 56292 h 2875692"/>
                <a:gd name="connsiteX2" fmla="*/ 1046163 w 2578100"/>
                <a:gd name="connsiteY2" fmla="*/ 45180 h 2875692"/>
                <a:gd name="connsiteX3" fmla="*/ 2571750 w 2578100"/>
                <a:gd name="connsiteY3" fmla="*/ 2323242 h 2875692"/>
                <a:gd name="connsiteX4" fmla="*/ 2578100 w 2578100"/>
                <a:gd name="connsiteY4" fmla="*/ 2875692 h 2875692"/>
                <a:gd name="connsiteX5" fmla="*/ 0 w 2578100"/>
                <a:gd name="connsiteY5" fmla="*/ 2875692 h 2875692"/>
                <a:gd name="connsiteX6" fmla="*/ 0 w 2578100"/>
                <a:gd name="connsiteY6" fmla="*/ 1211992 h 2875692"/>
                <a:gd name="connsiteX0" fmla="*/ 0 w 2578100"/>
                <a:gd name="connsiteY0" fmla="*/ 1221293 h 2884993"/>
                <a:gd name="connsiteX1" fmla="*/ 825500 w 2578100"/>
                <a:gd name="connsiteY1" fmla="*/ 65593 h 2884993"/>
                <a:gd name="connsiteX2" fmla="*/ 1060450 w 2578100"/>
                <a:gd name="connsiteY2" fmla="*/ 40193 h 2884993"/>
                <a:gd name="connsiteX3" fmla="*/ 2571750 w 2578100"/>
                <a:gd name="connsiteY3" fmla="*/ 2332543 h 2884993"/>
                <a:gd name="connsiteX4" fmla="*/ 2578100 w 2578100"/>
                <a:gd name="connsiteY4" fmla="*/ 2884993 h 2884993"/>
                <a:gd name="connsiteX5" fmla="*/ 0 w 2578100"/>
                <a:gd name="connsiteY5" fmla="*/ 2884993 h 2884993"/>
                <a:gd name="connsiteX6" fmla="*/ 0 w 2578100"/>
                <a:gd name="connsiteY6" fmla="*/ 1221293 h 2884993"/>
                <a:gd name="connsiteX0" fmla="*/ 0 w 2578100"/>
                <a:gd name="connsiteY0" fmla="*/ 1206339 h 2870039"/>
                <a:gd name="connsiteX1" fmla="*/ 825500 w 2578100"/>
                <a:gd name="connsiteY1" fmla="*/ 50639 h 2870039"/>
                <a:gd name="connsiteX2" fmla="*/ 1074738 w 2578100"/>
                <a:gd name="connsiteY2" fmla="*/ 49051 h 2870039"/>
                <a:gd name="connsiteX3" fmla="*/ 2571750 w 2578100"/>
                <a:gd name="connsiteY3" fmla="*/ 2317589 h 2870039"/>
                <a:gd name="connsiteX4" fmla="*/ 2578100 w 2578100"/>
                <a:gd name="connsiteY4" fmla="*/ 2870039 h 2870039"/>
                <a:gd name="connsiteX5" fmla="*/ 0 w 2578100"/>
                <a:gd name="connsiteY5" fmla="*/ 2870039 h 2870039"/>
                <a:gd name="connsiteX6" fmla="*/ 0 w 2578100"/>
                <a:gd name="connsiteY6" fmla="*/ 1206339 h 287003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578100" h="2870039">
                  <a:moveTo>
                    <a:pt x="0" y="1206339"/>
                  </a:moveTo>
                  <a:cubicBezTo>
                    <a:pt x="281517" y="821106"/>
                    <a:pt x="696383" y="131072"/>
                    <a:pt x="825500" y="50639"/>
                  </a:cubicBezTo>
                  <a:cubicBezTo>
                    <a:pt x="895350" y="-4394"/>
                    <a:pt x="998538" y="-27679"/>
                    <a:pt x="1074738" y="49051"/>
                  </a:cubicBezTo>
                  <a:cubicBezTo>
                    <a:pt x="1168930" y="167056"/>
                    <a:pt x="2067983" y="1556647"/>
                    <a:pt x="2571750" y="2317589"/>
                  </a:cubicBezTo>
                  <a:cubicBezTo>
                    <a:pt x="2573867" y="2501739"/>
                    <a:pt x="2575983" y="2685889"/>
                    <a:pt x="2578100" y="2870039"/>
                  </a:cubicBezTo>
                  <a:lnTo>
                    <a:pt x="0" y="2870039"/>
                  </a:lnTo>
                  <a:lnTo>
                    <a:pt x="0" y="1206339"/>
                  </a:lnTo>
                  <a:close/>
                </a:path>
              </a:pathLst>
            </a:custGeom>
            <a:solidFill>
              <a:srgbClr val="818EAE">
                <a:lumMod val="20000"/>
                <a:lumOff val="8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7" name="Freeform 9"/>
            <p:cNvSpPr/>
            <p:nvPr/>
          </p:nvSpPr>
          <p:spPr>
            <a:xfrm>
              <a:off x="3654426" y="1508919"/>
              <a:ext cx="894556" cy="1205706"/>
            </a:xfrm>
            <a:custGeom>
              <a:avLst/>
              <a:gdLst>
                <a:gd name="connsiteX0" fmla="*/ 777270 w 847725"/>
                <a:gd name="connsiteY0" fmla="*/ 0 h 1190625"/>
                <a:gd name="connsiteX1" fmla="*/ 847725 w 847725"/>
                <a:gd name="connsiteY1" fmla="*/ 0 h 1190625"/>
                <a:gd name="connsiteX2" fmla="*/ 847725 w 847725"/>
                <a:gd name="connsiteY2" fmla="*/ 1190625 h 1190625"/>
                <a:gd name="connsiteX3" fmla="*/ 0 w 847725"/>
                <a:gd name="connsiteY3" fmla="*/ 1190625 h 1190625"/>
                <a:gd name="connsiteX0" fmla="*/ 748695 w 847725"/>
                <a:gd name="connsiteY0" fmla="*/ 76200 h 1190625"/>
                <a:gd name="connsiteX1" fmla="*/ 847725 w 847725"/>
                <a:gd name="connsiteY1" fmla="*/ 0 h 1190625"/>
                <a:gd name="connsiteX2" fmla="*/ 847725 w 847725"/>
                <a:gd name="connsiteY2" fmla="*/ 1190625 h 1190625"/>
                <a:gd name="connsiteX3" fmla="*/ 0 w 847725"/>
                <a:gd name="connsiteY3" fmla="*/ 1190625 h 1190625"/>
                <a:gd name="connsiteX4" fmla="*/ 748695 w 847725"/>
                <a:gd name="connsiteY4" fmla="*/ 76200 h 1190625"/>
                <a:gd name="connsiteX0" fmla="*/ 748695 w 847725"/>
                <a:gd name="connsiteY0" fmla="*/ 76200 h 1190625"/>
                <a:gd name="connsiteX1" fmla="*/ 847725 w 847725"/>
                <a:gd name="connsiteY1" fmla="*/ 0 h 1190625"/>
                <a:gd name="connsiteX2" fmla="*/ 847725 w 847725"/>
                <a:gd name="connsiteY2" fmla="*/ 1190625 h 1190625"/>
                <a:gd name="connsiteX3" fmla="*/ 0 w 847725"/>
                <a:gd name="connsiteY3" fmla="*/ 1190625 h 1190625"/>
                <a:gd name="connsiteX4" fmla="*/ 748695 w 847725"/>
                <a:gd name="connsiteY4" fmla="*/ 76200 h 1190625"/>
                <a:gd name="connsiteX0" fmla="*/ 748695 w 847725"/>
                <a:gd name="connsiteY0" fmla="*/ 76200 h 1190625"/>
                <a:gd name="connsiteX1" fmla="*/ 847725 w 847725"/>
                <a:gd name="connsiteY1" fmla="*/ 0 h 1190625"/>
                <a:gd name="connsiteX2" fmla="*/ 847725 w 847725"/>
                <a:gd name="connsiteY2" fmla="*/ 1190625 h 1190625"/>
                <a:gd name="connsiteX3" fmla="*/ 0 w 847725"/>
                <a:gd name="connsiteY3" fmla="*/ 1190625 h 1190625"/>
                <a:gd name="connsiteX4" fmla="*/ 748695 w 847725"/>
                <a:gd name="connsiteY4" fmla="*/ 76200 h 1190625"/>
                <a:gd name="connsiteX0" fmla="*/ 748695 w 847725"/>
                <a:gd name="connsiteY0" fmla="*/ 76200 h 1190625"/>
                <a:gd name="connsiteX1" fmla="*/ 847725 w 847725"/>
                <a:gd name="connsiteY1" fmla="*/ 0 h 1190625"/>
                <a:gd name="connsiteX2" fmla="*/ 412750 w 847725"/>
                <a:gd name="connsiteY2" fmla="*/ 1025525 h 1190625"/>
                <a:gd name="connsiteX3" fmla="*/ 0 w 847725"/>
                <a:gd name="connsiteY3" fmla="*/ 1190625 h 1190625"/>
                <a:gd name="connsiteX4" fmla="*/ 748695 w 847725"/>
                <a:gd name="connsiteY4" fmla="*/ 76200 h 1190625"/>
                <a:gd name="connsiteX0" fmla="*/ 748695 w 847725"/>
                <a:gd name="connsiteY0" fmla="*/ 76200 h 1190625"/>
                <a:gd name="connsiteX1" fmla="*/ 847725 w 847725"/>
                <a:gd name="connsiteY1" fmla="*/ 0 h 1190625"/>
                <a:gd name="connsiteX2" fmla="*/ 631825 w 847725"/>
                <a:gd name="connsiteY2" fmla="*/ 1149350 h 1190625"/>
                <a:gd name="connsiteX3" fmla="*/ 0 w 847725"/>
                <a:gd name="connsiteY3" fmla="*/ 1190625 h 1190625"/>
                <a:gd name="connsiteX4" fmla="*/ 748695 w 847725"/>
                <a:gd name="connsiteY4" fmla="*/ 76200 h 1190625"/>
                <a:gd name="connsiteX0" fmla="*/ 748695 w 879475"/>
                <a:gd name="connsiteY0" fmla="*/ 79375 h 1193800"/>
                <a:gd name="connsiteX1" fmla="*/ 879475 w 879475"/>
                <a:gd name="connsiteY1" fmla="*/ 0 h 1193800"/>
                <a:gd name="connsiteX2" fmla="*/ 631825 w 879475"/>
                <a:gd name="connsiteY2" fmla="*/ 1152525 h 1193800"/>
                <a:gd name="connsiteX3" fmla="*/ 0 w 879475"/>
                <a:gd name="connsiteY3" fmla="*/ 1193800 h 1193800"/>
                <a:gd name="connsiteX4" fmla="*/ 748695 w 879475"/>
                <a:gd name="connsiteY4" fmla="*/ 79375 h 1193800"/>
                <a:gd name="connsiteX0" fmla="*/ 748695 w 881822"/>
                <a:gd name="connsiteY0" fmla="*/ 91281 h 1205706"/>
                <a:gd name="connsiteX1" fmla="*/ 881822 w 881822"/>
                <a:gd name="connsiteY1" fmla="*/ 0 h 1205706"/>
                <a:gd name="connsiteX2" fmla="*/ 631825 w 881822"/>
                <a:gd name="connsiteY2" fmla="*/ 1164431 h 1205706"/>
                <a:gd name="connsiteX3" fmla="*/ 0 w 881822"/>
                <a:gd name="connsiteY3" fmla="*/ 1205706 h 1205706"/>
                <a:gd name="connsiteX4" fmla="*/ 748695 w 881822"/>
                <a:gd name="connsiteY4" fmla="*/ 91281 h 1205706"/>
                <a:gd name="connsiteX0" fmla="*/ 748695 w 881822"/>
                <a:gd name="connsiteY0" fmla="*/ 91281 h 1205706"/>
                <a:gd name="connsiteX1" fmla="*/ 881822 w 881822"/>
                <a:gd name="connsiteY1" fmla="*/ 0 h 1205706"/>
                <a:gd name="connsiteX2" fmla="*/ 631825 w 881822"/>
                <a:gd name="connsiteY2" fmla="*/ 1164431 h 1205706"/>
                <a:gd name="connsiteX3" fmla="*/ 0 w 881822"/>
                <a:gd name="connsiteY3" fmla="*/ 1205706 h 1205706"/>
                <a:gd name="connsiteX4" fmla="*/ 748695 w 881822"/>
                <a:gd name="connsiteY4" fmla="*/ 91281 h 1205706"/>
                <a:gd name="connsiteX0" fmla="*/ 748695 w 881822"/>
                <a:gd name="connsiteY0" fmla="*/ 91281 h 1205706"/>
                <a:gd name="connsiteX1" fmla="*/ 881822 w 881822"/>
                <a:gd name="connsiteY1" fmla="*/ 0 h 1205706"/>
                <a:gd name="connsiteX2" fmla="*/ 631825 w 881822"/>
                <a:gd name="connsiteY2" fmla="*/ 1164431 h 1205706"/>
                <a:gd name="connsiteX3" fmla="*/ 0 w 881822"/>
                <a:gd name="connsiteY3" fmla="*/ 1205706 h 1205706"/>
                <a:gd name="connsiteX4" fmla="*/ 748695 w 881822"/>
                <a:gd name="connsiteY4" fmla="*/ 91281 h 1205706"/>
                <a:gd name="connsiteX0" fmla="*/ 746348 w 881822"/>
                <a:gd name="connsiteY0" fmla="*/ 93662 h 1205706"/>
                <a:gd name="connsiteX1" fmla="*/ 881822 w 881822"/>
                <a:gd name="connsiteY1" fmla="*/ 0 h 1205706"/>
                <a:gd name="connsiteX2" fmla="*/ 631825 w 881822"/>
                <a:gd name="connsiteY2" fmla="*/ 1164431 h 1205706"/>
                <a:gd name="connsiteX3" fmla="*/ 0 w 881822"/>
                <a:gd name="connsiteY3" fmla="*/ 1205706 h 1205706"/>
                <a:gd name="connsiteX4" fmla="*/ 746348 w 881822"/>
                <a:gd name="connsiteY4" fmla="*/ 93662 h 120570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81822" h="1205706">
                  <a:moveTo>
                    <a:pt x="746348" y="93662"/>
                  </a:moveTo>
                  <a:cubicBezTo>
                    <a:pt x="805179" y="23018"/>
                    <a:pt x="874212" y="0"/>
                    <a:pt x="881822" y="0"/>
                  </a:cubicBezTo>
                  <a:lnTo>
                    <a:pt x="631825" y="1164431"/>
                  </a:lnTo>
                  <a:lnTo>
                    <a:pt x="0" y="1205706"/>
                  </a:lnTo>
                  <a:cubicBezTo>
                    <a:pt x="259090" y="808831"/>
                    <a:pt x="482563" y="473868"/>
                    <a:pt x="746348" y="93662"/>
                  </a:cubicBezTo>
                  <a:close/>
                </a:path>
              </a:pathLst>
            </a:custGeom>
            <a:solidFill>
              <a:srgbClr val="818EAE">
                <a:lumMod val="60000"/>
                <a:lumOff val="4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8" name="Rectangle 10"/>
            <p:cNvSpPr/>
            <p:nvPr/>
          </p:nvSpPr>
          <p:spPr>
            <a:xfrm>
              <a:off x="4312921" y="1882140"/>
              <a:ext cx="1967230" cy="2202180"/>
            </a:xfrm>
            <a:custGeom>
              <a:avLst/>
              <a:gdLst>
                <a:gd name="connsiteX0" fmla="*/ 0 w 1965960"/>
                <a:gd name="connsiteY0" fmla="*/ 0 h 2194560"/>
                <a:gd name="connsiteX1" fmla="*/ 1965960 w 1965960"/>
                <a:gd name="connsiteY1" fmla="*/ 0 h 2194560"/>
                <a:gd name="connsiteX2" fmla="*/ 1965960 w 1965960"/>
                <a:gd name="connsiteY2" fmla="*/ 2194560 h 2194560"/>
                <a:gd name="connsiteX3" fmla="*/ 0 w 1965960"/>
                <a:gd name="connsiteY3" fmla="*/ 2194560 h 2194560"/>
                <a:gd name="connsiteX4" fmla="*/ 0 w 1965960"/>
                <a:gd name="connsiteY4" fmla="*/ 0 h 2194560"/>
                <a:gd name="connsiteX0" fmla="*/ 0 w 1965960"/>
                <a:gd name="connsiteY0" fmla="*/ 7620 h 2202180"/>
                <a:gd name="connsiteX1" fmla="*/ 388620 w 1965960"/>
                <a:gd name="connsiteY1" fmla="*/ 0 h 2202180"/>
                <a:gd name="connsiteX2" fmla="*/ 1965960 w 1965960"/>
                <a:gd name="connsiteY2" fmla="*/ 7620 h 2202180"/>
                <a:gd name="connsiteX3" fmla="*/ 1965960 w 1965960"/>
                <a:gd name="connsiteY3" fmla="*/ 2202180 h 2202180"/>
                <a:gd name="connsiteX4" fmla="*/ 0 w 1965960"/>
                <a:gd name="connsiteY4" fmla="*/ 2202180 h 2202180"/>
                <a:gd name="connsiteX5" fmla="*/ 0 w 1965960"/>
                <a:gd name="connsiteY5" fmla="*/ 7620 h 2202180"/>
                <a:gd name="connsiteX0" fmla="*/ 0 w 1965960"/>
                <a:gd name="connsiteY0" fmla="*/ 7620 h 2202180"/>
                <a:gd name="connsiteX1" fmla="*/ 388620 w 1965960"/>
                <a:gd name="connsiteY1" fmla="*/ 0 h 2202180"/>
                <a:gd name="connsiteX2" fmla="*/ 1965960 w 1965960"/>
                <a:gd name="connsiteY2" fmla="*/ 7620 h 2202180"/>
                <a:gd name="connsiteX3" fmla="*/ 1965960 w 1965960"/>
                <a:gd name="connsiteY3" fmla="*/ 2202180 h 2202180"/>
                <a:gd name="connsiteX4" fmla="*/ 0 w 1965960"/>
                <a:gd name="connsiteY4" fmla="*/ 2202180 h 2202180"/>
                <a:gd name="connsiteX5" fmla="*/ 0 w 1965960"/>
                <a:gd name="connsiteY5" fmla="*/ 1005840 h 2202180"/>
                <a:gd name="connsiteX6" fmla="*/ 0 w 1965960"/>
                <a:gd name="connsiteY6" fmla="*/ 7620 h 2202180"/>
                <a:gd name="connsiteX0" fmla="*/ 0 w 1965960"/>
                <a:gd name="connsiteY0" fmla="*/ 1005840 h 2202180"/>
                <a:gd name="connsiteX1" fmla="*/ 388620 w 1965960"/>
                <a:gd name="connsiteY1" fmla="*/ 0 h 2202180"/>
                <a:gd name="connsiteX2" fmla="*/ 1965960 w 1965960"/>
                <a:gd name="connsiteY2" fmla="*/ 7620 h 2202180"/>
                <a:gd name="connsiteX3" fmla="*/ 1965960 w 1965960"/>
                <a:gd name="connsiteY3" fmla="*/ 2202180 h 2202180"/>
                <a:gd name="connsiteX4" fmla="*/ 0 w 1965960"/>
                <a:gd name="connsiteY4" fmla="*/ 2202180 h 2202180"/>
                <a:gd name="connsiteX5" fmla="*/ 0 w 1965960"/>
                <a:gd name="connsiteY5" fmla="*/ 1005840 h 2202180"/>
                <a:gd name="connsiteX0" fmla="*/ 0 w 1965960"/>
                <a:gd name="connsiteY0" fmla="*/ 1005840 h 2202180"/>
                <a:gd name="connsiteX1" fmla="*/ 388620 w 1965960"/>
                <a:gd name="connsiteY1" fmla="*/ 0 h 2202180"/>
                <a:gd name="connsiteX2" fmla="*/ 1965960 w 1965960"/>
                <a:gd name="connsiteY2" fmla="*/ 7620 h 2202180"/>
                <a:gd name="connsiteX3" fmla="*/ 1965960 w 1965960"/>
                <a:gd name="connsiteY3" fmla="*/ 2019300 h 2202180"/>
                <a:gd name="connsiteX4" fmla="*/ 1965960 w 1965960"/>
                <a:gd name="connsiteY4" fmla="*/ 2202180 h 2202180"/>
                <a:gd name="connsiteX5" fmla="*/ 0 w 1965960"/>
                <a:gd name="connsiteY5" fmla="*/ 2202180 h 2202180"/>
                <a:gd name="connsiteX6" fmla="*/ 0 w 1965960"/>
                <a:gd name="connsiteY6" fmla="*/ 1005840 h 2202180"/>
                <a:gd name="connsiteX0" fmla="*/ 0 w 1965960"/>
                <a:gd name="connsiteY0" fmla="*/ 1005840 h 2202180"/>
                <a:gd name="connsiteX1" fmla="*/ 388620 w 1965960"/>
                <a:gd name="connsiteY1" fmla="*/ 0 h 2202180"/>
                <a:gd name="connsiteX2" fmla="*/ 1965960 w 1965960"/>
                <a:gd name="connsiteY2" fmla="*/ 2019300 h 2202180"/>
                <a:gd name="connsiteX3" fmla="*/ 1965960 w 1965960"/>
                <a:gd name="connsiteY3" fmla="*/ 2202180 h 2202180"/>
                <a:gd name="connsiteX4" fmla="*/ 0 w 1965960"/>
                <a:gd name="connsiteY4" fmla="*/ 2202180 h 2202180"/>
                <a:gd name="connsiteX5" fmla="*/ 0 w 1965960"/>
                <a:gd name="connsiteY5" fmla="*/ 1005840 h 2202180"/>
                <a:gd name="connsiteX0" fmla="*/ 0 w 1975572"/>
                <a:gd name="connsiteY0" fmla="*/ 1005840 h 2202180"/>
                <a:gd name="connsiteX1" fmla="*/ 388620 w 1975572"/>
                <a:gd name="connsiteY1" fmla="*/ 0 h 2202180"/>
                <a:gd name="connsiteX2" fmla="*/ 1975572 w 1975572"/>
                <a:gd name="connsiteY2" fmla="*/ 2019300 h 2202180"/>
                <a:gd name="connsiteX3" fmla="*/ 1965960 w 1975572"/>
                <a:gd name="connsiteY3" fmla="*/ 2202180 h 2202180"/>
                <a:gd name="connsiteX4" fmla="*/ 0 w 1975572"/>
                <a:gd name="connsiteY4" fmla="*/ 2202180 h 2202180"/>
                <a:gd name="connsiteX5" fmla="*/ 0 w 1975572"/>
                <a:gd name="connsiteY5" fmla="*/ 1005840 h 2202180"/>
                <a:gd name="connsiteX0" fmla="*/ 0 w 1991592"/>
                <a:gd name="connsiteY0" fmla="*/ 1005840 h 2202180"/>
                <a:gd name="connsiteX1" fmla="*/ 388620 w 1991592"/>
                <a:gd name="connsiteY1" fmla="*/ 0 h 2202180"/>
                <a:gd name="connsiteX2" fmla="*/ 1991592 w 1991592"/>
                <a:gd name="connsiteY2" fmla="*/ 2044700 h 2202180"/>
                <a:gd name="connsiteX3" fmla="*/ 1965960 w 1991592"/>
                <a:gd name="connsiteY3" fmla="*/ 2202180 h 2202180"/>
                <a:gd name="connsiteX4" fmla="*/ 0 w 1991592"/>
                <a:gd name="connsiteY4" fmla="*/ 2202180 h 2202180"/>
                <a:gd name="connsiteX5" fmla="*/ 0 w 1991592"/>
                <a:gd name="connsiteY5" fmla="*/ 1005840 h 2202180"/>
                <a:gd name="connsiteX0" fmla="*/ 0 w 1985184"/>
                <a:gd name="connsiteY0" fmla="*/ 1005840 h 2202180"/>
                <a:gd name="connsiteX1" fmla="*/ 388620 w 1985184"/>
                <a:gd name="connsiteY1" fmla="*/ 0 h 2202180"/>
                <a:gd name="connsiteX2" fmla="*/ 1985184 w 1985184"/>
                <a:gd name="connsiteY2" fmla="*/ 2044700 h 2202180"/>
                <a:gd name="connsiteX3" fmla="*/ 1965960 w 1985184"/>
                <a:gd name="connsiteY3" fmla="*/ 2202180 h 2202180"/>
                <a:gd name="connsiteX4" fmla="*/ 0 w 1985184"/>
                <a:gd name="connsiteY4" fmla="*/ 2202180 h 2202180"/>
                <a:gd name="connsiteX5" fmla="*/ 0 w 1985184"/>
                <a:gd name="connsiteY5" fmla="*/ 1005840 h 22021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985184" h="2202180">
                  <a:moveTo>
                    <a:pt x="0" y="1005840"/>
                  </a:moveTo>
                  <a:lnTo>
                    <a:pt x="388620" y="0"/>
                  </a:lnTo>
                  <a:lnTo>
                    <a:pt x="1985184" y="2044700"/>
                  </a:lnTo>
                  <a:lnTo>
                    <a:pt x="1965960" y="2202180"/>
                  </a:lnTo>
                  <a:lnTo>
                    <a:pt x="0" y="2202180"/>
                  </a:lnTo>
                  <a:lnTo>
                    <a:pt x="0" y="1005840"/>
                  </a:lnTo>
                  <a:close/>
                </a:path>
              </a:pathLst>
            </a:custGeom>
            <a:solidFill>
              <a:srgbClr val="818EAE">
                <a:lumMod val="60000"/>
                <a:lumOff val="4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9" name="Rectangle 4"/>
            <p:cNvSpPr/>
            <p:nvPr/>
          </p:nvSpPr>
          <p:spPr>
            <a:xfrm>
              <a:off x="2703193" y="2247331"/>
              <a:ext cx="4905375" cy="4093462"/>
            </a:xfrm>
            <a:custGeom>
              <a:avLst/>
              <a:gdLst>
                <a:gd name="connsiteX0" fmla="*/ 0 w 4905375"/>
                <a:gd name="connsiteY0" fmla="*/ 0 h 4138613"/>
                <a:gd name="connsiteX1" fmla="*/ 4905375 w 4905375"/>
                <a:gd name="connsiteY1" fmla="*/ 0 h 4138613"/>
                <a:gd name="connsiteX2" fmla="*/ 4905375 w 4905375"/>
                <a:gd name="connsiteY2" fmla="*/ 4138613 h 4138613"/>
                <a:gd name="connsiteX3" fmla="*/ 0 w 4905375"/>
                <a:gd name="connsiteY3" fmla="*/ 4138613 h 4138613"/>
                <a:gd name="connsiteX4" fmla="*/ 0 w 4905375"/>
                <a:gd name="connsiteY4" fmla="*/ 0 h 4138613"/>
                <a:gd name="connsiteX0" fmla="*/ 0 w 4905375"/>
                <a:gd name="connsiteY0" fmla="*/ 0 h 4138613"/>
                <a:gd name="connsiteX1" fmla="*/ 4905375 w 4905375"/>
                <a:gd name="connsiteY1" fmla="*/ 0 h 4138613"/>
                <a:gd name="connsiteX2" fmla="*/ 4901566 w 4905375"/>
                <a:gd name="connsiteY2" fmla="*/ 3649980 h 4138613"/>
                <a:gd name="connsiteX3" fmla="*/ 4905375 w 4905375"/>
                <a:gd name="connsiteY3" fmla="*/ 4138613 h 4138613"/>
                <a:gd name="connsiteX4" fmla="*/ 0 w 4905375"/>
                <a:gd name="connsiteY4" fmla="*/ 4138613 h 4138613"/>
                <a:gd name="connsiteX5" fmla="*/ 0 w 4905375"/>
                <a:gd name="connsiteY5" fmla="*/ 0 h 4138613"/>
                <a:gd name="connsiteX0" fmla="*/ 0 w 4905375"/>
                <a:gd name="connsiteY0" fmla="*/ 0 h 4138613"/>
                <a:gd name="connsiteX1" fmla="*/ 2661286 w 4905375"/>
                <a:gd name="connsiteY1" fmla="*/ 0 h 4138613"/>
                <a:gd name="connsiteX2" fmla="*/ 4905375 w 4905375"/>
                <a:gd name="connsiteY2" fmla="*/ 0 h 4138613"/>
                <a:gd name="connsiteX3" fmla="*/ 4901566 w 4905375"/>
                <a:gd name="connsiteY3" fmla="*/ 3649980 h 4138613"/>
                <a:gd name="connsiteX4" fmla="*/ 4905375 w 4905375"/>
                <a:gd name="connsiteY4" fmla="*/ 4138613 h 4138613"/>
                <a:gd name="connsiteX5" fmla="*/ 0 w 4905375"/>
                <a:gd name="connsiteY5" fmla="*/ 4138613 h 4138613"/>
                <a:gd name="connsiteX6" fmla="*/ 0 w 4905375"/>
                <a:gd name="connsiteY6" fmla="*/ 0 h 4138613"/>
                <a:gd name="connsiteX0" fmla="*/ 0 w 4905375"/>
                <a:gd name="connsiteY0" fmla="*/ 0 h 4138613"/>
                <a:gd name="connsiteX1" fmla="*/ 2409826 w 4905375"/>
                <a:gd name="connsiteY1" fmla="*/ 518160 h 4138613"/>
                <a:gd name="connsiteX2" fmla="*/ 4905375 w 4905375"/>
                <a:gd name="connsiteY2" fmla="*/ 0 h 4138613"/>
                <a:gd name="connsiteX3" fmla="*/ 4901566 w 4905375"/>
                <a:gd name="connsiteY3" fmla="*/ 3649980 h 4138613"/>
                <a:gd name="connsiteX4" fmla="*/ 4905375 w 4905375"/>
                <a:gd name="connsiteY4" fmla="*/ 4138613 h 4138613"/>
                <a:gd name="connsiteX5" fmla="*/ 0 w 4905375"/>
                <a:gd name="connsiteY5" fmla="*/ 4138613 h 4138613"/>
                <a:gd name="connsiteX6" fmla="*/ 0 w 4905375"/>
                <a:gd name="connsiteY6" fmla="*/ 0 h 4138613"/>
                <a:gd name="connsiteX0" fmla="*/ 0 w 5089105"/>
                <a:gd name="connsiteY0" fmla="*/ 0 h 4138613"/>
                <a:gd name="connsiteX1" fmla="*/ 2409826 w 5089105"/>
                <a:gd name="connsiteY1" fmla="*/ 518160 h 4138613"/>
                <a:gd name="connsiteX2" fmla="*/ 4905375 w 5089105"/>
                <a:gd name="connsiteY2" fmla="*/ 0 h 4138613"/>
                <a:gd name="connsiteX3" fmla="*/ 4901566 w 5089105"/>
                <a:gd name="connsiteY3" fmla="*/ 1059180 h 4138613"/>
                <a:gd name="connsiteX4" fmla="*/ 4901566 w 5089105"/>
                <a:gd name="connsiteY4" fmla="*/ 3649980 h 4138613"/>
                <a:gd name="connsiteX5" fmla="*/ 4905375 w 5089105"/>
                <a:gd name="connsiteY5" fmla="*/ 4138613 h 4138613"/>
                <a:gd name="connsiteX6" fmla="*/ 0 w 5089105"/>
                <a:gd name="connsiteY6" fmla="*/ 4138613 h 4138613"/>
                <a:gd name="connsiteX7" fmla="*/ 0 w 5089105"/>
                <a:gd name="connsiteY7" fmla="*/ 0 h 4138613"/>
                <a:gd name="connsiteX0" fmla="*/ 0 w 4969774"/>
                <a:gd name="connsiteY0" fmla="*/ 0 h 4138613"/>
                <a:gd name="connsiteX1" fmla="*/ 2409826 w 4969774"/>
                <a:gd name="connsiteY1" fmla="*/ 518160 h 4138613"/>
                <a:gd name="connsiteX2" fmla="*/ 4905375 w 4969774"/>
                <a:gd name="connsiteY2" fmla="*/ 0 h 4138613"/>
                <a:gd name="connsiteX3" fmla="*/ 3590926 w 4969774"/>
                <a:gd name="connsiteY3" fmla="*/ 1722120 h 4138613"/>
                <a:gd name="connsiteX4" fmla="*/ 4901566 w 4969774"/>
                <a:gd name="connsiteY4" fmla="*/ 3649980 h 4138613"/>
                <a:gd name="connsiteX5" fmla="*/ 4905375 w 4969774"/>
                <a:gd name="connsiteY5" fmla="*/ 4138613 h 4138613"/>
                <a:gd name="connsiteX6" fmla="*/ 0 w 4969774"/>
                <a:gd name="connsiteY6" fmla="*/ 4138613 h 4138613"/>
                <a:gd name="connsiteX7" fmla="*/ 0 w 4969774"/>
                <a:gd name="connsiteY7" fmla="*/ 0 h 4138613"/>
                <a:gd name="connsiteX0" fmla="*/ 0 w 4969774"/>
                <a:gd name="connsiteY0" fmla="*/ 0 h 4138613"/>
                <a:gd name="connsiteX1" fmla="*/ 2409826 w 4969774"/>
                <a:gd name="connsiteY1" fmla="*/ 518160 h 4138613"/>
                <a:gd name="connsiteX2" fmla="*/ 4905375 w 4969774"/>
                <a:gd name="connsiteY2" fmla="*/ 0 h 4138613"/>
                <a:gd name="connsiteX3" fmla="*/ 3590926 w 4969774"/>
                <a:gd name="connsiteY3" fmla="*/ 1722120 h 4138613"/>
                <a:gd name="connsiteX4" fmla="*/ 4901566 w 4969774"/>
                <a:gd name="connsiteY4" fmla="*/ 3649980 h 4138613"/>
                <a:gd name="connsiteX5" fmla="*/ 4905375 w 4969774"/>
                <a:gd name="connsiteY5" fmla="*/ 4138613 h 4138613"/>
                <a:gd name="connsiteX6" fmla="*/ 0 w 4969774"/>
                <a:gd name="connsiteY6" fmla="*/ 4138613 h 4138613"/>
                <a:gd name="connsiteX7" fmla="*/ 0 w 4969774"/>
                <a:gd name="connsiteY7" fmla="*/ 0 h 4138613"/>
                <a:gd name="connsiteX0" fmla="*/ 0 w 4969774"/>
                <a:gd name="connsiteY0" fmla="*/ 0 h 4138613"/>
                <a:gd name="connsiteX1" fmla="*/ 2409826 w 4969774"/>
                <a:gd name="connsiteY1" fmla="*/ 518160 h 4138613"/>
                <a:gd name="connsiteX2" fmla="*/ 4905375 w 4969774"/>
                <a:gd name="connsiteY2" fmla="*/ 0 h 4138613"/>
                <a:gd name="connsiteX3" fmla="*/ 3590926 w 4969774"/>
                <a:gd name="connsiteY3" fmla="*/ 1722120 h 4138613"/>
                <a:gd name="connsiteX4" fmla="*/ 4901566 w 4969774"/>
                <a:gd name="connsiteY4" fmla="*/ 3649980 h 4138613"/>
                <a:gd name="connsiteX5" fmla="*/ 4905375 w 4969774"/>
                <a:gd name="connsiteY5" fmla="*/ 4138613 h 4138613"/>
                <a:gd name="connsiteX6" fmla="*/ 0 w 4969774"/>
                <a:gd name="connsiteY6" fmla="*/ 4138613 h 4138613"/>
                <a:gd name="connsiteX7" fmla="*/ 0 w 4969774"/>
                <a:gd name="connsiteY7" fmla="*/ 0 h 4138613"/>
                <a:gd name="connsiteX0" fmla="*/ 0 w 4970514"/>
                <a:gd name="connsiteY0" fmla="*/ 0 h 4138613"/>
                <a:gd name="connsiteX1" fmla="*/ 2409826 w 4970514"/>
                <a:gd name="connsiteY1" fmla="*/ 518160 h 4138613"/>
                <a:gd name="connsiteX2" fmla="*/ 4905375 w 4970514"/>
                <a:gd name="connsiteY2" fmla="*/ 0 h 4138613"/>
                <a:gd name="connsiteX3" fmla="*/ 3613786 w 4970514"/>
                <a:gd name="connsiteY3" fmla="*/ 1714500 h 4138613"/>
                <a:gd name="connsiteX4" fmla="*/ 4901566 w 4970514"/>
                <a:gd name="connsiteY4" fmla="*/ 3649980 h 4138613"/>
                <a:gd name="connsiteX5" fmla="*/ 4905375 w 4970514"/>
                <a:gd name="connsiteY5" fmla="*/ 4138613 h 4138613"/>
                <a:gd name="connsiteX6" fmla="*/ 0 w 4970514"/>
                <a:gd name="connsiteY6" fmla="*/ 4138613 h 4138613"/>
                <a:gd name="connsiteX7" fmla="*/ 0 w 4970514"/>
                <a:gd name="connsiteY7" fmla="*/ 0 h 4138613"/>
                <a:gd name="connsiteX0" fmla="*/ 0 w 4905375"/>
                <a:gd name="connsiteY0" fmla="*/ 0 h 4138613"/>
                <a:gd name="connsiteX1" fmla="*/ 2409826 w 4905375"/>
                <a:gd name="connsiteY1" fmla="*/ 518160 h 4138613"/>
                <a:gd name="connsiteX2" fmla="*/ 3613786 w 4905375"/>
                <a:gd name="connsiteY2" fmla="*/ 1714500 h 4138613"/>
                <a:gd name="connsiteX3" fmla="*/ 4901566 w 4905375"/>
                <a:gd name="connsiteY3" fmla="*/ 3649980 h 4138613"/>
                <a:gd name="connsiteX4" fmla="*/ 4905375 w 4905375"/>
                <a:gd name="connsiteY4" fmla="*/ 4138613 h 4138613"/>
                <a:gd name="connsiteX5" fmla="*/ 0 w 4905375"/>
                <a:gd name="connsiteY5" fmla="*/ 4138613 h 4138613"/>
                <a:gd name="connsiteX6" fmla="*/ 0 w 4905375"/>
                <a:gd name="connsiteY6" fmla="*/ 0 h 4138613"/>
                <a:gd name="connsiteX0" fmla="*/ 0 w 4905375"/>
                <a:gd name="connsiteY0" fmla="*/ 0 h 4138613"/>
                <a:gd name="connsiteX1" fmla="*/ 2234567 w 4905375"/>
                <a:gd name="connsiteY1" fmla="*/ 480060 h 4138613"/>
                <a:gd name="connsiteX2" fmla="*/ 2409826 w 4905375"/>
                <a:gd name="connsiteY2" fmla="*/ 518160 h 4138613"/>
                <a:gd name="connsiteX3" fmla="*/ 3613786 w 4905375"/>
                <a:gd name="connsiteY3" fmla="*/ 1714500 h 4138613"/>
                <a:gd name="connsiteX4" fmla="*/ 4901566 w 4905375"/>
                <a:gd name="connsiteY4" fmla="*/ 3649980 h 4138613"/>
                <a:gd name="connsiteX5" fmla="*/ 4905375 w 4905375"/>
                <a:gd name="connsiteY5" fmla="*/ 4138613 h 4138613"/>
                <a:gd name="connsiteX6" fmla="*/ 0 w 4905375"/>
                <a:gd name="connsiteY6" fmla="*/ 4138613 h 4138613"/>
                <a:gd name="connsiteX7" fmla="*/ 0 w 4905375"/>
                <a:gd name="connsiteY7" fmla="*/ 0 h 4138613"/>
                <a:gd name="connsiteX0" fmla="*/ 0 w 4905375"/>
                <a:gd name="connsiteY0" fmla="*/ 0 h 4138613"/>
                <a:gd name="connsiteX1" fmla="*/ 2295527 w 4905375"/>
                <a:gd name="connsiteY1" fmla="*/ 655320 h 4138613"/>
                <a:gd name="connsiteX2" fmla="*/ 2409826 w 4905375"/>
                <a:gd name="connsiteY2" fmla="*/ 518160 h 4138613"/>
                <a:gd name="connsiteX3" fmla="*/ 3613786 w 4905375"/>
                <a:gd name="connsiteY3" fmla="*/ 1714500 h 4138613"/>
                <a:gd name="connsiteX4" fmla="*/ 4901566 w 4905375"/>
                <a:gd name="connsiteY4" fmla="*/ 3649980 h 4138613"/>
                <a:gd name="connsiteX5" fmla="*/ 4905375 w 4905375"/>
                <a:gd name="connsiteY5" fmla="*/ 4138613 h 4138613"/>
                <a:gd name="connsiteX6" fmla="*/ 0 w 4905375"/>
                <a:gd name="connsiteY6" fmla="*/ 4138613 h 4138613"/>
                <a:gd name="connsiteX7" fmla="*/ 0 w 4905375"/>
                <a:gd name="connsiteY7" fmla="*/ 0 h 4138613"/>
                <a:gd name="connsiteX0" fmla="*/ 0 w 4905375"/>
                <a:gd name="connsiteY0" fmla="*/ 0 h 4138613"/>
                <a:gd name="connsiteX1" fmla="*/ 1457327 w 4905375"/>
                <a:gd name="connsiteY1" fmla="*/ 411480 h 4138613"/>
                <a:gd name="connsiteX2" fmla="*/ 2295527 w 4905375"/>
                <a:gd name="connsiteY2" fmla="*/ 655320 h 4138613"/>
                <a:gd name="connsiteX3" fmla="*/ 2409826 w 4905375"/>
                <a:gd name="connsiteY3" fmla="*/ 518160 h 4138613"/>
                <a:gd name="connsiteX4" fmla="*/ 3613786 w 4905375"/>
                <a:gd name="connsiteY4" fmla="*/ 1714500 h 4138613"/>
                <a:gd name="connsiteX5" fmla="*/ 4901566 w 4905375"/>
                <a:gd name="connsiteY5" fmla="*/ 3649980 h 4138613"/>
                <a:gd name="connsiteX6" fmla="*/ 4905375 w 4905375"/>
                <a:gd name="connsiteY6" fmla="*/ 4138613 h 4138613"/>
                <a:gd name="connsiteX7" fmla="*/ 0 w 4905375"/>
                <a:gd name="connsiteY7" fmla="*/ 4138613 h 4138613"/>
                <a:gd name="connsiteX8" fmla="*/ 0 w 4905375"/>
                <a:gd name="connsiteY8" fmla="*/ 0 h 4138613"/>
                <a:gd name="connsiteX0" fmla="*/ 0 w 4905375"/>
                <a:gd name="connsiteY0" fmla="*/ 0 h 4138613"/>
                <a:gd name="connsiteX1" fmla="*/ 1967867 w 4905375"/>
                <a:gd name="connsiteY1" fmla="*/ 129540 h 4138613"/>
                <a:gd name="connsiteX2" fmla="*/ 2295527 w 4905375"/>
                <a:gd name="connsiteY2" fmla="*/ 655320 h 4138613"/>
                <a:gd name="connsiteX3" fmla="*/ 2409826 w 4905375"/>
                <a:gd name="connsiteY3" fmla="*/ 518160 h 4138613"/>
                <a:gd name="connsiteX4" fmla="*/ 3613786 w 4905375"/>
                <a:gd name="connsiteY4" fmla="*/ 1714500 h 4138613"/>
                <a:gd name="connsiteX5" fmla="*/ 4901566 w 4905375"/>
                <a:gd name="connsiteY5" fmla="*/ 3649980 h 4138613"/>
                <a:gd name="connsiteX6" fmla="*/ 4905375 w 4905375"/>
                <a:gd name="connsiteY6" fmla="*/ 4138613 h 4138613"/>
                <a:gd name="connsiteX7" fmla="*/ 0 w 4905375"/>
                <a:gd name="connsiteY7" fmla="*/ 4138613 h 4138613"/>
                <a:gd name="connsiteX8" fmla="*/ 0 w 4905375"/>
                <a:gd name="connsiteY8" fmla="*/ 0 h 4138613"/>
                <a:gd name="connsiteX0" fmla="*/ 0 w 4905375"/>
                <a:gd name="connsiteY0" fmla="*/ 0 h 4138613"/>
                <a:gd name="connsiteX1" fmla="*/ 1137287 w 4905375"/>
                <a:gd name="connsiteY1" fmla="*/ 68580 h 4138613"/>
                <a:gd name="connsiteX2" fmla="*/ 1967867 w 4905375"/>
                <a:gd name="connsiteY2" fmla="*/ 129540 h 4138613"/>
                <a:gd name="connsiteX3" fmla="*/ 2295527 w 4905375"/>
                <a:gd name="connsiteY3" fmla="*/ 655320 h 4138613"/>
                <a:gd name="connsiteX4" fmla="*/ 2409826 w 4905375"/>
                <a:gd name="connsiteY4" fmla="*/ 518160 h 4138613"/>
                <a:gd name="connsiteX5" fmla="*/ 3613786 w 4905375"/>
                <a:gd name="connsiteY5" fmla="*/ 1714500 h 4138613"/>
                <a:gd name="connsiteX6" fmla="*/ 4901566 w 4905375"/>
                <a:gd name="connsiteY6" fmla="*/ 3649980 h 4138613"/>
                <a:gd name="connsiteX7" fmla="*/ 4905375 w 4905375"/>
                <a:gd name="connsiteY7" fmla="*/ 4138613 h 4138613"/>
                <a:gd name="connsiteX8" fmla="*/ 0 w 4905375"/>
                <a:gd name="connsiteY8" fmla="*/ 4138613 h 4138613"/>
                <a:gd name="connsiteX9" fmla="*/ 0 w 4905375"/>
                <a:gd name="connsiteY9" fmla="*/ 0 h 4138613"/>
                <a:gd name="connsiteX0" fmla="*/ 0 w 4905375"/>
                <a:gd name="connsiteY0" fmla="*/ 0 h 4138613"/>
                <a:gd name="connsiteX1" fmla="*/ 1663067 w 4905375"/>
                <a:gd name="connsiteY1" fmla="*/ 662940 h 4138613"/>
                <a:gd name="connsiteX2" fmla="*/ 1967867 w 4905375"/>
                <a:gd name="connsiteY2" fmla="*/ 129540 h 4138613"/>
                <a:gd name="connsiteX3" fmla="*/ 2295527 w 4905375"/>
                <a:gd name="connsiteY3" fmla="*/ 655320 h 4138613"/>
                <a:gd name="connsiteX4" fmla="*/ 2409826 w 4905375"/>
                <a:gd name="connsiteY4" fmla="*/ 518160 h 4138613"/>
                <a:gd name="connsiteX5" fmla="*/ 3613786 w 4905375"/>
                <a:gd name="connsiteY5" fmla="*/ 1714500 h 4138613"/>
                <a:gd name="connsiteX6" fmla="*/ 4901566 w 4905375"/>
                <a:gd name="connsiteY6" fmla="*/ 3649980 h 4138613"/>
                <a:gd name="connsiteX7" fmla="*/ 4905375 w 4905375"/>
                <a:gd name="connsiteY7" fmla="*/ 4138613 h 4138613"/>
                <a:gd name="connsiteX8" fmla="*/ 0 w 4905375"/>
                <a:gd name="connsiteY8" fmla="*/ 4138613 h 4138613"/>
                <a:gd name="connsiteX9" fmla="*/ 0 w 4905375"/>
                <a:gd name="connsiteY9" fmla="*/ 0 h 4138613"/>
                <a:gd name="connsiteX0" fmla="*/ 0 w 4905375"/>
                <a:gd name="connsiteY0" fmla="*/ 445029 h 4583642"/>
                <a:gd name="connsiteX1" fmla="*/ 1663067 w 4905375"/>
                <a:gd name="connsiteY1" fmla="*/ 1107969 h 4583642"/>
                <a:gd name="connsiteX2" fmla="*/ 1967867 w 4905375"/>
                <a:gd name="connsiteY2" fmla="*/ 574569 h 4583642"/>
                <a:gd name="connsiteX3" fmla="*/ 2295527 w 4905375"/>
                <a:gd name="connsiteY3" fmla="*/ 1100349 h 4583642"/>
                <a:gd name="connsiteX4" fmla="*/ 2409826 w 4905375"/>
                <a:gd name="connsiteY4" fmla="*/ 963189 h 4583642"/>
                <a:gd name="connsiteX5" fmla="*/ 3613786 w 4905375"/>
                <a:gd name="connsiteY5" fmla="*/ 2159529 h 4583642"/>
                <a:gd name="connsiteX6" fmla="*/ 4901566 w 4905375"/>
                <a:gd name="connsiteY6" fmla="*/ 4095009 h 4583642"/>
                <a:gd name="connsiteX7" fmla="*/ 4905375 w 4905375"/>
                <a:gd name="connsiteY7" fmla="*/ 4583642 h 4583642"/>
                <a:gd name="connsiteX8" fmla="*/ 0 w 4905375"/>
                <a:gd name="connsiteY8" fmla="*/ 4583642 h 4583642"/>
                <a:gd name="connsiteX9" fmla="*/ 0 w 4905375"/>
                <a:gd name="connsiteY9" fmla="*/ 445029 h 4583642"/>
                <a:gd name="connsiteX0" fmla="*/ 960120 w 4905375"/>
                <a:gd name="connsiteY0" fmla="*/ 797563 h 4433256"/>
                <a:gd name="connsiteX1" fmla="*/ 1663067 w 4905375"/>
                <a:gd name="connsiteY1" fmla="*/ 957583 h 4433256"/>
                <a:gd name="connsiteX2" fmla="*/ 1967867 w 4905375"/>
                <a:gd name="connsiteY2" fmla="*/ 424183 h 4433256"/>
                <a:gd name="connsiteX3" fmla="*/ 2295527 w 4905375"/>
                <a:gd name="connsiteY3" fmla="*/ 949963 h 4433256"/>
                <a:gd name="connsiteX4" fmla="*/ 2409826 w 4905375"/>
                <a:gd name="connsiteY4" fmla="*/ 812803 h 4433256"/>
                <a:gd name="connsiteX5" fmla="*/ 3613786 w 4905375"/>
                <a:gd name="connsiteY5" fmla="*/ 2009143 h 4433256"/>
                <a:gd name="connsiteX6" fmla="*/ 4901566 w 4905375"/>
                <a:gd name="connsiteY6" fmla="*/ 3944623 h 4433256"/>
                <a:gd name="connsiteX7" fmla="*/ 4905375 w 4905375"/>
                <a:gd name="connsiteY7" fmla="*/ 4433256 h 4433256"/>
                <a:gd name="connsiteX8" fmla="*/ 0 w 4905375"/>
                <a:gd name="connsiteY8" fmla="*/ 4433256 h 4433256"/>
                <a:gd name="connsiteX9" fmla="*/ 960120 w 4905375"/>
                <a:gd name="connsiteY9" fmla="*/ 797563 h 4433256"/>
                <a:gd name="connsiteX0" fmla="*/ 960120 w 4905375"/>
                <a:gd name="connsiteY0" fmla="*/ 897557 h 4533250"/>
                <a:gd name="connsiteX1" fmla="*/ 1663067 w 4905375"/>
                <a:gd name="connsiteY1" fmla="*/ 1057577 h 4533250"/>
                <a:gd name="connsiteX2" fmla="*/ 1967867 w 4905375"/>
                <a:gd name="connsiteY2" fmla="*/ 524177 h 4533250"/>
                <a:gd name="connsiteX3" fmla="*/ 2295527 w 4905375"/>
                <a:gd name="connsiteY3" fmla="*/ 1049957 h 4533250"/>
                <a:gd name="connsiteX4" fmla="*/ 2409826 w 4905375"/>
                <a:gd name="connsiteY4" fmla="*/ 912797 h 4533250"/>
                <a:gd name="connsiteX5" fmla="*/ 3613786 w 4905375"/>
                <a:gd name="connsiteY5" fmla="*/ 2109137 h 4533250"/>
                <a:gd name="connsiteX6" fmla="*/ 4901566 w 4905375"/>
                <a:gd name="connsiteY6" fmla="*/ 4044617 h 4533250"/>
                <a:gd name="connsiteX7" fmla="*/ 4905375 w 4905375"/>
                <a:gd name="connsiteY7" fmla="*/ 4533250 h 4533250"/>
                <a:gd name="connsiteX8" fmla="*/ 0 w 4905375"/>
                <a:gd name="connsiteY8" fmla="*/ 4533250 h 4533250"/>
                <a:gd name="connsiteX9" fmla="*/ 960120 w 4905375"/>
                <a:gd name="connsiteY9" fmla="*/ 897557 h 4533250"/>
                <a:gd name="connsiteX0" fmla="*/ 960120 w 4905375"/>
                <a:gd name="connsiteY0" fmla="*/ 440578 h 4076271"/>
                <a:gd name="connsiteX1" fmla="*/ 1663067 w 4905375"/>
                <a:gd name="connsiteY1" fmla="*/ 600598 h 4076271"/>
                <a:gd name="connsiteX2" fmla="*/ 1967867 w 4905375"/>
                <a:gd name="connsiteY2" fmla="*/ 67198 h 4076271"/>
                <a:gd name="connsiteX3" fmla="*/ 2295527 w 4905375"/>
                <a:gd name="connsiteY3" fmla="*/ 592978 h 4076271"/>
                <a:gd name="connsiteX4" fmla="*/ 2409826 w 4905375"/>
                <a:gd name="connsiteY4" fmla="*/ 455818 h 4076271"/>
                <a:gd name="connsiteX5" fmla="*/ 3613786 w 4905375"/>
                <a:gd name="connsiteY5" fmla="*/ 1652158 h 4076271"/>
                <a:gd name="connsiteX6" fmla="*/ 4901566 w 4905375"/>
                <a:gd name="connsiteY6" fmla="*/ 3587638 h 4076271"/>
                <a:gd name="connsiteX7" fmla="*/ 4905375 w 4905375"/>
                <a:gd name="connsiteY7" fmla="*/ 4076271 h 4076271"/>
                <a:gd name="connsiteX8" fmla="*/ 0 w 4905375"/>
                <a:gd name="connsiteY8" fmla="*/ 4076271 h 4076271"/>
                <a:gd name="connsiteX9" fmla="*/ 960120 w 4905375"/>
                <a:gd name="connsiteY9" fmla="*/ 440578 h 4076271"/>
                <a:gd name="connsiteX0" fmla="*/ 960120 w 4905375"/>
                <a:gd name="connsiteY0" fmla="*/ 536687 h 4172380"/>
                <a:gd name="connsiteX1" fmla="*/ 1663067 w 4905375"/>
                <a:gd name="connsiteY1" fmla="*/ 696707 h 4172380"/>
                <a:gd name="connsiteX2" fmla="*/ 1967867 w 4905375"/>
                <a:gd name="connsiteY2" fmla="*/ 163307 h 4172380"/>
                <a:gd name="connsiteX3" fmla="*/ 2295527 w 4905375"/>
                <a:gd name="connsiteY3" fmla="*/ 689087 h 4172380"/>
                <a:gd name="connsiteX4" fmla="*/ 2409826 w 4905375"/>
                <a:gd name="connsiteY4" fmla="*/ 551927 h 4172380"/>
                <a:gd name="connsiteX5" fmla="*/ 3613786 w 4905375"/>
                <a:gd name="connsiteY5" fmla="*/ 1748267 h 4172380"/>
                <a:gd name="connsiteX6" fmla="*/ 4901566 w 4905375"/>
                <a:gd name="connsiteY6" fmla="*/ 3683747 h 4172380"/>
                <a:gd name="connsiteX7" fmla="*/ 4905375 w 4905375"/>
                <a:gd name="connsiteY7" fmla="*/ 4172380 h 4172380"/>
                <a:gd name="connsiteX8" fmla="*/ 0 w 4905375"/>
                <a:gd name="connsiteY8" fmla="*/ 4172380 h 4172380"/>
                <a:gd name="connsiteX9" fmla="*/ 960120 w 4905375"/>
                <a:gd name="connsiteY9" fmla="*/ 536687 h 4172380"/>
                <a:gd name="connsiteX0" fmla="*/ 960120 w 4905375"/>
                <a:gd name="connsiteY0" fmla="*/ 516311 h 4152004"/>
                <a:gd name="connsiteX1" fmla="*/ 1663067 w 4905375"/>
                <a:gd name="connsiteY1" fmla="*/ 676331 h 4152004"/>
                <a:gd name="connsiteX2" fmla="*/ 1967867 w 4905375"/>
                <a:gd name="connsiteY2" fmla="*/ 142931 h 4152004"/>
                <a:gd name="connsiteX3" fmla="*/ 2295527 w 4905375"/>
                <a:gd name="connsiteY3" fmla="*/ 668711 h 4152004"/>
                <a:gd name="connsiteX4" fmla="*/ 2409826 w 4905375"/>
                <a:gd name="connsiteY4" fmla="*/ 531551 h 4152004"/>
                <a:gd name="connsiteX5" fmla="*/ 3613786 w 4905375"/>
                <a:gd name="connsiteY5" fmla="*/ 1727891 h 4152004"/>
                <a:gd name="connsiteX6" fmla="*/ 4901566 w 4905375"/>
                <a:gd name="connsiteY6" fmla="*/ 3663371 h 4152004"/>
                <a:gd name="connsiteX7" fmla="*/ 4905375 w 4905375"/>
                <a:gd name="connsiteY7" fmla="*/ 4152004 h 4152004"/>
                <a:gd name="connsiteX8" fmla="*/ 0 w 4905375"/>
                <a:gd name="connsiteY8" fmla="*/ 4152004 h 4152004"/>
                <a:gd name="connsiteX9" fmla="*/ 960120 w 4905375"/>
                <a:gd name="connsiteY9" fmla="*/ 516311 h 4152004"/>
                <a:gd name="connsiteX0" fmla="*/ 960120 w 4905375"/>
                <a:gd name="connsiteY0" fmla="*/ 445307 h 4081000"/>
                <a:gd name="connsiteX1" fmla="*/ 1663067 w 4905375"/>
                <a:gd name="connsiteY1" fmla="*/ 605327 h 4081000"/>
                <a:gd name="connsiteX2" fmla="*/ 1967867 w 4905375"/>
                <a:gd name="connsiteY2" fmla="*/ 71927 h 4081000"/>
                <a:gd name="connsiteX3" fmla="*/ 2295527 w 4905375"/>
                <a:gd name="connsiteY3" fmla="*/ 597707 h 4081000"/>
                <a:gd name="connsiteX4" fmla="*/ 2409826 w 4905375"/>
                <a:gd name="connsiteY4" fmla="*/ 460547 h 4081000"/>
                <a:gd name="connsiteX5" fmla="*/ 3613786 w 4905375"/>
                <a:gd name="connsiteY5" fmla="*/ 1656887 h 4081000"/>
                <a:gd name="connsiteX6" fmla="*/ 4901566 w 4905375"/>
                <a:gd name="connsiteY6" fmla="*/ 3592367 h 4081000"/>
                <a:gd name="connsiteX7" fmla="*/ 4905375 w 4905375"/>
                <a:gd name="connsiteY7" fmla="*/ 4081000 h 4081000"/>
                <a:gd name="connsiteX8" fmla="*/ 0 w 4905375"/>
                <a:gd name="connsiteY8" fmla="*/ 4081000 h 4081000"/>
                <a:gd name="connsiteX9" fmla="*/ 960120 w 4905375"/>
                <a:gd name="connsiteY9" fmla="*/ 445307 h 4081000"/>
                <a:gd name="connsiteX0" fmla="*/ 960120 w 4905375"/>
                <a:gd name="connsiteY0" fmla="*/ 554137 h 4189830"/>
                <a:gd name="connsiteX1" fmla="*/ 1663067 w 4905375"/>
                <a:gd name="connsiteY1" fmla="*/ 714157 h 4189830"/>
                <a:gd name="connsiteX2" fmla="*/ 1967867 w 4905375"/>
                <a:gd name="connsiteY2" fmla="*/ 180757 h 4189830"/>
                <a:gd name="connsiteX3" fmla="*/ 2295527 w 4905375"/>
                <a:gd name="connsiteY3" fmla="*/ 706537 h 4189830"/>
                <a:gd name="connsiteX4" fmla="*/ 2409826 w 4905375"/>
                <a:gd name="connsiteY4" fmla="*/ 569377 h 4189830"/>
                <a:gd name="connsiteX5" fmla="*/ 3613786 w 4905375"/>
                <a:gd name="connsiteY5" fmla="*/ 1765717 h 4189830"/>
                <a:gd name="connsiteX6" fmla="*/ 4901566 w 4905375"/>
                <a:gd name="connsiteY6" fmla="*/ 3701197 h 4189830"/>
                <a:gd name="connsiteX7" fmla="*/ 4905375 w 4905375"/>
                <a:gd name="connsiteY7" fmla="*/ 4189830 h 4189830"/>
                <a:gd name="connsiteX8" fmla="*/ 0 w 4905375"/>
                <a:gd name="connsiteY8" fmla="*/ 4189830 h 4189830"/>
                <a:gd name="connsiteX9" fmla="*/ 960120 w 4905375"/>
                <a:gd name="connsiteY9" fmla="*/ 554137 h 4189830"/>
                <a:gd name="connsiteX0" fmla="*/ 960120 w 4905375"/>
                <a:gd name="connsiteY0" fmla="*/ 567566 h 4203259"/>
                <a:gd name="connsiteX1" fmla="*/ 1624967 w 4905375"/>
                <a:gd name="connsiteY1" fmla="*/ 26546 h 4203259"/>
                <a:gd name="connsiteX2" fmla="*/ 1663067 w 4905375"/>
                <a:gd name="connsiteY2" fmla="*/ 727586 h 4203259"/>
                <a:gd name="connsiteX3" fmla="*/ 1967867 w 4905375"/>
                <a:gd name="connsiteY3" fmla="*/ 194186 h 4203259"/>
                <a:gd name="connsiteX4" fmla="*/ 2295527 w 4905375"/>
                <a:gd name="connsiteY4" fmla="*/ 719966 h 4203259"/>
                <a:gd name="connsiteX5" fmla="*/ 2409826 w 4905375"/>
                <a:gd name="connsiteY5" fmla="*/ 582806 h 4203259"/>
                <a:gd name="connsiteX6" fmla="*/ 3613786 w 4905375"/>
                <a:gd name="connsiteY6" fmla="*/ 1779146 h 4203259"/>
                <a:gd name="connsiteX7" fmla="*/ 4901566 w 4905375"/>
                <a:gd name="connsiteY7" fmla="*/ 3714626 h 4203259"/>
                <a:gd name="connsiteX8" fmla="*/ 4905375 w 4905375"/>
                <a:gd name="connsiteY8" fmla="*/ 4203259 h 4203259"/>
                <a:gd name="connsiteX9" fmla="*/ 0 w 4905375"/>
                <a:gd name="connsiteY9" fmla="*/ 4203259 h 4203259"/>
                <a:gd name="connsiteX10" fmla="*/ 960120 w 4905375"/>
                <a:gd name="connsiteY10" fmla="*/ 567566 h 4203259"/>
                <a:gd name="connsiteX0" fmla="*/ 960120 w 4905375"/>
                <a:gd name="connsiteY0" fmla="*/ 508270 h 4143963"/>
                <a:gd name="connsiteX1" fmla="*/ 1685927 w 4905375"/>
                <a:gd name="connsiteY1" fmla="*/ 51070 h 4143963"/>
                <a:gd name="connsiteX2" fmla="*/ 1663067 w 4905375"/>
                <a:gd name="connsiteY2" fmla="*/ 668290 h 4143963"/>
                <a:gd name="connsiteX3" fmla="*/ 1967867 w 4905375"/>
                <a:gd name="connsiteY3" fmla="*/ 134890 h 4143963"/>
                <a:gd name="connsiteX4" fmla="*/ 2295527 w 4905375"/>
                <a:gd name="connsiteY4" fmla="*/ 660670 h 4143963"/>
                <a:gd name="connsiteX5" fmla="*/ 2409826 w 4905375"/>
                <a:gd name="connsiteY5" fmla="*/ 523510 h 4143963"/>
                <a:gd name="connsiteX6" fmla="*/ 3613786 w 4905375"/>
                <a:gd name="connsiteY6" fmla="*/ 1719850 h 4143963"/>
                <a:gd name="connsiteX7" fmla="*/ 4901566 w 4905375"/>
                <a:gd name="connsiteY7" fmla="*/ 3655330 h 4143963"/>
                <a:gd name="connsiteX8" fmla="*/ 4905375 w 4905375"/>
                <a:gd name="connsiteY8" fmla="*/ 4143963 h 4143963"/>
                <a:gd name="connsiteX9" fmla="*/ 0 w 4905375"/>
                <a:gd name="connsiteY9" fmla="*/ 4143963 h 4143963"/>
                <a:gd name="connsiteX10" fmla="*/ 960120 w 4905375"/>
                <a:gd name="connsiteY10" fmla="*/ 508270 h 4143963"/>
                <a:gd name="connsiteX0" fmla="*/ 960120 w 4905375"/>
                <a:gd name="connsiteY0" fmla="*/ 508270 h 4143963"/>
                <a:gd name="connsiteX1" fmla="*/ 1685927 w 4905375"/>
                <a:gd name="connsiteY1" fmla="*/ 51070 h 4143963"/>
                <a:gd name="connsiteX2" fmla="*/ 1663067 w 4905375"/>
                <a:gd name="connsiteY2" fmla="*/ 668290 h 4143963"/>
                <a:gd name="connsiteX3" fmla="*/ 1967867 w 4905375"/>
                <a:gd name="connsiteY3" fmla="*/ 134890 h 4143963"/>
                <a:gd name="connsiteX4" fmla="*/ 2295527 w 4905375"/>
                <a:gd name="connsiteY4" fmla="*/ 660670 h 4143963"/>
                <a:gd name="connsiteX5" fmla="*/ 2409826 w 4905375"/>
                <a:gd name="connsiteY5" fmla="*/ 523510 h 4143963"/>
                <a:gd name="connsiteX6" fmla="*/ 3613786 w 4905375"/>
                <a:gd name="connsiteY6" fmla="*/ 1719850 h 4143963"/>
                <a:gd name="connsiteX7" fmla="*/ 4901566 w 4905375"/>
                <a:gd name="connsiteY7" fmla="*/ 3655330 h 4143963"/>
                <a:gd name="connsiteX8" fmla="*/ 4905375 w 4905375"/>
                <a:gd name="connsiteY8" fmla="*/ 4143963 h 4143963"/>
                <a:gd name="connsiteX9" fmla="*/ 0 w 4905375"/>
                <a:gd name="connsiteY9" fmla="*/ 4143963 h 4143963"/>
                <a:gd name="connsiteX10" fmla="*/ 960120 w 4905375"/>
                <a:gd name="connsiteY10" fmla="*/ 508270 h 4143963"/>
                <a:gd name="connsiteX0" fmla="*/ 960120 w 4905375"/>
                <a:gd name="connsiteY0" fmla="*/ 459592 h 4095285"/>
                <a:gd name="connsiteX1" fmla="*/ 1685927 w 4905375"/>
                <a:gd name="connsiteY1" fmla="*/ 2392 h 4095285"/>
                <a:gd name="connsiteX2" fmla="*/ 1663067 w 4905375"/>
                <a:gd name="connsiteY2" fmla="*/ 619612 h 4095285"/>
                <a:gd name="connsiteX3" fmla="*/ 1967867 w 4905375"/>
                <a:gd name="connsiteY3" fmla="*/ 86212 h 4095285"/>
                <a:gd name="connsiteX4" fmla="*/ 2295527 w 4905375"/>
                <a:gd name="connsiteY4" fmla="*/ 611992 h 4095285"/>
                <a:gd name="connsiteX5" fmla="*/ 2409826 w 4905375"/>
                <a:gd name="connsiteY5" fmla="*/ 474832 h 4095285"/>
                <a:gd name="connsiteX6" fmla="*/ 3613786 w 4905375"/>
                <a:gd name="connsiteY6" fmla="*/ 1671172 h 4095285"/>
                <a:gd name="connsiteX7" fmla="*/ 4901566 w 4905375"/>
                <a:gd name="connsiteY7" fmla="*/ 3606652 h 4095285"/>
                <a:gd name="connsiteX8" fmla="*/ 4905375 w 4905375"/>
                <a:gd name="connsiteY8" fmla="*/ 4095285 h 4095285"/>
                <a:gd name="connsiteX9" fmla="*/ 0 w 4905375"/>
                <a:gd name="connsiteY9" fmla="*/ 4095285 h 4095285"/>
                <a:gd name="connsiteX10" fmla="*/ 960120 w 4905375"/>
                <a:gd name="connsiteY10" fmla="*/ 459592 h 4095285"/>
                <a:gd name="connsiteX0" fmla="*/ 960120 w 4905375"/>
                <a:gd name="connsiteY0" fmla="*/ 459592 h 4095285"/>
                <a:gd name="connsiteX1" fmla="*/ 1685927 w 4905375"/>
                <a:gd name="connsiteY1" fmla="*/ 2392 h 4095285"/>
                <a:gd name="connsiteX2" fmla="*/ 1548767 w 4905375"/>
                <a:gd name="connsiteY2" fmla="*/ 688192 h 4095285"/>
                <a:gd name="connsiteX3" fmla="*/ 1967867 w 4905375"/>
                <a:gd name="connsiteY3" fmla="*/ 86212 h 4095285"/>
                <a:gd name="connsiteX4" fmla="*/ 2295527 w 4905375"/>
                <a:gd name="connsiteY4" fmla="*/ 611992 h 4095285"/>
                <a:gd name="connsiteX5" fmla="*/ 2409826 w 4905375"/>
                <a:gd name="connsiteY5" fmla="*/ 474832 h 4095285"/>
                <a:gd name="connsiteX6" fmla="*/ 3613786 w 4905375"/>
                <a:gd name="connsiteY6" fmla="*/ 1671172 h 4095285"/>
                <a:gd name="connsiteX7" fmla="*/ 4901566 w 4905375"/>
                <a:gd name="connsiteY7" fmla="*/ 3606652 h 4095285"/>
                <a:gd name="connsiteX8" fmla="*/ 4905375 w 4905375"/>
                <a:gd name="connsiteY8" fmla="*/ 4095285 h 4095285"/>
                <a:gd name="connsiteX9" fmla="*/ 0 w 4905375"/>
                <a:gd name="connsiteY9" fmla="*/ 4095285 h 4095285"/>
                <a:gd name="connsiteX10" fmla="*/ 960120 w 4905375"/>
                <a:gd name="connsiteY10" fmla="*/ 459592 h 4095285"/>
                <a:gd name="connsiteX0" fmla="*/ 960120 w 4905375"/>
                <a:gd name="connsiteY0" fmla="*/ 459592 h 4095285"/>
                <a:gd name="connsiteX1" fmla="*/ 1685927 w 4905375"/>
                <a:gd name="connsiteY1" fmla="*/ 2392 h 4095285"/>
                <a:gd name="connsiteX2" fmla="*/ 1655447 w 4905375"/>
                <a:gd name="connsiteY2" fmla="*/ 657712 h 4095285"/>
                <a:gd name="connsiteX3" fmla="*/ 1967867 w 4905375"/>
                <a:gd name="connsiteY3" fmla="*/ 86212 h 4095285"/>
                <a:gd name="connsiteX4" fmla="*/ 2295527 w 4905375"/>
                <a:gd name="connsiteY4" fmla="*/ 611992 h 4095285"/>
                <a:gd name="connsiteX5" fmla="*/ 2409826 w 4905375"/>
                <a:gd name="connsiteY5" fmla="*/ 474832 h 4095285"/>
                <a:gd name="connsiteX6" fmla="*/ 3613786 w 4905375"/>
                <a:gd name="connsiteY6" fmla="*/ 1671172 h 4095285"/>
                <a:gd name="connsiteX7" fmla="*/ 4901566 w 4905375"/>
                <a:gd name="connsiteY7" fmla="*/ 3606652 h 4095285"/>
                <a:gd name="connsiteX8" fmla="*/ 4905375 w 4905375"/>
                <a:gd name="connsiteY8" fmla="*/ 4095285 h 4095285"/>
                <a:gd name="connsiteX9" fmla="*/ 0 w 4905375"/>
                <a:gd name="connsiteY9" fmla="*/ 4095285 h 4095285"/>
                <a:gd name="connsiteX10" fmla="*/ 960120 w 4905375"/>
                <a:gd name="connsiteY10" fmla="*/ 459592 h 4095285"/>
                <a:gd name="connsiteX0" fmla="*/ 960120 w 4905375"/>
                <a:gd name="connsiteY0" fmla="*/ 459592 h 4095285"/>
                <a:gd name="connsiteX1" fmla="*/ 1685927 w 4905375"/>
                <a:gd name="connsiteY1" fmla="*/ 2392 h 4095285"/>
                <a:gd name="connsiteX2" fmla="*/ 1685927 w 4905375"/>
                <a:gd name="connsiteY2" fmla="*/ 482452 h 4095285"/>
                <a:gd name="connsiteX3" fmla="*/ 1967867 w 4905375"/>
                <a:gd name="connsiteY3" fmla="*/ 86212 h 4095285"/>
                <a:gd name="connsiteX4" fmla="*/ 2295527 w 4905375"/>
                <a:gd name="connsiteY4" fmla="*/ 611992 h 4095285"/>
                <a:gd name="connsiteX5" fmla="*/ 2409826 w 4905375"/>
                <a:gd name="connsiteY5" fmla="*/ 474832 h 4095285"/>
                <a:gd name="connsiteX6" fmla="*/ 3613786 w 4905375"/>
                <a:gd name="connsiteY6" fmla="*/ 1671172 h 4095285"/>
                <a:gd name="connsiteX7" fmla="*/ 4901566 w 4905375"/>
                <a:gd name="connsiteY7" fmla="*/ 3606652 h 4095285"/>
                <a:gd name="connsiteX8" fmla="*/ 4905375 w 4905375"/>
                <a:gd name="connsiteY8" fmla="*/ 4095285 h 4095285"/>
                <a:gd name="connsiteX9" fmla="*/ 0 w 4905375"/>
                <a:gd name="connsiteY9" fmla="*/ 4095285 h 4095285"/>
                <a:gd name="connsiteX10" fmla="*/ 960120 w 4905375"/>
                <a:gd name="connsiteY10" fmla="*/ 459592 h 4095285"/>
                <a:gd name="connsiteX0" fmla="*/ 960120 w 4905375"/>
                <a:gd name="connsiteY0" fmla="*/ 459592 h 4095285"/>
                <a:gd name="connsiteX1" fmla="*/ 1685927 w 4905375"/>
                <a:gd name="connsiteY1" fmla="*/ 2392 h 4095285"/>
                <a:gd name="connsiteX2" fmla="*/ 1685927 w 4905375"/>
                <a:gd name="connsiteY2" fmla="*/ 680572 h 4095285"/>
                <a:gd name="connsiteX3" fmla="*/ 1967867 w 4905375"/>
                <a:gd name="connsiteY3" fmla="*/ 86212 h 4095285"/>
                <a:gd name="connsiteX4" fmla="*/ 2295527 w 4905375"/>
                <a:gd name="connsiteY4" fmla="*/ 611992 h 4095285"/>
                <a:gd name="connsiteX5" fmla="*/ 2409826 w 4905375"/>
                <a:gd name="connsiteY5" fmla="*/ 474832 h 4095285"/>
                <a:gd name="connsiteX6" fmla="*/ 3613786 w 4905375"/>
                <a:gd name="connsiteY6" fmla="*/ 1671172 h 4095285"/>
                <a:gd name="connsiteX7" fmla="*/ 4901566 w 4905375"/>
                <a:gd name="connsiteY7" fmla="*/ 3606652 h 4095285"/>
                <a:gd name="connsiteX8" fmla="*/ 4905375 w 4905375"/>
                <a:gd name="connsiteY8" fmla="*/ 4095285 h 4095285"/>
                <a:gd name="connsiteX9" fmla="*/ 0 w 4905375"/>
                <a:gd name="connsiteY9" fmla="*/ 4095285 h 4095285"/>
                <a:gd name="connsiteX10" fmla="*/ 960120 w 4905375"/>
                <a:gd name="connsiteY10" fmla="*/ 459592 h 4095285"/>
                <a:gd name="connsiteX0" fmla="*/ 960120 w 4905375"/>
                <a:gd name="connsiteY0" fmla="*/ 459592 h 4095285"/>
                <a:gd name="connsiteX1" fmla="*/ 1685927 w 4905375"/>
                <a:gd name="connsiteY1" fmla="*/ 2392 h 4095285"/>
                <a:gd name="connsiteX2" fmla="*/ 1685927 w 4905375"/>
                <a:gd name="connsiteY2" fmla="*/ 680572 h 4095285"/>
                <a:gd name="connsiteX3" fmla="*/ 1967867 w 4905375"/>
                <a:gd name="connsiteY3" fmla="*/ 86212 h 4095285"/>
                <a:gd name="connsiteX4" fmla="*/ 2295527 w 4905375"/>
                <a:gd name="connsiteY4" fmla="*/ 611992 h 4095285"/>
                <a:gd name="connsiteX5" fmla="*/ 2409826 w 4905375"/>
                <a:gd name="connsiteY5" fmla="*/ 474832 h 4095285"/>
                <a:gd name="connsiteX6" fmla="*/ 3613786 w 4905375"/>
                <a:gd name="connsiteY6" fmla="*/ 1671172 h 4095285"/>
                <a:gd name="connsiteX7" fmla="*/ 4901566 w 4905375"/>
                <a:gd name="connsiteY7" fmla="*/ 3606652 h 4095285"/>
                <a:gd name="connsiteX8" fmla="*/ 4905375 w 4905375"/>
                <a:gd name="connsiteY8" fmla="*/ 4095285 h 4095285"/>
                <a:gd name="connsiteX9" fmla="*/ 0 w 4905375"/>
                <a:gd name="connsiteY9" fmla="*/ 4095285 h 4095285"/>
                <a:gd name="connsiteX10" fmla="*/ 960120 w 4905375"/>
                <a:gd name="connsiteY10" fmla="*/ 459592 h 4095285"/>
                <a:gd name="connsiteX0" fmla="*/ 960120 w 4905375"/>
                <a:gd name="connsiteY0" fmla="*/ 459592 h 4095285"/>
                <a:gd name="connsiteX1" fmla="*/ 1685927 w 4905375"/>
                <a:gd name="connsiteY1" fmla="*/ 2392 h 4095285"/>
                <a:gd name="connsiteX2" fmla="*/ 1685927 w 4905375"/>
                <a:gd name="connsiteY2" fmla="*/ 680572 h 4095285"/>
                <a:gd name="connsiteX3" fmla="*/ 1967867 w 4905375"/>
                <a:gd name="connsiteY3" fmla="*/ 86212 h 4095285"/>
                <a:gd name="connsiteX4" fmla="*/ 2295527 w 4905375"/>
                <a:gd name="connsiteY4" fmla="*/ 611992 h 4095285"/>
                <a:gd name="connsiteX5" fmla="*/ 2409826 w 4905375"/>
                <a:gd name="connsiteY5" fmla="*/ 474832 h 4095285"/>
                <a:gd name="connsiteX6" fmla="*/ 3613786 w 4905375"/>
                <a:gd name="connsiteY6" fmla="*/ 1671172 h 4095285"/>
                <a:gd name="connsiteX7" fmla="*/ 4901566 w 4905375"/>
                <a:gd name="connsiteY7" fmla="*/ 3606652 h 4095285"/>
                <a:gd name="connsiteX8" fmla="*/ 4905375 w 4905375"/>
                <a:gd name="connsiteY8" fmla="*/ 4095285 h 4095285"/>
                <a:gd name="connsiteX9" fmla="*/ 0 w 4905375"/>
                <a:gd name="connsiteY9" fmla="*/ 4095285 h 4095285"/>
                <a:gd name="connsiteX10" fmla="*/ 960120 w 4905375"/>
                <a:gd name="connsiteY10" fmla="*/ 459592 h 4095285"/>
                <a:gd name="connsiteX0" fmla="*/ 960120 w 4905375"/>
                <a:gd name="connsiteY0" fmla="*/ 459592 h 4095285"/>
                <a:gd name="connsiteX1" fmla="*/ 1685927 w 4905375"/>
                <a:gd name="connsiteY1" fmla="*/ 2392 h 4095285"/>
                <a:gd name="connsiteX2" fmla="*/ 1685927 w 4905375"/>
                <a:gd name="connsiteY2" fmla="*/ 680572 h 4095285"/>
                <a:gd name="connsiteX3" fmla="*/ 1967867 w 4905375"/>
                <a:gd name="connsiteY3" fmla="*/ 86212 h 4095285"/>
                <a:gd name="connsiteX4" fmla="*/ 2295527 w 4905375"/>
                <a:gd name="connsiteY4" fmla="*/ 611992 h 4095285"/>
                <a:gd name="connsiteX5" fmla="*/ 2409826 w 4905375"/>
                <a:gd name="connsiteY5" fmla="*/ 474832 h 4095285"/>
                <a:gd name="connsiteX6" fmla="*/ 3613786 w 4905375"/>
                <a:gd name="connsiteY6" fmla="*/ 1671172 h 4095285"/>
                <a:gd name="connsiteX7" fmla="*/ 4901566 w 4905375"/>
                <a:gd name="connsiteY7" fmla="*/ 3606652 h 4095285"/>
                <a:gd name="connsiteX8" fmla="*/ 4905375 w 4905375"/>
                <a:gd name="connsiteY8" fmla="*/ 4095285 h 4095285"/>
                <a:gd name="connsiteX9" fmla="*/ 0 w 4905375"/>
                <a:gd name="connsiteY9" fmla="*/ 4095285 h 4095285"/>
                <a:gd name="connsiteX10" fmla="*/ 960120 w 4905375"/>
                <a:gd name="connsiteY10" fmla="*/ 459592 h 4095285"/>
                <a:gd name="connsiteX0" fmla="*/ 960120 w 4905375"/>
                <a:gd name="connsiteY0" fmla="*/ 459592 h 4095285"/>
                <a:gd name="connsiteX1" fmla="*/ 1685927 w 4905375"/>
                <a:gd name="connsiteY1" fmla="*/ 2392 h 4095285"/>
                <a:gd name="connsiteX2" fmla="*/ 1685927 w 4905375"/>
                <a:gd name="connsiteY2" fmla="*/ 680572 h 4095285"/>
                <a:gd name="connsiteX3" fmla="*/ 1731647 w 4905375"/>
                <a:gd name="connsiteY3" fmla="*/ 520553 h 4095285"/>
                <a:gd name="connsiteX4" fmla="*/ 1967867 w 4905375"/>
                <a:gd name="connsiteY4" fmla="*/ 86212 h 4095285"/>
                <a:gd name="connsiteX5" fmla="*/ 2295527 w 4905375"/>
                <a:gd name="connsiteY5" fmla="*/ 611992 h 4095285"/>
                <a:gd name="connsiteX6" fmla="*/ 2409826 w 4905375"/>
                <a:gd name="connsiteY6" fmla="*/ 474832 h 4095285"/>
                <a:gd name="connsiteX7" fmla="*/ 3613786 w 4905375"/>
                <a:gd name="connsiteY7" fmla="*/ 1671172 h 4095285"/>
                <a:gd name="connsiteX8" fmla="*/ 4901566 w 4905375"/>
                <a:gd name="connsiteY8" fmla="*/ 3606652 h 4095285"/>
                <a:gd name="connsiteX9" fmla="*/ 4905375 w 4905375"/>
                <a:gd name="connsiteY9" fmla="*/ 4095285 h 4095285"/>
                <a:gd name="connsiteX10" fmla="*/ 0 w 4905375"/>
                <a:gd name="connsiteY10" fmla="*/ 4095285 h 4095285"/>
                <a:gd name="connsiteX11" fmla="*/ 960120 w 4905375"/>
                <a:gd name="connsiteY11" fmla="*/ 459592 h 4095285"/>
                <a:gd name="connsiteX0" fmla="*/ 960120 w 4905375"/>
                <a:gd name="connsiteY0" fmla="*/ 457761 h 4093454"/>
                <a:gd name="connsiteX1" fmla="*/ 1685927 w 4905375"/>
                <a:gd name="connsiteY1" fmla="*/ 561 h 4093454"/>
                <a:gd name="connsiteX2" fmla="*/ 1685927 w 4905375"/>
                <a:gd name="connsiteY2" fmla="*/ 678741 h 4093454"/>
                <a:gd name="connsiteX3" fmla="*/ 1731647 w 4905375"/>
                <a:gd name="connsiteY3" fmla="*/ 518722 h 4093454"/>
                <a:gd name="connsiteX4" fmla="*/ 1967867 w 4905375"/>
                <a:gd name="connsiteY4" fmla="*/ 84381 h 4093454"/>
                <a:gd name="connsiteX5" fmla="*/ 2295527 w 4905375"/>
                <a:gd name="connsiteY5" fmla="*/ 610161 h 4093454"/>
                <a:gd name="connsiteX6" fmla="*/ 2409826 w 4905375"/>
                <a:gd name="connsiteY6" fmla="*/ 473001 h 4093454"/>
                <a:gd name="connsiteX7" fmla="*/ 3613786 w 4905375"/>
                <a:gd name="connsiteY7" fmla="*/ 1669341 h 4093454"/>
                <a:gd name="connsiteX8" fmla="*/ 4901566 w 4905375"/>
                <a:gd name="connsiteY8" fmla="*/ 3604821 h 4093454"/>
                <a:gd name="connsiteX9" fmla="*/ 4905375 w 4905375"/>
                <a:gd name="connsiteY9" fmla="*/ 4093454 h 4093454"/>
                <a:gd name="connsiteX10" fmla="*/ 0 w 4905375"/>
                <a:gd name="connsiteY10" fmla="*/ 4093454 h 4093454"/>
                <a:gd name="connsiteX11" fmla="*/ 960120 w 4905375"/>
                <a:gd name="connsiteY11" fmla="*/ 457761 h 4093454"/>
                <a:gd name="connsiteX0" fmla="*/ 960120 w 4905375"/>
                <a:gd name="connsiteY0" fmla="*/ 457761 h 4093454"/>
                <a:gd name="connsiteX1" fmla="*/ 1685927 w 4905375"/>
                <a:gd name="connsiteY1" fmla="*/ 561 h 4093454"/>
                <a:gd name="connsiteX2" fmla="*/ 1685927 w 4905375"/>
                <a:gd name="connsiteY2" fmla="*/ 678741 h 4093454"/>
                <a:gd name="connsiteX3" fmla="*/ 1731647 w 4905375"/>
                <a:gd name="connsiteY3" fmla="*/ 518722 h 4093454"/>
                <a:gd name="connsiteX4" fmla="*/ 1967867 w 4905375"/>
                <a:gd name="connsiteY4" fmla="*/ 84381 h 4093454"/>
                <a:gd name="connsiteX5" fmla="*/ 2295527 w 4905375"/>
                <a:gd name="connsiteY5" fmla="*/ 610161 h 4093454"/>
                <a:gd name="connsiteX6" fmla="*/ 2409826 w 4905375"/>
                <a:gd name="connsiteY6" fmla="*/ 473001 h 4093454"/>
                <a:gd name="connsiteX7" fmla="*/ 3613786 w 4905375"/>
                <a:gd name="connsiteY7" fmla="*/ 1669341 h 4093454"/>
                <a:gd name="connsiteX8" fmla="*/ 4901566 w 4905375"/>
                <a:gd name="connsiteY8" fmla="*/ 3604821 h 4093454"/>
                <a:gd name="connsiteX9" fmla="*/ 4905375 w 4905375"/>
                <a:gd name="connsiteY9" fmla="*/ 4093454 h 4093454"/>
                <a:gd name="connsiteX10" fmla="*/ 0 w 4905375"/>
                <a:gd name="connsiteY10" fmla="*/ 4093454 h 4093454"/>
                <a:gd name="connsiteX11" fmla="*/ 960120 w 4905375"/>
                <a:gd name="connsiteY11" fmla="*/ 457761 h 4093454"/>
                <a:gd name="connsiteX0" fmla="*/ 960120 w 4905375"/>
                <a:gd name="connsiteY0" fmla="*/ 457761 h 4093454"/>
                <a:gd name="connsiteX1" fmla="*/ 1685927 w 4905375"/>
                <a:gd name="connsiteY1" fmla="*/ 561 h 4093454"/>
                <a:gd name="connsiteX2" fmla="*/ 1685927 w 4905375"/>
                <a:gd name="connsiteY2" fmla="*/ 678741 h 4093454"/>
                <a:gd name="connsiteX3" fmla="*/ 1967867 w 4905375"/>
                <a:gd name="connsiteY3" fmla="*/ 84381 h 4093454"/>
                <a:gd name="connsiteX4" fmla="*/ 2295527 w 4905375"/>
                <a:gd name="connsiteY4" fmla="*/ 610161 h 4093454"/>
                <a:gd name="connsiteX5" fmla="*/ 2409826 w 4905375"/>
                <a:gd name="connsiteY5" fmla="*/ 473001 h 4093454"/>
                <a:gd name="connsiteX6" fmla="*/ 3613786 w 4905375"/>
                <a:gd name="connsiteY6" fmla="*/ 1669341 h 4093454"/>
                <a:gd name="connsiteX7" fmla="*/ 4901566 w 4905375"/>
                <a:gd name="connsiteY7" fmla="*/ 3604821 h 4093454"/>
                <a:gd name="connsiteX8" fmla="*/ 4905375 w 4905375"/>
                <a:gd name="connsiteY8" fmla="*/ 4093454 h 4093454"/>
                <a:gd name="connsiteX9" fmla="*/ 0 w 4905375"/>
                <a:gd name="connsiteY9" fmla="*/ 4093454 h 4093454"/>
                <a:gd name="connsiteX10" fmla="*/ 960120 w 4905375"/>
                <a:gd name="connsiteY10" fmla="*/ 457761 h 4093454"/>
                <a:gd name="connsiteX0" fmla="*/ 960120 w 4905375"/>
                <a:gd name="connsiteY0" fmla="*/ 457769 h 4093462"/>
                <a:gd name="connsiteX1" fmla="*/ 1685927 w 4905375"/>
                <a:gd name="connsiteY1" fmla="*/ 569 h 4093462"/>
                <a:gd name="connsiteX2" fmla="*/ 1602107 w 4905375"/>
                <a:gd name="connsiteY2" fmla="*/ 671129 h 4093462"/>
                <a:gd name="connsiteX3" fmla="*/ 1967867 w 4905375"/>
                <a:gd name="connsiteY3" fmla="*/ 84389 h 4093462"/>
                <a:gd name="connsiteX4" fmla="*/ 2295527 w 4905375"/>
                <a:gd name="connsiteY4" fmla="*/ 610169 h 4093462"/>
                <a:gd name="connsiteX5" fmla="*/ 2409826 w 4905375"/>
                <a:gd name="connsiteY5" fmla="*/ 473009 h 4093462"/>
                <a:gd name="connsiteX6" fmla="*/ 3613786 w 4905375"/>
                <a:gd name="connsiteY6" fmla="*/ 1669349 h 4093462"/>
                <a:gd name="connsiteX7" fmla="*/ 4901566 w 4905375"/>
                <a:gd name="connsiteY7" fmla="*/ 3604829 h 4093462"/>
                <a:gd name="connsiteX8" fmla="*/ 4905375 w 4905375"/>
                <a:gd name="connsiteY8" fmla="*/ 4093462 h 4093462"/>
                <a:gd name="connsiteX9" fmla="*/ 0 w 4905375"/>
                <a:gd name="connsiteY9" fmla="*/ 4093462 h 4093462"/>
                <a:gd name="connsiteX10" fmla="*/ 960120 w 4905375"/>
                <a:gd name="connsiteY10" fmla="*/ 457769 h 4093462"/>
                <a:gd name="connsiteX0" fmla="*/ 960120 w 4905375"/>
                <a:gd name="connsiteY0" fmla="*/ 457769 h 4093462"/>
                <a:gd name="connsiteX1" fmla="*/ 1685927 w 4905375"/>
                <a:gd name="connsiteY1" fmla="*/ 569 h 4093462"/>
                <a:gd name="connsiteX2" fmla="*/ 1602107 w 4905375"/>
                <a:gd name="connsiteY2" fmla="*/ 671129 h 4093462"/>
                <a:gd name="connsiteX3" fmla="*/ 1967867 w 4905375"/>
                <a:gd name="connsiteY3" fmla="*/ 84389 h 4093462"/>
                <a:gd name="connsiteX4" fmla="*/ 2295527 w 4905375"/>
                <a:gd name="connsiteY4" fmla="*/ 610169 h 4093462"/>
                <a:gd name="connsiteX5" fmla="*/ 2409826 w 4905375"/>
                <a:gd name="connsiteY5" fmla="*/ 473009 h 4093462"/>
                <a:gd name="connsiteX6" fmla="*/ 3613786 w 4905375"/>
                <a:gd name="connsiteY6" fmla="*/ 1669349 h 4093462"/>
                <a:gd name="connsiteX7" fmla="*/ 4901566 w 4905375"/>
                <a:gd name="connsiteY7" fmla="*/ 3604829 h 4093462"/>
                <a:gd name="connsiteX8" fmla="*/ 4905375 w 4905375"/>
                <a:gd name="connsiteY8" fmla="*/ 4093462 h 4093462"/>
                <a:gd name="connsiteX9" fmla="*/ 0 w 4905375"/>
                <a:gd name="connsiteY9" fmla="*/ 4093462 h 4093462"/>
                <a:gd name="connsiteX10" fmla="*/ 960120 w 4905375"/>
                <a:gd name="connsiteY10" fmla="*/ 457769 h 4093462"/>
                <a:gd name="connsiteX0" fmla="*/ 960120 w 4905375"/>
                <a:gd name="connsiteY0" fmla="*/ 457769 h 4093462"/>
                <a:gd name="connsiteX1" fmla="*/ 1685927 w 4905375"/>
                <a:gd name="connsiteY1" fmla="*/ 569 h 4093462"/>
                <a:gd name="connsiteX2" fmla="*/ 1602107 w 4905375"/>
                <a:gd name="connsiteY2" fmla="*/ 671129 h 4093462"/>
                <a:gd name="connsiteX3" fmla="*/ 1967867 w 4905375"/>
                <a:gd name="connsiteY3" fmla="*/ 84389 h 4093462"/>
                <a:gd name="connsiteX4" fmla="*/ 2295527 w 4905375"/>
                <a:gd name="connsiteY4" fmla="*/ 610169 h 4093462"/>
                <a:gd name="connsiteX5" fmla="*/ 2409826 w 4905375"/>
                <a:gd name="connsiteY5" fmla="*/ 473009 h 4093462"/>
                <a:gd name="connsiteX6" fmla="*/ 3518536 w 4905375"/>
                <a:gd name="connsiteY6" fmla="*/ 1569337 h 4093462"/>
                <a:gd name="connsiteX7" fmla="*/ 4901566 w 4905375"/>
                <a:gd name="connsiteY7" fmla="*/ 3604829 h 4093462"/>
                <a:gd name="connsiteX8" fmla="*/ 4905375 w 4905375"/>
                <a:gd name="connsiteY8" fmla="*/ 4093462 h 4093462"/>
                <a:gd name="connsiteX9" fmla="*/ 0 w 4905375"/>
                <a:gd name="connsiteY9" fmla="*/ 4093462 h 4093462"/>
                <a:gd name="connsiteX10" fmla="*/ 960120 w 4905375"/>
                <a:gd name="connsiteY10" fmla="*/ 457769 h 4093462"/>
                <a:gd name="connsiteX0" fmla="*/ 960120 w 4905375"/>
                <a:gd name="connsiteY0" fmla="*/ 457769 h 4093462"/>
                <a:gd name="connsiteX1" fmla="*/ 1685927 w 4905375"/>
                <a:gd name="connsiteY1" fmla="*/ 569 h 4093462"/>
                <a:gd name="connsiteX2" fmla="*/ 1602107 w 4905375"/>
                <a:gd name="connsiteY2" fmla="*/ 671129 h 4093462"/>
                <a:gd name="connsiteX3" fmla="*/ 1967867 w 4905375"/>
                <a:gd name="connsiteY3" fmla="*/ 84389 h 4093462"/>
                <a:gd name="connsiteX4" fmla="*/ 2295527 w 4905375"/>
                <a:gd name="connsiteY4" fmla="*/ 610169 h 4093462"/>
                <a:gd name="connsiteX5" fmla="*/ 2409826 w 4905375"/>
                <a:gd name="connsiteY5" fmla="*/ 473009 h 4093462"/>
                <a:gd name="connsiteX6" fmla="*/ 3528061 w 4905375"/>
                <a:gd name="connsiteY6" fmla="*/ 1574100 h 4093462"/>
                <a:gd name="connsiteX7" fmla="*/ 4901566 w 4905375"/>
                <a:gd name="connsiteY7" fmla="*/ 3604829 h 4093462"/>
                <a:gd name="connsiteX8" fmla="*/ 4905375 w 4905375"/>
                <a:gd name="connsiteY8" fmla="*/ 4093462 h 4093462"/>
                <a:gd name="connsiteX9" fmla="*/ 0 w 4905375"/>
                <a:gd name="connsiteY9" fmla="*/ 4093462 h 4093462"/>
                <a:gd name="connsiteX10" fmla="*/ 960120 w 4905375"/>
                <a:gd name="connsiteY10" fmla="*/ 457769 h 4093462"/>
                <a:gd name="connsiteX0" fmla="*/ 960120 w 4905375"/>
                <a:gd name="connsiteY0" fmla="*/ 457769 h 4093462"/>
                <a:gd name="connsiteX1" fmla="*/ 1685927 w 4905375"/>
                <a:gd name="connsiteY1" fmla="*/ 569 h 4093462"/>
                <a:gd name="connsiteX2" fmla="*/ 1602107 w 4905375"/>
                <a:gd name="connsiteY2" fmla="*/ 671129 h 4093462"/>
                <a:gd name="connsiteX3" fmla="*/ 1967867 w 4905375"/>
                <a:gd name="connsiteY3" fmla="*/ 84389 h 4093462"/>
                <a:gd name="connsiteX4" fmla="*/ 2295527 w 4905375"/>
                <a:gd name="connsiteY4" fmla="*/ 610169 h 4093462"/>
                <a:gd name="connsiteX5" fmla="*/ 2409826 w 4905375"/>
                <a:gd name="connsiteY5" fmla="*/ 473009 h 4093462"/>
                <a:gd name="connsiteX6" fmla="*/ 3528061 w 4905375"/>
                <a:gd name="connsiteY6" fmla="*/ 1574100 h 4093462"/>
                <a:gd name="connsiteX7" fmla="*/ 4901566 w 4905375"/>
                <a:gd name="connsiteY7" fmla="*/ 3604829 h 4093462"/>
                <a:gd name="connsiteX8" fmla="*/ 4905375 w 4905375"/>
                <a:gd name="connsiteY8" fmla="*/ 4093462 h 4093462"/>
                <a:gd name="connsiteX9" fmla="*/ 0 w 4905375"/>
                <a:gd name="connsiteY9" fmla="*/ 4093462 h 4093462"/>
                <a:gd name="connsiteX10" fmla="*/ 960120 w 4905375"/>
                <a:gd name="connsiteY10" fmla="*/ 457769 h 4093462"/>
                <a:gd name="connsiteX0" fmla="*/ 960120 w 4905375"/>
                <a:gd name="connsiteY0" fmla="*/ 457769 h 4093462"/>
                <a:gd name="connsiteX1" fmla="*/ 1685927 w 4905375"/>
                <a:gd name="connsiteY1" fmla="*/ 569 h 4093462"/>
                <a:gd name="connsiteX2" fmla="*/ 1602107 w 4905375"/>
                <a:gd name="connsiteY2" fmla="*/ 671129 h 4093462"/>
                <a:gd name="connsiteX3" fmla="*/ 1967867 w 4905375"/>
                <a:gd name="connsiteY3" fmla="*/ 84389 h 4093462"/>
                <a:gd name="connsiteX4" fmla="*/ 2295527 w 4905375"/>
                <a:gd name="connsiteY4" fmla="*/ 610169 h 4093462"/>
                <a:gd name="connsiteX5" fmla="*/ 2409826 w 4905375"/>
                <a:gd name="connsiteY5" fmla="*/ 473009 h 4093462"/>
                <a:gd name="connsiteX6" fmla="*/ 3528061 w 4905375"/>
                <a:gd name="connsiteY6" fmla="*/ 1574100 h 4093462"/>
                <a:gd name="connsiteX7" fmla="*/ 4901566 w 4905375"/>
                <a:gd name="connsiteY7" fmla="*/ 3604829 h 4093462"/>
                <a:gd name="connsiteX8" fmla="*/ 4905375 w 4905375"/>
                <a:gd name="connsiteY8" fmla="*/ 4093462 h 4093462"/>
                <a:gd name="connsiteX9" fmla="*/ 0 w 4905375"/>
                <a:gd name="connsiteY9" fmla="*/ 4093462 h 4093462"/>
                <a:gd name="connsiteX10" fmla="*/ 960120 w 4905375"/>
                <a:gd name="connsiteY10" fmla="*/ 457769 h 40934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4905375" h="4093462">
                  <a:moveTo>
                    <a:pt x="960120" y="457769"/>
                  </a:moveTo>
                  <a:cubicBezTo>
                    <a:pt x="1368108" y="173130"/>
                    <a:pt x="1672592" y="-6098"/>
                    <a:pt x="1685927" y="569"/>
                  </a:cubicBezTo>
                  <a:cubicBezTo>
                    <a:pt x="1681165" y="-18481"/>
                    <a:pt x="1621157" y="445069"/>
                    <a:pt x="1602107" y="671129"/>
                  </a:cubicBezTo>
                  <a:cubicBezTo>
                    <a:pt x="1649097" y="685099"/>
                    <a:pt x="1911987" y="118679"/>
                    <a:pt x="1967867" y="84389"/>
                  </a:cubicBezTo>
                  <a:lnTo>
                    <a:pt x="2295527" y="610169"/>
                  </a:lnTo>
                  <a:lnTo>
                    <a:pt x="2409826" y="473009"/>
                  </a:lnTo>
                  <a:lnTo>
                    <a:pt x="3528061" y="1574100"/>
                  </a:lnTo>
                  <a:cubicBezTo>
                    <a:pt x="3580766" y="1717610"/>
                    <a:pt x="4900931" y="3594510"/>
                    <a:pt x="4901566" y="3604829"/>
                  </a:cubicBezTo>
                  <a:cubicBezTo>
                    <a:pt x="4902836" y="3767707"/>
                    <a:pt x="4904105" y="3930584"/>
                    <a:pt x="4905375" y="4093462"/>
                  </a:cubicBezTo>
                  <a:lnTo>
                    <a:pt x="0" y="4093462"/>
                  </a:lnTo>
                  <a:lnTo>
                    <a:pt x="960120" y="457769"/>
                  </a:lnTo>
                  <a:close/>
                </a:path>
              </a:pathLst>
            </a:custGeom>
            <a:solidFill>
              <a:srgbClr val="818EAE">
                <a:lumMod val="75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0" name="Rectangle 2"/>
            <p:cNvSpPr/>
            <p:nvPr/>
          </p:nvSpPr>
          <p:spPr>
            <a:xfrm>
              <a:off x="1522095" y="2247424"/>
              <a:ext cx="6088380" cy="4092415"/>
            </a:xfrm>
            <a:custGeom>
              <a:avLst/>
              <a:gdLst>
                <a:gd name="connsiteX0" fmla="*/ 0 w 6088380"/>
                <a:gd name="connsiteY0" fmla="*/ 0 h 4130040"/>
                <a:gd name="connsiteX1" fmla="*/ 6088380 w 6088380"/>
                <a:gd name="connsiteY1" fmla="*/ 0 h 4130040"/>
                <a:gd name="connsiteX2" fmla="*/ 6088380 w 6088380"/>
                <a:gd name="connsiteY2" fmla="*/ 4130040 h 4130040"/>
                <a:gd name="connsiteX3" fmla="*/ 0 w 6088380"/>
                <a:gd name="connsiteY3" fmla="*/ 4130040 h 4130040"/>
                <a:gd name="connsiteX4" fmla="*/ 0 w 6088380"/>
                <a:gd name="connsiteY4" fmla="*/ 0 h 4130040"/>
                <a:gd name="connsiteX0" fmla="*/ 0 w 6088380"/>
                <a:gd name="connsiteY0" fmla="*/ 0 h 4130040"/>
                <a:gd name="connsiteX1" fmla="*/ 6088380 w 6088380"/>
                <a:gd name="connsiteY1" fmla="*/ 0 h 4130040"/>
                <a:gd name="connsiteX2" fmla="*/ 6088380 w 6088380"/>
                <a:gd name="connsiteY2" fmla="*/ 4130040 h 4130040"/>
                <a:gd name="connsiteX3" fmla="*/ 0 w 6088380"/>
                <a:gd name="connsiteY3" fmla="*/ 4130040 h 4130040"/>
                <a:gd name="connsiteX4" fmla="*/ 0 w 6088380"/>
                <a:gd name="connsiteY4" fmla="*/ 3756660 h 4130040"/>
                <a:gd name="connsiteX5" fmla="*/ 0 w 6088380"/>
                <a:gd name="connsiteY5" fmla="*/ 0 h 4130040"/>
                <a:gd name="connsiteX0" fmla="*/ 0 w 6088380"/>
                <a:gd name="connsiteY0" fmla="*/ 0 h 4130040"/>
                <a:gd name="connsiteX1" fmla="*/ 2095500 w 6088380"/>
                <a:gd name="connsiteY1" fmla="*/ 0 h 4130040"/>
                <a:gd name="connsiteX2" fmla="*/ 6088380 w 6088380"/>
                <a:gd name="connsiteY2" fmla="*/ 0 h 4130040"/>
                <a:gd name="connsiteX3" fmla="*/ 6088380 w 6088380"/>
                <a:gd name="connsiteY3" fmla="*/ 4130040 h 4130040"/>
                <a:gd name="connsiteX4" fmla="*/ 0 w 6088380"/>
                <a:gd name="connsiteY4" fmla="*/ 4130040 h 4130040"/>
                <a:gd name="connsiteX5" fmla="*/ 0 w 6088380"/>
                <a:gd name="connsiteY5" fmla="*/ 3756660 h 4130040"/>
                <a:gd name="connsiteX6" fmla="*/ 0 w 6088380"/>
                <a:gd name="connsiteY6" fmla="*/ 0 h 4130040"/>
                <a:gd name="connsiteX0" fmla="*/ 0 w 6088380"/>
                <a:gd name="connsiteY0" fmla="*/ 0 h 4130040"/>
                <a:gd name="connsiteX1" fmla="*/ 2095500 w 6088380"/>
                <a:gd name="connsiteY1" fmla="*/ 0 h 4130040"/>
                <a:gd name="connsiteX2" fmla="*/ 6088380 w 6088380"/>
                <a:gd name="connsiteY2" fmla="*/ 0 h 4130040"/>
                <a:gd name="connsiteX3" fmla="*/ 6088380 w 6088380"/>
                <a:gd name="connsiteY3" fmla="*/ 3695700 h 4130040"/>
                <a:gd name="connsiteX4" fmla="*/ 6088380 w 6088380"/>
                <a:gd name="connsiteY4" fmla="*/ 4130040 h 4130040"/>
                <a:gd name="connsiteX5" fmla="*/ 0 w 6088380"/>
                <a:gd name="connsiteY5" fmla="*/ 4130040 h 4130040"/>
                <a:gd name="connsiteX6" fmla="*/ 0 w 6088380"/>
                <a:gd name="connsiteY6" fmla="*/ 3756660 h 4130040"/>
                <a:gd name="connsiteX7" fmla="*/ 0 w 6088380"/>
                <a:gd name="connsiteY7" fmla="*/ 0 h 4130040"/>
                <a:gd name="connsiteX0" fmla="*/ 0 w 6088380"/>
                <a:gd name="connsiteY0" fmla="*/ 0 h 4130040"/>
                <a:gd name="connsiteX1" fmla="*/ 2095500 w 6088380"/>
                <a:gd name="connsiteY1" fmla="*/ 0 h 4130040"/>
                <a:gd name="connsiteX2" fmla="*/ 6088380 w 6088380"/>
                <a:gd name="connsiteY2" fmla="*/ 0 h 4130040"/>
                <a:gd name="connsiteX3" fmla="*/ 6080760 w 6088380"/>
                <a:gd name="connsiteY3" fmla="*/ 1409700 h 4130040"/>
                <a:gd name="connsiteX4" fmla="*/ 6088380 w 6088380"/>
                <a:gd name="connsiteY4" fmla="*/ 3695700 h 4130040"/>
                <a:gd name="connsiteX5" fmla="*/ 6088380 w 6088380"/>
                <a:gd name="connsiteY5" fmla="*/ 4130040 h 4130040"/>
                <a:gd name="connsiteX6" fmla="*/ 0 w 6088380"/>
                <a:gd name="connsiteY6" fmla="*/ 4130040 h 4130040"/>
                <a:gd name="connsiteX7" fmla="*/ 0 w 6088380"/>
                <a:gd name="connsiteY7" fmla="*/ 3756660 h 4130040"/>
                <a:gd name="connsiteX8" fmla="*/ 0 w 6088380"/>
                <a:gd name="connsiteY8" fmla="*/ 0 h 4130040"/>
                <a:gd name="connsiteX0" fmla="*/ 0 w 6088380"/>
                <a:gd name="connsiteY0" fmla="*/ 0 h 4130040"/>
                <a:gd name="connsiteX1" fmla="*/ 2095500 w 6088380"/>
                <a:gd name="connsiteY1" fmla="*/ 0 h 4130040"/>
                <a:gd name="connsiteX2" fmla="*/ 6080760 w 6088380"/>
                <a:gd name="connsiteY2" fmla="*/ 1409700 h 4130040"/>
                <a:gd name="connsiteX3" fmla="*/ 6088380 w 6088380"/>
                <a:gd name="connsiteY3" fmla="*/ 3695700 h 4130040"/>
                <a:gd name="connsiteX4" fmla="*/ 6088380 w 6088380"/>
                <a:gd name="connsiteY4" fmla="*/ 4130040 h 4130040"/>
                <a:gd name="connsiteX5" fmla="*/ 0 w 6088380"/>
                <a:gd name="connsiteY5" fmla="*/ 4130040 h 4130040"/>
                <a:gd name="connsiteX6" fmla="*/ 0 w 6088380"/>
                <a:gd name="connsiteY6" fmla="*/ 3756660 h 4130040"/>
                <a:gd name="connsiteX7" fmla="*/ 0 w 6088380"/>
                <a:gd name="connsiteY7" fmla="*/ 0 h 4130040"/>
                <a:gd name="connsiteX0" fmla="*/ 0 w 6088380"/>
                <a:gd name="connsiteY0" fmla="*/ 3756660 h 4130040"/>
                <a:gd name="connsiteX1" fmla="*/ 2095500 w 6088380"/>
                <a:gd name="connsiteY1" fmla="*/ 0 h 4130040"/>
                <a:gd name="connsiteX2" fmla="*/ 6080760 w 6088380"/>
                <a:gd name="connsiteY2" fmla="*/ 1409700 h 4130040"/>
                <a:gd name="connsiteX3" fmla="*/ 6088380 w 6088380"/>
                <a:gd name="connsiteY3" fmla="*/ 3695700 h 4130040"/>
                <a:gd name="connsiteX4" fmla="*/ 6088380 w 6088380"/>
                <a:gd name="connsiteY4" fmla="*/ 4130040 h 4130040"/>
                <a:gd name="connsiteX5" fmla="*/ 0 w 6088380"/>
                <a:gd name="connsiteY5" fmla="*/ 4130040 h 4130040"/>
                <a:gd name="connsiteX6" fmla="*/ 0 w 6088380"/>
                <a:gd name="connsiteY6" fmla="*/ 3756660 h 4130040"/>
                <a:gd name="connsiteX0" fmla="*/ 0 w 6088380"/>
                <a:gd name="connsiteY0" fmla="*/ 3756660 h 4130040"/>
                <a:gd name="connsiteX1" fmla="*/ 2095500 w 6088380"/>
                <a:gd name="connsiteY1" fmla="*/ 0 h 4130040"/>
                <a:gd name="connsiteX2" fmla="*/ 5227320 w 6088380"/>
                <a:gd name="connsiteY2" fmla="*/ 2499360 h 4130040"/>
                <a:gd name="connsiteX3" fmla="*/ 6088380 w 6088380"/>
                <a:gd name="connsiteY3" fmla="*/ 3695700 h 4130040"/>
                <a:gd name="connsiteX4" fmla="*/ 6088380 w 6088380"/>
                <a:gd name="connsiteY4" fmla="*/ 4130040 h 4130040"/>
                <a:gd name="connsiteX5" fmla="*/ 0 w 6088380"/>
                <a:gd name="connsiteY5" fmla="*/ 4130040 h 4130040"/>
                <a:gd name="connsiteX6" fmla="*/ 0 w 6088380"/>
                <a:gd name="connsiteY6" fmla="*/ 3756660 h 4130040"/>
                <a:gd name="connsiteX0" fmla="*/ 0 w 6088380"/>
                <a:gd name="connsiteY0" fmla="*/ 3756660 h 4130040"/>
                <a:gd name="connsiteX1" fmla="*/ 2095500 w 6088380"/>
                <a:gd name="connsiteY1" fmla="*/ 0 h 4130040"/>
                <a:gd name="connsiteX2" fmla="*/ 5227320 w 6088380"/>
                <a:gd name="connsiteY2" fmla="*/ 2499360 h 4130040"/>
                <a:gd name="connsiteX3" fmla="*/ 6088380 w 6088380"/>
                <a:gd name="connsiteY3" fmla="*/ 3695700 h 4130040"/>
                <a:gd name="connsiteX4" fmla="*/ 6088380 w 6088380"/>
                <a:gd name="connsiteY4" fmla="*/ 4130040 h 4130040"/>
                <a:gd name="connsiteX5" fmla="*/ 0 w 6088380"/>
                <a:gd name="connsiteY5" fmla="*/ 4130040 h 4130040"/>
                <a:gd name="connsiteX6" fmla="*/ 0 w 6088380"/>
                <a:gd name="connsiteY6" fmla="*/ 3756660 h 4130040"/>
                <a:gd name="connsiteX0" fmla="*/ 0 w 6088380"/>
                <a:gd name="connsiteY0" fmla="*/ 3833231 h 4206611"/>
                <a:gd name="connsiteX1" fmla="*/ 2095500 w 6088380"/>
                <a:gd name="connsiteY1" fmla="*/ 76571 h 4206611"/>
                <a:gd name="connsiteX2" fmla="*/ 3931920 w 6088380"/>
                <a:gd name="connsiteY2" fmla="*/ 1402451 h 4206611"/>
                <a:gd name="connsiteX3" fmla="*/ 5227320 w 6088380"/>
                <a:gd name="connsiteY3" fmla="*/ 2575931 h 4206611"/>
                <a:gd name="connsiteX4" fmla="*/ 6088380 w 6088380"/>
                <a:gd name="connsiteY4" fmla="*/ 3772271 h 4206611"/>
                <a:gd name="connsiteX5" fmla="*/ 6088380 w 6088380"/>
                <a:gd name="connsiteY5" fmla="*/ 4206611 h 4206611"/>
                <a:gd name="connsiteX6" fmla="*/ 0 w 6088380"/>
                <a:gd name="connsiteY6" fmla="*/ 4206611 h 4206611"/>
                <a:gd name="connsiteX7" fmla="*/ 0 w 6088380"/>
                <a:gd name="connsiteY7" fmla="*/ 3833231 h 4206611"/>
                <a:gd name="connsiteX0" fmla="*/ 0 w 6088380"/>
                <a:gd name="connsiteY0" fmla="*/ 3837765 h 4211145"/>
                <a:gd name="connsiteX1" fmla="*/ 2095500 w 6088380"/>
                <a:gd name="connsiteY1" fmla="*/ 81105 h 4211145"/>
                <a:gd name="connsiteX2" fmla="*/ 4122420 w 6088380"/>
                <a:gd name="connsiteY2" fmla="*/ 1315545 h 4211145"/>
                <a:gd name="connsiteX3" fmla="*/ 5227320 w 6088380"/>
                <a:gd name="connsiteY3" fmla="*/ 2580465 h 4211145"/>
                <a:gd name="connsiteX4" fmla="*/ 6088380 w 6088380"/>
                <a:gd name="connsiteY4" fmla="*/ 3776805 h 4211145"/>
                <a:gd name="connsiteX5" fmla="*/ 6088380 w 6088380"/>
                <a:gd name="connsiteY5" fmla="*/ 4211145 h 4211145"/>
                <a:gd name="connsiteX6" fmla="*/ 0 w 6088380"/>
                <a:gd name="connsiteY6" fmla="*/ 4211145 h 4211145"/>
                <a:gd name="connsiteX7" fmla="*/ 0 w 6088380"/>
                <a:gd name="connsiteY7" fmla="*/ 3837765 h 4211145"/>
                <a:gd name="connsiteX0" fmla="*/ 0 w 6088380"/>
                <a:gd name="connsiteY0" fmla="*/ 3835059 h 4208439"/>
                <a:gd name="connsiteX1" fmla="*/ 2095500 w 6088380"/>
                <a:gd name="connsiteY1" fmla="*/ 78399 h 4208439"/>
                <a:gd name="connsiteX2" fmla="*/ 3992880 w 6088380"/>
                <a:gd name="connsiteY2" fmla="*/ 1366179 h 4208439"/>
                <a:gd name="connsiteX3" fmla="*/ 5227320 w 6088380"/>
                <a:gd name="connsiteY3" fmla="*/ 2577759 h 4208439"/>
                <a:gd name="connsiteX4" fmla="*/ 6088380 w 6088380"/>
                <a:gd name="connsiteY4" fmla="*/ 3774099 h 4208439"/>
                <a:gd name="connsiteX5" fmla="*/ 6088380 w 6088380"/>
                <a:gd name="connsiteY5" fmla="*/ 4208439 h 4208439"/>
                <a:gd name="connsiteX6" fmla="*/ 0 w 6088380"/>
                <a:gd name="connsiteY6" fmla="*/ 4208439 h 4208439"/>
                <a:gd name="connsiteX7" fmla="*/ 0 w 6088380"/>
                <a:gd name="connsiteY7" fmla="*/ 3835059 h 4208439"/>
                <a:gd name="connsiteX0" fmla="*/ 0 w 6088380"/>
                <a:gd name="connsiteY0" fmla="*/ 3835059 h 4208439"/>
                <a:gd name="connsiteX1" fmla="*/ 2095500 w 6088380"/>
                <a:gd name="connsiteY1" fmla="*/ 78399 h 4208439"/>
                <a:gd name="connsiteX2" fmla="*/ 3992880 w 6088380"/>
                <a:gd name="connsiteY2" fmla="*/ 1366179 h 4208439"/>
                <a:gd name="connsiteX3" fmla="*/ 5227320 w 6088380"/>
                <a:gd name="connsiteY3" fmla="*/ 2577759 h 4208439"/>
                <a:gd name="connsiteX4" fmla="*/ 6088380 w 6088380"/>
                <a:gd name="connsiteY4" fmla="*/ 3774099 h 4208439"/>
                <a:gd name="connsiteX5" fmla="*/ 6088380 w 6088380"/>
                <a:gd name="connsiteY5" fmla="*/ 4208439 h 4208439"/>
                <a:gd name="connsiteX6" fmla="*/ 0 w 6088380"/>
                <a:gd name="connsiteY6" fmla="*/ 4208439 h 4208439"/>
                <a:gd name="connsiteX7" fmla="*/ 0 w 6088380"/>
                <a:gd name="connsiteY7" fmla="*/ 3835059 h 4208439"/>
                <a:gd name="connsiteX0" fmla="*/ 0 w 6088380"/>
                <a:gd name="connsiteY0" fmla="*/ 3835059 h 4208439"/>
                <a:gd name="connsiteX1" fmla="*/ 2095500 w 6088380"/>
                <a:gd name="connsiteY1" fmla="*/ 78399 h 4208439"/>
                <a:gd name="connsiteX2" fmla="*/ 3992880 w 6088380"/>
                <a:gd name="connsiteY2" fmla="*/ 1366179 h 4208439"/>
                <a:gd name="connsiteX3" fmla="*/ 5227320 w 6088380"/>
                <a:gd name="connsiteY3" fmla="*/ 2577759 h 4208439"/>
                <a:gd name="connsiteX4" fmla="*/ 6088380 w 6088380"/>
                <a:gd name="connsiteY4" fmla="*/ 3774099 h 4208439"/>
                <a:gd name="connsiteX5" fmla="*/ 6088380 w 6088380"/>
                <a:gd name="connsiteY5" fmla="*/ 4208439 h 4208439"/>
                <a:gd name="connsiteX6" fmla="*/ 0 w 6088380"/>
                <a:gd name="connsiteY6" fmla="*/ 4208439 h 4208439"/>
                <a:gd name="connsiteX7" fmla="*/ 0 w 6088380"/>
                <a:gd name="connsiteY7" fmla="*/ 3835059 h 4208439"/>
                <a:gd name="connsiteX0" fmla="*/ 0 w 6088380"/>
                <a:gd name="connsiteY0" fmla="*/ 3835059 h 4208439"/>
                <a:gd name="connsiteX1" fmla="*/ 2095500 w 6088380"/>
                <a:gd name="connsiteY1" fmla="*/ 78399 h 4208439"/>
                <a:gd name="connsiteX2" fmla="*/ 3992880 w 6088380"/>
                <a:gd name="connsiteY2" fmla="*/ 1366179 h 4208439"/>
                <a:gd name="connsiteX3" fmla="*/ 5204460 w 6088380"/>
                <a:gd name="connsiteY3" fmla="*/ 2577759 h 4208439"/>
                <a:gd name="connsiteX4" fmla="*/ 6088380 w 6088380"/>
                <a:gd name="connsiteY4" fmla="*/ 3774099 h 4208439"/>
                <a:gd name="connsiteX5" fmla="*/ 6088380 w 6088380"/>
                <a:gd name="connsiteY5" fmla="*/ 4208439 h 4208439"/>
                <a:gd name="connsiteX6" fmla="*/ 0 w 6088380"/>
                <a:gd name="connsiteY6" fmla="*/ 4208439 h 4208439"/>
                <a:gd name="connsiteX7" fmla="*/ 0 w 6088380"/>
                <a:gd name="connsiteY7" fmla="*/ 3835059 h 4208439"/>
                <a:gd name="connsiteX0" fmla="*/ 0 w 6088380"/>
                <a:gd name="connsiteY0" fmla="*/ 3360852 h 3734232"/>
                <a:gd name="connsiteX1" fmla="*/ 2164080 w 6088380"/>
                <a:gd name="connsiteY1" fmla="*/ 114732 h 3734232"/>
                <a:gd name="connsiteX2" fmla="*/ 3992880 w 6088380"/>
                <a:gd name="connsiteY2" fmla="*/ 891972 h 3734232"/>
                <a:gd name="connsiteX3" fmla="*/ 5204460 w 6088380"/>
                <a:gd name="connsiteY3" fmla="*/ 2103552 h 3734232"/>
                <a:gd name="connsiteX4" fmla="*/ 6088380 w 6088380"/>
                <a:gd name="connsiteY4" fmla="*/ 3299892 h 3734232"/>
                <a:gd name="connsiteX5" fmla="*/ 6088380 w 6088380"/>
                <a:gd name="connsiteY5" fmla="*/ 3734232 h 3734232"/>
                <a:gd name="connsiteX6" fmla="*/ 0 w 6088380"/>
                <a:gd name="connsiteY6" fmla="*/ 3734232 h 3734232"/>
                <a:gd name="connsiteX7" fmla="*/ 0 w 6088380"/>
                <a:gd name="connsiteY7" fmla="*/ 3360852 h 3734232"/>
                <a:gd name="connsiteX0" fmla="*/ 0 w 6088380"/>
                <a:gd name="connsiteY0" fmla="*/ 3383609 h 3756989"/>
                <a:gd name="connsiteX1" fmla="*/ 2164080 w 6088380"/>
                <a:gd name="connsiteY1" fmla="*/ 137489 h 3756989"/>
                <a:gd name="connsiteX2" fmla="*/ 3649980 w 6088380"/>
                <a:gd name="connsiteY2" fmla="*/ 632789 h 3756989"/>
                <a:gd name="connsiteX3" fmla="*/ 3992880 w 6088380"/>
                <a:gd name="connsiteY3" fmla="*/ 914729 h 3756989"/>
                <a:gd name="connsiteX4" fmla="*/ 5204460 w 6088380"/>
                <a:gd name="connsiteY4" fmla="*/ 2126309 h 3756989"/>
                <a:gd name="connsiteX5" fmla="*/ 6088380 w 6088380"/>
                <a:gd name="connsiteY5" fmla="*/ 3322649 h 3756989"/>
                <a:gd name="connsiteX6" fmla="*/ 6088380 w 6088380"/>
                <a:gd name="connsiteY6" fmla="*/ 3756989 h 3756989"/>
                <a:gd name="connsiteX7" fmla="*/ 0 w 6088380"/>
                <a:gd name="connsiteY7" fmla="*/ 3756989 h 3756989"/>
                <a:gd name="connsiteX8" fmla="*/ 0 w 6088380"/>
                <a:gd name="connsiteY8" fmla="*/ 3383609 h 3756989"/>
                <a:gd name="connsiteX0" fmla="*/ 0 w 6088380"/>
                <a:gd name="connsiteY0" fmla="*/ 3310933 h 3684313"/>
                <a:gd name="connsiteX1" fmla="*/ 2164080 w 6088380"/>
                <a:gd name="connsiteY1" fmla="*/ 64813 h 3684313"/>
                <a:gd name="connsiteX2" fmla="*/ 4038600 w 6088380"/>
                <a:gd name="connsiteY2" fmla="*/ 1855513 h 3684313"/>
                <a:gd name="connsiteX3" fmla="*/ 3992880 w 6088380"/>
                <a:gd name="connsiteY3" fmla="*/ 842053 h 3684313"/>
                <a:gd name="connsiteX4" fmla="*/ 5204460 w 6088380"/>
                <a:gd name="connsiteY4" fmla="*/ 2053633 h 3684313"/>
                <a:gd name="connsiteX5" fmla="*/ 6088380 w 6088380"/>
                <a:gd name="connsiteY5" fmla="*/ 3249973 h 3684313"/>
                <a:gd name="connsiteX6" fmla="*/ 6088380 w 6088380"/>
                <a:gd name="connsiteY6" fmla="*/ 3684313 h 3684313"/>
                <a:gd name="connsiteX7" fmla="*/ 0 w 6088380"/>
                <a:gd name="connsiteY7" fmla="*/ 3684313 h 3684313"/>
                <a:gd name="connsiteX8" fmla="*/ 0 w 6088380"/>
                <a:gd name="connsiteY8" fmla="*/ 3310933 h 3684313"/>
                <a:gd name="connsiteX0" fmla="*/ 0 w 6088380"/>
                <a:gd name="connsiteY0" fmla="*/ 3310933 h 3684313"/>
                <a:gd name="connsiteX1" fmla="*/ 2164080 w 6088380"/>
                <a:gd name="connsiteY1" fmla="*/ 64813 h 3684313"/>
                <a:gd name="connsiteX2" fmla="*/ 4038600 w 6088380"/>
                <a:gd name="connsiteY2" fmla="*/ 1855513 h 3684313"/>
                <a:gd name="connsiteX3" fmla="*/ 3992880 w 6088380"/>
                <a:gd name="connsiteY3" fmla="*/ 842053 h 3684313"/>
                <a:gd name="connsiteX4" fmla="*/ 5204460 w 6088380"/>
                <a:gd name="connsiteY4" fmla="*/ 2053633 h 3684313"/>
                <a:gd name="connsiteX5" fmla="*/ 6088380 w 6088380"/>
                <a:gd name="connsiteY5" fmla="*/ 3249973 h 3684313"/>
                <a:gd name="connsiteX6" fmla="*/ 6088380 w 6088380"/>
                <a:gd name="connsiteY6" fmla="*/ 3684313 h 3684313"/>
                <a:gd name="connsiteX7" fmla="*/ 0 w 6088380"/>
                <a:gd name="connsiteY7" fmla="*/ 3684313 h 3684313"/>
                <a:gd name="connsiteX8" fmla="*/ 0 w 6088380"/>
                <a:gd name="connsiteY8" fmla="*/ 3310933 h 3684313"/>
                <a:gd name="connsiteX0" fmla="*/ 0 w 6088380"/>
                <a:gd name="connsiteY0" fmla="*/ 3347336 h 3720716"/>
                <a:gd name="connsiteX1" fmla="*/ 2164080 w 6088380"/>
                <a:gd name="connsiteY1" fmla="*/ 101216 h 3720716"/>
                <a:gd name="connsiteX2" fmla="*/ 3307080 w 6088380"/>
                <a:gd name="connsiteY2" fmla="*/ 916557 h 3720716"/>
                <a:gd name="connsiteX3" fmla="*/ 4038600 w 6088380"/>
                <a:gd name="connsiteY3" fmla="*/ 1891916 h 3720716"/>
                <a:gd name="connsiteX4" fmla="*/ 3992880 w 6088380"/>
                <a:gd name="connsiteY4" fmla="*/ 878456 h 3720716"/>
                <a:gd name="connsiteX5" fmla="*/ 5204460 w 6088380"/>
                <a:gd name="connsiteY5" fmla="*/ 2090036 h 3720716"/>
                <a:gd name="connsiteX6" fmla="*/ 6088380 w 6088380"/>
                <a:gd name="connsiteY6" fmla="*/ 3286376 h 3720716"/>
                <a:gd name="connsiteX7" fmla="*/ 6088380 w 6088380"/>
                <a:gd name="connsiteY7" fmla="*/ 3720716 h 3720716"/>
                <a:gd name="connsiteX8" fmla="*/ 0 w 6088380"/>
                <a:gd name="connsiteY8" fmla="*/ 3720716 h 3720716"/>
                <a:gd name="connsiteX9" fmla="*/ 0 w 6088380"/>
                <a:gd name="connsiteY9" fmla="*/ 3347336 h 3720716"/>
                <a:gd name="connsiteX0" fmla="*/ 0 w 6088380"/>
                <a:gd name="connsiteY0" fmla="*/ 3407518 h 3780898"/>
                <a:gd name="connsiteX1" fmla="*/ 2164080 w 6088380"/>
                <a:gd name="connsiteY1" fmla="*/ 161398 h 3780898"/>
                <a:gd name="connsiteX2" fmla="*/ 3467100 w 6088380"/>
                <a:gd name="connsiteY2" fmla="*/ 504299 h 3780898"/>
                <a:gd name="connsiteX3" fmla="*/ 4038600 w 6088380"/>
                <a:gd name="connsiteY3" fmla="*/ 1952098 h 3780898"/>
                <a:gd name="connsiteX4" fmla="*/ 3992880 w 6088380"/>
                <a:gd name="connsiteY4" fmla="*/ 938638 h 3780898"/>
                <a:gd name="connsiteX5" fmla="*/ 5204460 w 6088380"/>
                <a:gd name="connsiteY5" fmla="*/ 2150218 h 3780898"/>
                <a:gd name="connsiteX6" fmla="*/ 6088380 w 6088380"/>
                <a:gd name="connsiteY6" fmla="*/ 3346558 h 3780898"/>
                <a:gd name="connsiteX7" fmla="*/ 6088380 w 6088380"/>
                <a:gd name="connsiteY7" fmla="*/ 3780898 h 3780898"/>
                <a:gd name="connsiteX8" fmla="*/ 0 w 6088380"/>
                <a:gd name="connsiteY8" fmla="*/ 3780898 h 3780898"/>
                <a:gd name="connsiteX9" fmla="*/ 0 w 6088380"/>
                <a:gd name="connsiteY9" fmla="*/ 3407518 h 3780898"/>
                <a:gd name="connsiteX0" fmla="*/ 0 w 6088380"/>
                <a:gd name="connsiteY0" fmla="*/ 3407518 h 3780898"/>
                <a:gd name="connsiteX1" fmla="*/ 2164080 w 6088380"/>
                <a:gd name="connsiteY1" fmla="*/ 161398 h 3780898"/>
                <a:gd name="connsiteX2" fmla="*/ 3467100 w 6088380"/>
                <a:gd name="connsiteY2" fmla="*/ 504299 h 3780898"/>
                <a:gd name="connsiteX3" fmla="*/ 4038600 w 6088380"/>
                <a:gd name="connsiteY3" fmla="*/ 1952098 h 3780898"/>
                <a:gd name="connsiteX4" fmla="*/ 3992880 w 6088380"/>
                <a:gd name="connsiteY4" fmla="*/ 938638 h 3780898"/>
                <a:gd name="connsiteX5" fmla="*/ 5204460 w 6088380"/>
                <a:gd name="connsiteY5" fmla="*/ 2150218 h 3780898"/>
                <a:gd name="connsiteX6" fmla="*/ 6088380 w 6088380"/>
                <a:gd name="connsiteY6" fmla="*/ 3346558 h 3780898"/>
                <a:gd name="connsiteX7" fmla="*/ 6088380 w 6088380"/>
                <a:gd name="connsiteY7" fmla="*/ 3780898 h 3780898"/>
                <a:gd name="connsiteX8" fmla="*/ 0 w 6088380"/>
                <a:gd name="connsiteY8" fmla="*/ 3780898 h 3780898"/>
                <a:gd name="connsiteX9" fmla="*/ 0 w 6088380"/>
                <a:gd name="connsiteY9" fmla="*/ 3407518 h 3780898"/>
                <a:gd name="connsiteX0" fmla="*/ 0 w 6088380"/>
                <a:gd name="connsiteY0" fmla="*/ 3407518 h 3780898"/>
                <a:gd name="connsiteX1" fmla="*/ 2164080 w 6088380"/>
                <a:gd name="connsiteY1" fmla="*/ 161398 h 3780898"/>
                <a:gd name="connsiteX2" fmla="*/ 3467100 w 6088380"/>
                <a:gd name="connsiteY2" fmla="*/ 504299 h 3780898"/>
                <a:gd name="connsiteX3" fmla="*/ 4038600 w 6088380"/>
                <a:gd name="connsiteY3" fmla="*/ 1952098 h 3780898"/>
                <a:gd name="connsiteX4" fmla="*/ 3992880 w 6088380"/>
                <a:gd name="connsiteY4" fmla="*/ 938638 h 3780898"/>
                <a:gd name="connsiteX5" fmla="*/ 5204460 w 6088380"/>
                <a:gd name="connsiteY5" fmla="*/ 2150218 h 3780898"/>
                <a:gd name="connsiteX6" fmla="*/ 6088380 w 6088380"/>
                <a:gd name="connsiteY6" fmla="*/ 3346558 h 3780898"/>
                <a:gd name="connsiteX7" fmla="*/ 6088380 w 6088380"/>
                <a:gd name="connsiteY7" fmla="*/ 3780898 h 3780898"/>
                <a:gd name="connsiteX8" fmla="*/ 0 w 6088380"/>
                <a:gd name="connsiteY8" fmla="*/ 3780898 h 3780898"/>
                <a:gd name="connsiteX9" fmla="*/ 0 w 6088380"/>
                <a:gd name="connsiteY9" fmla="*/ 3407518 h 3780898"/>
                <a:gd name="connsiteX0" fmla="*/ 0 w 6088380"/>
                <a:gd name="connsiteY0" fmla="*/ 3410572 h 3783952"/>
                <a:gd name="connsiteX1" fmla="*/ 2164080 w 6088380"/>
                <a:gd name="connsiteY1" fmla="*/ 164452 h 3783952"/>
                <a:gd name="connsiteX2" fmla="*/ 3497580 w 6088380"/>
                <a:gd name="connsiteY2" fmla="*/ 492113 h 3783952"/>
                <a:gd name="connsiteX3" fmla="*/ 4038600 w 6088380"/>
                <a:gd name="connsiteY3" fmla="*/ 1955152 h 3783952"/>
                <a:gd name="connsiteX4" fmla="*/ 3992880 w 6088380"/>
                <a:gd name="connsiteY4" fmla="*/ 941692 h 3783952"/>
                <a:gd name="connsiteX5" fmla="*/ 5204460 w 6088380"/>
                <a:gd name="connsiteY5" fmla="*/ 2153272 h 3783952"/>
                <a:gd name="connsiteX6" fmla="*/ 6088380 w 6088380"/>
                <a:gd name="connsiteY6" fmla="*/ 3349612 h 3783952"/>
                <a:gd name="connsiteX7" fmla="*/ 6088380 w 6088380"/>
                <a:gd name="connsiteY7" fmla="*/ 3783952 h 3783952"/>
                <a:gd name="connsiteX8" fmla="*/ 0 w 6088380"/>
                <a:gd name="connsiteY8" fmla="*/ 3783952 h 3783952"/>
                <a:gd name="connsiteX9" fmla="*/ 0 w 6088380"/>
                <a:gd name="connsiteY9" fmla="*/ 3410572 h 3783952"/>
                <a:gd name="connsiteX0" fmla="*/ 0 w 6088380"/>
                <a:gd name="connsiteY0" fmla="*/ 3410572 h 3783952"/>
                <a:gd name="connsiteX1" fmla="*/ 2164080 w 6088380"/>
                <a:gd name="connsiteY1" fmla="*/ 164452 h 3783952"/>
                <a:gd name="connsiteX2" fmla="*/ 3497580 w 6088380"/>
                <a:gd name="connsiteY2" fmla="*/ 492113 h 3783952"/>
                <a:gd name="connsiteX3" fmla="*/ 4038600 w 6088380"/>
                <a:gd name="connsiteY3" fmla="*/ 1955152 h 3783952"/>
                <a:gd name="connsiteX4" fmla="*/ 3992880 w 6088380"/>
                <a:gd name="connsiteY4" fmla="*/ 941692 h 3783952"/>
                <a:gd name="connsiteX5" fmla="*/ 5204460 w 6088380"/>
                <a:gd name="connsiteY5" fmla="*/ 2153272 h 3783952"/>
                <a:gd name="connsiteX6" fmla="*/ 6088380 w 6088380"/>
                <a:gd name="connsiteY6" fmla="*/ 3349612 h 3783952"/>
                <a:gd name="connsiteX7" fmla="*/ 6088380 w 6088380"/>
                <a:gd name="connsiteY7" fmla="*/ 3783952 h 3783952"/>
                <a:gd name="connsiteX8" fmla="*/ 0 w 6088380"/>
                <a:gd name="connsiteY8" fmla="*/ 3783952 h 3783952"/>
                <a:gd name="connsiteX9" fmla="*/ 0 w 6088380"/>
                <a:gd name="connsiteY9" fmla="*/ 3410572 h 3783952"/>
                <a:gd name="connsiteX0" fmla="*/ 0 w 6088380"/>
                <a:gd name="connsiteY0" fmla="*/ 3410572 h 3783952"/>
                <a:gd name="connsiteX1" fmla="*/ 2164080 w 6088380"/>
                <a:gd name="connsiteY1" fmla="*/ 164452 h 3783952"/>
                <a:gd name="connsiteX2" fmla="*/ 3497580 w 6088380"/>
                <a:gd name="connsiteY2" fmla="*/ 492113 h 3783952"/>
                <a:gd name="connsiteX3" fmla="*/ 4038600 w 6088380"/>
                <a:gd name="connsiteY3" fmla="*/ 1955152 h 3783952"/>
                <a:gd name="connsiteX4" fmla="*/ 3992880 w 6088380"/>
                <a:gd name="connsiteY4" fmla="*/ 941692 h 3783952"/>
                <a:gd name="connsiteX5" fmla="*/ 5204460 w 6088380"/>
                <a:gd name="connsiteY5" fmla="*/ 2153272 h 3783952"/>
                <a:gd name="connsiteX6" fmla="*/ 6088380 w 6088380"/>
                <a:gd name="connsiteY6" fmla="*/ 3349612 h 3783952"/>
                <a:gd name="connsiteX7" fmla="*/ 6088380 w 6088380"/>
                <a:gd name="connsiteY7" fmla="*/ 3783952 h 3783952"/>
                <a:gd name="connsiteX8" fmla="*/ 0 w 6088380"/>
                <a:gd name="connsiteY8" fmla="*/ 3783952 h 3783952"/>
                <a:gd name="connsiteX9" fmla="*/ 0 w 6088380"/>
                <a:gd name="connsiteY9" fmla="*/ 3410572 h 3783952"/>
                <a:gd name="connsiteX0" fmla="*/ 0 w 6088380"/>
                <a:gd name="connsiteY0" fmla="*/ 3410572 h 3783952"/>
                <a:gd name="connsiteX1" fmla="*/ 2164080 w 6088380"/>
                <a:gd name="connsiteY1" fmla="*/ 164452 h 3783952"/>
                <a:gd name="connsiteX2" fmla="*/ 3497580 w 6088380"/>
                <a:gd name="connsiteY2" fmla="*/ 492113 h 3783952"/>
                <a:gd name="connsiteX3" fmla="*/ 4038600 w 6088380"/>
                <a:gd name="connsiteY3" fmla="*/ 1955152 h 3783952"/>
                <a:gd name="connsiteX4" fmla="*/ 3992880 w 6088380"/>
                <a:gd name="connsiteY4" fmla="*/ 941692 h 3783952"/>
                <a:gd name="connsiteX5" fmla="*/ 5204460 w 6088380"/>
                <a:gd name="connsiteY5" fmla="*/ 2153272 h 3783952"/>
                <a:gd name="connsiteX6" fmla="*/ 6088380 w 6088380"/>
                <a:gd name="connsiteY6" fmla="*/ 3349612 h 3783952"/>
                <a:gd name="connsiteX7" fmla="*/ 6088380 w 6088380"/>
                <a:gd name="connsiteY7" fmla="*/ 3783952 h 3783952"/>
                <a:gd name="connsiteX8" fmla="*/ 0 w 6088380"/>
                <a:gd name="connsiteY8" fmla="*/ 3783952 h 3783952"/>
                <a:gd name="connsiteX9" fmla="*/ 0 w 6088380"/>
                <a:gd name="connsiteY9" fmla="*/ 3410572 h 3783952"/>
                <a:gd name="connsiteX0" fmla="*/ 0 w 6088380"/>
                <a:gd name="connsiteY0" fmla="*/ 3410572 h 3783952"/>
                <a:gd name="connsiteX1" fmla="*/ 2164080 w 6088380"/>
                <a:gd name="connsiteY1" fmla="*/ 164452 h 3783952"/>
                <a:gd name="connsiteX2" fmla="*/ 3497580 w 6088380"/>
                <a:gd name="connsiteY2" fmla="*/ 492113 h 3783952"/>
                <a:gd name="connsiteX3" fmla="*/ 4038600 w 6088380"/>
                <a:gd name="connsiteY3" fmla="*/ 1955152 h 3783952"/>
                <a:gd name="connsiteX4" fmla="*/ 3992880 w 6088380"/>
                <a:gd name="connsiteY4" fmla="*/ 941692 h 3783952"/>
                <a:gd name="connsiteX5" fmla="*/ 5204460 w 6088380"/>
                <a:gd name="connsiteY5" fmla="*/ 2153272 h 3783952"/>
                <a:gd name="connsiteX6" fmla="*/ 6088380 w 6088380"/>
                <a:gd name="connsiteY6" fmla="*/ 3349612 h 3783952"/>
                <a:gd name="connsiteX7" fmla="*/ 6088380 w 6088380"/>
                <a:gd name="connsiteY7" fmla="*/ 3783952 h 3783952"/>
                <a:gd name="connsiteX8" fmla="*/ 0 w 6088380"/>
                <a:gd name="connsiteY8" fmla="*/ 3783952 h 3783952"/>
                <a:gd name="connsiteX9" fmla="*/ 0 w 6088380"/>
                <a:gd name="connsiteY9" fmla="*/ 3410572 h 3783952"/>
                <a:gd name="connsiteX0" fmla="*/ 0 w 6088380"/>
                <a:gd name="connsiteY0" fmla="*/ 3350147 h 3723527"/>
                <a:gd name="connsiteX1" fmla="*/ 2164080 w 6088380"/>
                <a:gd name="connsiteY1" fmla="*/ 104027 h 3723527"/>
                <a:gd name="connsiteX2" fmla="*/ 3497580 w 6088380"/>
                <a:gd name="connsiteY2" fmla="*/ 431688 h 3723527"/>
                <a:gd name="connsiteX3" fmla="*/ 4038600 w 6088380"/>
                <a:gd name="connsiteY3" fmla="*/ 1894727 h 3723527"/>
                <a:gd name="connsiteX4" fmla="*/ 3992880 w 6088380"/>
                <a:gd name="connsiteY4" fmla="*/ 881267 h 3723527"/>
                <a:gd name="connsiteX5" fmla="*/ 5204460 w 6088380"/>
                <a:gd name="connsiteY5" fmla="*/ 2092847 h 3723527"/>
                <a:gd name="connsiteX6" fmla="*/ 6088380 w 6088380"/>
                <a:gd name="connsiteY6" fmla="*/ 3289187 h 3723527"/>
                <a:gd name="connsiteX7" fmla="*/ 6088380 w 6088380"/>
                <a:gd name="connsiteY7" fmla="*/ 3723527 h 3723527"/>
                <a:gd name="connsiteX8" fmla="*/ 0 w 6088380"/>
                <a:gd name="connsiteY8" fmla="*/ 3723527 h 3723527"/>
                <a:gd name="connsiteX9" fmla="*/ 0 w 6088380"/>
                <a:gd name="connsiteY9" fmla="*/ 3350147 h 3723527"/>
                <a:gd name="connsiteX0" fmla="*/ 0 w 6088380"/>
                <a:gd name="connsiteY0" fmla="*/ 3421723 h 3795103"/>
                <a:gd name="connsiteX1" fmla="*/ 2164080 w 6088380"/>
                <a:gd name="connsiteY1" fmla="*/ 175603 h 3795103"/>
                <a:gd name="connsiteX2" fmla="*/ 3246120 w 6088380"/>
                <a:gd name="connsiteY2" fmla="*/ 442304 h 3795103"/>
                <a:gd name="connsiteX3" fmla="*/ 3497580 w 6088380"/>
                <a:gd name="connsiteY3" fmla="*/ 503264 h 3795103"/>
                <a:gd name="connsiteX4" fmla="*/ 4038600 w 6088380"/>
                <a:gd name="connsiteY4" fmla="*/ 1966303 h 3795103"/>
                <a:gd name="connsiteX5" fmla="*/ 3992880 w 6088380"/>
                <a:gd name="connsiteY5" fmla="*/ 952843 h 3795103"/>
                <a:gd name="connsiteX6" fmla="*/ 5204460 w 6088380"/>
                <a:gd name="connsiteY6" fmla="*/ 2164423 h 3795103"/>
                <a:gd name="connsiteX7" fmla="*/ 6088380 w 6088380"/>
                <a:gd name="connsiteY7" fmla="*/ 3360763 h 3795103"/>
                <a:gd name="connsiteX8" fmla="*/ 6088380 w 6088380"/>
                <a:gd name="connsiteY8" fmla="*/ 3795103 h 3795103"/>
                <a:gd name="connsiteX9" fmla="*/ 0 w 6088380"/>
                <a:gd name="connsiteY9" fmla="*/ 3795103 h 3795103"/>
                <a:gd name="connsiteX10" fmla="*/ 0 w 6088380"/>
                <a:gd name="connsiteY10" fmla="*/ 3421723 h 3795103"/>
                <a:gd name="connsiteX0" fmla="*/ 0 w 6088380"/>
                <a:gd name="connsiteY0" fmla="*/ 3335269 h 3708649"/>
                <a:gd name="connsiteX1" fmla="*/ 2164080 w 6088380"/>
                <a:gd name="connsiteY1" fmla="*/ 89149 h 3708649"/>
                <a:gd name="connsiteX2" fmla="*/ 3048000 w 6088380"/>
                <a:gd name="connsiteY2" fmla="*/ 1384550 h 3708649"/>
                <a:gd name="connsiteX3" fmla="*/ 3497580 w 6088380"/>
                <a:gd name="connsiteY3" fmla="*/ 416810 h 3708649"/>
                <a:gd name="connsiteX4" fmla="*/ 4038600 w 6088380"/>
                <a:gd name="connsiteY4" fmla="*/ 1879849 h 3708649"/>
                <a:gd name="connsiteX5" fmla="*/ 3992880 w 6088380"/>
                <a:gd name="connsiteY5" fmla="*/ 866389 h 3708649"/>
                <a:gd name="connsiteX6" fmla="*/ 5204460 w 6088380"/>
                <a:gd name="connsiteY6" fmla="*/ 2077969 h 3708649"/>
                <a:gd name="connsiteX7" fmla="*/ 6088380 w 6088380"/>
                <a:gd name="connsiteY7" fmla="*/ 3274309 h 3708649"/>
                <a:gd name="connsiteX8" fmla="*/ 6088380 w 6088380"/>
                <a:gd name="connsiteY8" fmla="*/ 3708649 h 3708649"/>
                <a:gd name="connsiteX9" fmla="*/ 0 w 6088380"/>
                <a:gd name="connsiteY9" fmla="*/ 3708649 h 3708649"/>
                <a:gd name="connsiteX10" fmla="*/ 0 w 6088380"/>
                <a:gd name="connsiteY10" fmla="*/ 3335269 h 3708649"/>
                <a:gd name="connsiteX0" fmla="*/ 0 w 6088380"/>
                <a:gd name="connsiteY0" fmla="*/ 3335269 h 3708649"/>
                <a:gd name="connsiteX1" fmla="*/ 2164080 w 6088380"/>
                <a:gd name="connsiteY1" fmla="*/ 89149 h 3708649"/>
                <a:gd name="connsiteX2" fmla="*/ 3048000 w 6088380"/>
                <a:gd name="connsiteY2" fmla="*/ 1384550 h 3708649"/>
                <a:gd name="connsiteX3" fmla="*/ 3497580 w 6088380"/>
                <a:gd name="connsiteY3" fmla="*/ 416810 h 3708649"/>
                <a:gd name="connsiteX4" fmla="*/ 4038600 w 6088380"/>
                <a:gd name="connsiteY4" fmla="*/ 1879849 h 3708649"/>
                <a:gd name="connsiteX5" fmla="*/ 3992880 w 6088380"/>
                <a:gd name="connsiteY5" fmla="*/ 866389 h 3708649"/>
                <a:gd name="connsiteX6" fmla="*/ 5204460 w 6088380"/>
                <a:gd name="connsiteY6" fmla="*/ 2077969 h 3708649"/>
                <a:gd name="connsiteX7" fmla="*/ 6088380 w 6088380"/>
                <a:gd name="connsiteY7" fmla="*/ 3274309 h 3708649"/>
                <a:gd name="connsiteX8" fmla="*/ 6088380 w 6088380"/>
                <a:gd name="connsiteY8" fmla="*/ 3708649 h 3708649"/>
                <a:gd name="connsiteX9" fmla="*/ 0 w 6088380"/>
                <a:gd name="connsiteY9" fmla="*/ 3708649 h 3708649"/>
                <a:gd name="connsiteX10" fmla="*/ 0 w 6088380"/>
                <a:gd name="connsiteY10" fmla="*/ 3335269 h 3708649"/>
                <a:gd name="connsiteX0" fmla="*/ 0 w 6088380"/>
                <a:gd name="connsiteY0" fmla="*/ 3450519 h 3823899"/>
                <a:gd name="connsiteX1" fmla="*/ 2164080 w 6088380"/>
                <a:gd name="connsiteY1" fmla="*/ 204399 h 3823899"/>
                <a:gd name="connsiteX2" fmla="*/ 2651760 w 6088380"/>
                <a:gd name="connsiteY2" fmla="*/ 463480 h 3823899"/>
                <a:gd name="connsiteX3" fmla="*/ 3048000 w 6088380"/>
                <a:gd name="connsiteY3" fmla="*/ 1499800 h 3823899"/>
                <a:gd name="connsiteX4" fmla="*/ 3497580 w 6088380"/>
                <a:gd name="connsiteY4" fmla="*/ 532060 h 3823899"/>
                <a:gd name="connsiteX5" fmla="*/ 4038600 w 6088380"/>
                <a:gd name="connsiteY5" fmla="*/ 1995099 h 3823899"/>
                <a:gd name="connsiteX6" fmla="*/ 3992880 w 6088380"/>
                <a:gd name="connsiteY6" fmla="*/ 981639 h 3823899"/>
                <a:gd name="connsiteX7" fmla="*/ 5204460 w 6088380"/>
                <a:gd name="connsiteY7" fmla="*/ 2193219 h 3823899"/>
                <a:gd name="connsiteX8" fmla="*/ 6088380 w 6088380"/>
                <a:gd name="connsiteY8" fmla="*/ 3389559 h 3823899"/>
                <a:gd name="connsiteX9" fmla="*/ 6088380 w 6088380"/>
                <a:gd name="connsiteY9" fmla="*/ 3823899 h 3823899"/>
                <a:gd name="connsiteX10" fmla="*/ 0 w 6088380"/>
                <a:gd name="connsiteY10" fmla="*/ 3823899 h 3823899"/>
                <a:gd name="connsiteX11" fmla="*/ 0 w 6088380"/>
                <a:gd name="connsiteY11" fmla="*/ 3450519 h 3823899"/>
                <a:gd name="connsiteX0" fmla="*/ 0 w 6088380"/>
                <a:gd name="connsiteY0" fmla="*/ 3712582 h 4085962"/>
                <a:gd name="connsiteX1" fmla="*/ 2164080 w 6088380"/>
                <a:gd name="connsiteY1" fmla="*/ 466462 h 4085962"/>
                <a:gd name="connsiteX2" fmla="*/ 3131820 w 6088380"/>
                <a:gd name="connsiteY2" fmla="*/ 115943 h 4085962"/>
                <a:gd name="connsiteX3" fmla="*/ 3048000 w 6088380"/>
                <a:gd name="connsiteY3" fmla="*/ 1761863 h 4085962"/>
                <a:gd name="connsiteX4" fmla="*/ 3497580 w 6088380"/>
                <a:gd name="connsiteY4" fmla="*/ 794123 h 4085962"/>
                <a:gd name="connsiteX5" fmla="*/ 4038600 w 6088380"/>
                <a:gd name="connsiteY5" fmla="*/ 2257162 h 4085962"/>
                <a:gd name="connsiteX6" fmla="*/ 3992880 w 6088380"/>
                <a:gd name="connsiteY6" fmla="*/ 1243702 h 4085962"/>
                <a:gd name="connsiteX7" fmla="*/ 5204460 w 6088380"/>
                <a:gd name="connsiteY7" fmla="*/ 2455282 h 4085962"/>
                <a:gd name="connsiteX8" fmla="*/ 6088380 w 6088380"/>
                <a:gd name="connsiteY8" fmla="*/ 3651622 h 4085962"/>
                <a:gd name="connsiteX9" fmla="*/ 6088380 w 6088380"/>
                <a:gd name="connsiteY9" fmla="*/ 4085962 h 4085962"/>
                <a:gd name="connsiteX10" fmla="*/ 0 w 6088380"/>
                <a:gd name="connsiteY10" fmla="*/ 4085962 h 4085962"/>
                <a:gd name="connsiteX11" fmla="*/ 0 w 6088380"/>
                <a:gd name="connsiteY11" fmla="*/ 3712582 h 4085962"/>
                <a:gd name="connsiteX0" fmla="*/ 0 w 6088380"/>
                <a:gd name="connsiteY0" fmla="*/ 3712582 h 4085962"/>
                <a:gd name="connsiteX1" fmla="*/ 2164080 w 6088380"/>
                <a:gd name="connsiteY1" fmla="*/ 466462 h 4085962"/>
                <a:gd name="connsiteX2" fmla="*/ 3131820 w 6088380"/>
                <a:gd name="connsiteY2" fmla="*/ 115943 h 4085962"/>
                <a:gd name="connsiteX3" fmla="*/ 3048000 w 6088380"/>
                <a:gd name="connsiteY3" fmla="*/ 1761863 h 4085962"/>
                <a:gd name="connsiteX4" fmla="*/ 3497580 w 6088380"/>
                <a:gd name="connsiteY4" fmla="*/ 794123 h 4085962"/>
                <a:gd name="connsiteX5" fmla="*/ 4038600 w 6088380"/>
                <a:gd name="connsiteY5" fmla="*/ 2257162 h 4085962"/>
                <a:gd name="connsiteX6" fmla="*/ 3992880 w 6088380"/>
                <a:gd name="connsiteY6" fmla="*/ 1243702 h 4085962"/>
                <a:gd name="connsiteX7" fmla="*/ 5204460 w 6088380"/>
                <a:gd name="connsiteY7" fmla="*/ 2455282 h 4085962"/>
                <a:gd name="connsiteX8" fmla="*/ 6088380 w 6088380"/>
                <a:gd name="connsiteY8" fmla="*/ 3651622 h 4085962"/>
                <a:gd name="connsiteX9" fmla="*/ 6088380 w 6088380"/>
                <a:gd name="connsiteY9" fmla="*/ 4085962 h 4085962"/>
                <a:gd name="connsiteX10" fmla="*/ 0 w 6088380"/>
                <a:gd name="connsiteY10" fmla="*/ 4085962 h 4085962"/>
                <a:gd name="connsiteX11" fmla="*/ 0 w 6088380"/>
                <a:gd name="connsiteY11" fmla="*/ 3712582 h 4085962"/>
                <a:gd name="connsiteX0" fmla="*/ 0 w 6088380"/>
                <a:gd name="connsiteY0" fmla="*/ 3712582 h 4085962"/>
                <a:gd name="connsiteX1" fmla="*/ 2164080 w 6088380"/>
                <a:gd name="connsiteY1" fmla="*/ 466462 h 4085962"/>
                <a:gd name="connsiteX2" fmla="*/ 3131820 w 6088380"/>
                <a:gd name="connsiteY2" fmla="*/ 115943 h 4085962"/>
                <a:gd name="connsiteX3" fmla="*/ 3002280 w 6088380"/>
                <a:gd name="connsiteY3" fmla="*/ 1769483 h 4085962"/>
                <a:gd name="connsiteX4" fmla="*/ 3497580 w 6088380"/>
                <a:gd name="connsiteY4" fmla="*/ 794123 h 4085962"/>
                <a:gd name="connsiteX5" fmla="*/ 4038600 w 6088380"/>
                <a:gd name="connsiteY5" fmla="*/ 2257162 h 4085962"/>
                <a:gd name="connsiteX6" fmla="*/ 3992880 w 6088380"/>
                <a:gd name="connsiteY6" fmla="*/ 1243702 h 4085962"/>
                <a:gd name="connsiteX7" fmla="*/ 5204460 w 6088380"/>
                <a:gd name="connsiteY7" fmla="*/ 2455282 h 4085962"/>
                <a:gd name="connsiteX8" fmla="*/ 6088380 w 6088380"/>
                <a:gd name="connsiteY8" fmla="*/ 3651622 h 4085962"/>
                <a:gd name="connsiteX9" fmla="*/ 6088380 w 6088380"/>
                <a:gd name="connsiteY9" fmla="*/ 4085962 h 4085962"/>
                <a:gd name="connsiteX10" fmla="*/ 0 w 6088380"/>
                <a:gd name="connsiteY10" fmla="*/ 4085962 h 4085962"/>
                <a:gd name="connsiteX11" fmla="*/ 0 w 6088380"/>
                <a:gd name="connsiteY11" fmla="*/ 3712582 h 4085962"/>
                <a:gd name="connsiteX0" fmla="*/ 0 w 6088380"/>
                <a:gd name="connsiteY0" fmla="*/ 3712582 h 4085962"/>
                <a:gd name="connsiteX1" fmla="*/ 2164080 w 6088380"/>
                <a:gd name="connsiteY1" fmla="*/ 466462 h 4085962"/>
                <a:gd name="connsiteX2" fmla="*/ 3131820 w 6088380"/>
                <a:gd name="connsiteY2" fmla="*/ 115943 h 4085962"/>
                <a:gd name="connsiteX3" fmla="*/ 2964180 w 6088380"/>
                <a:gd name="connsiteY3" fmla="*/ 1777103 h 4085962"/>
                <a:gd name="connsiteX4" fmla="*/ 3497580 w 6088380"/>
                <a:gd name="connsiteY4" fmla="*/ 794123 h 4085962"/>
                <a:gd name="connsiteX5" fmla="*/ 4038600 w 6088380"/>
                <a:gd name="connsiteY5" fmla="*/ 2257162 h 4085962"/>
                <a:gd name="connsiteX6" fmla="*/ 3992880 w 6088380"/>
                <a:gd name="connsiteY6" fmla="*/ 1243702 h 4085962"/>
                <a:gd name="connsiteX7" fmla="*/ 5204460 w 6088380"/>
                <a:gd name="connsiteY7" fmla="*/ 2455282 h 4085962"/>
                <a:gd name="connsiteX8" fmla="*/ 6088380 w 6088380"/>
                <a:gd name="connsiteY8" fmla="*/ 3651622 h 4085962"/>
                <a:gd name="connsiteX9" fmla="*/ 6088380 w 6088380"/>
                <a:gd name="connsiteY9" fmla="*/ 4085962 h 4085962"/>
                <a:gd name="connsiteX10" fmla="*/ 0 w 6088380"/>
                <a:gd name="connsiteY10" fmla="*/ 4085962 h 4085962"/>
                <a:gd name="connsiteX11" fmla="*/ 0 w 6088380"/>
                <a:gd name="connsiteY11" fmla="*/ 3712582 h 4085962"/>
                <a:gd name="connsiteX0" fmla="*/ 0 w 6088380"/>
                <a:gd name="connsiteY0" fmla="*/ 3712582 h 4085962"/>
                <a:gd name="connsiteX1" fmla="*/ 2164080 w 6088380"/>
                <a:gd name="connsiteY1" fmla="*/ 466462 h 4085962"/>
                <a:gd name="connsiteX2" fmla="*/ 3131820 w 6088380"/>
                <a:gd name="connsiteY2" fmla="*/ 115943 h 4085962"/>
                <a:gd name="connsiteX3" fmla="*/ 2964180 w 6088380"/>
                <a:gd name="connsiteY3" fmla="*/ 1777103 h 4085962"/>
                <a:gd name="connsiteX4" fmla="*/ 3497580 w 6088380"/>
                <a:gd name="connsiteY4" fmla="*/ 794123 h 4085962"/>
                <a:gd name="connsiteX5" fmla="*/ 4038600 w 6088380"/>
                <a:gd name="connsiteY5" fmla="*/ 2257162 h 4085962"/>
                <a:gd name="connsiteX6" fmla="*/ 3992880 w 6088380"/>
                <a:gd name="connsiteY6" fmla="*/ 1243702 h 4085962"/>
                <a:gd name="connsiteX7" fmla="*/ 5204460 w 6088380"/>
                <a:gd name="connsiteY7" fmla="*/ 2455282 h 4085962"/>
                <a:gd name="connsiteX8" fmla="*/ 6088380 w 6088380"/>
                <a:gd name="connsiteY8" fmla="*/ 3651622 h 4085962"/>
                <a:gd name="connsiteX9" fmla="*/ 6088380 w 6088380"/>
                <a:gd name="connsiteY9" fmla="*/ 4085962 h 4085962"/>
                <a:gd name="connsiteX10" fmla="*/ 0 w 6088380"/>
                <a:gd name="connsiteY10" fmla="*/ 4085962 h 4085962"/>
                <a:gd name="connsiteX11" fmla="*/ 0 w 6088380"/>
                <a:gd name="connsiteY11" fmla="*/ 3712582 h 4085962"/>
                <a:gd name="connsiteX0" fmla="*/ 0 w 6088380"/>
                <a:gd name="connsiteY0" fmla="*/ 3712582 h 4085962"/>
                <a:gd name="connsiteX1" fmla="*/ 2164080 w 6088380"/>
                <a:gd name="connsiteY1" fmla="*/ 466462 h 4085962"/>
                <a:gd name="connsiteX2" fmla="*/ 3131820 w 6088380"/>
                <a:gd name="connsiteY2" fmla="*/ 115943 h 4085962"/>
                <a:gd name="connsiteX3" fmla="*/ 2964180 w 6088380"/>
                <a:gd name="connsiteY3" fmla="*/ 1777103 h 4085962"/>
                <a:gd name="connsiteX4" fmla="*/ 3497580 w 6088380"/>
                <a:gd name="connsiteY4" fmla="*/ 794123 h 4085962"/>
                <a:gd name="connsiteX5" fmla="*/ 4038600 w 6088380"/>
                <a:gd name="connsiteY5" fmla="*/ 2257162 h 4085962"/>
                <a:gd name="connsiteX6" fmla="*/ 3992880 w 6088380"/>
                <a:gd name="connsiteY6" fmla="*/ 1243702 h 4085962"/>
                <a:gd name="connsiteX7" fmla="*/ 5204460 w 6088380"/>
                <a:gd name="connsiteY7" fmla="*/ 2455282 h 4085962"/>
                <a:gd name="connsiteX8" fmla="*/ 6088380 w 6088380"/>
                <a:gd name="connsiteY8" fmla="*/ 3651622 h 4085962"/>
                <a:gd name="connsiteX9" fmla="*/ 6088380 w 6088380"/>
                <a:gd name="connsiteY9" fmla="*/ 4085962 h 4085962"/>
                <a:gd name="connsiteX10" fmla="*/ 0 w 6088380"/>
                <a:gd name="connsiteY10" fmla="*/ 4085962 h 4085962"/>
                <a:gd name="connsiteX11" fmla="*/ 0 w 6088380"/>
                <a:gd name="connsiteY11" fmla="*/ 3712582 h 4085962"/>
                <a:gd name="connsiteX0" fmla="*/ 0 w 6088380"/>
                <a:gd name="connsiteY0" fmla="*/ 3790955 h 4164335"/>
                <a:gd name="connsiteX1" fmla="*/ 2164080 w 6088380"/>
                <a:gd name="connsiteY1" fmla="*/ 544835 h 4164335"/>
                <a:gd name="connsiteX2" fmla="*/ 2903220 w 6088380"/>
                <a:gd name="connsiteY2" fmla="*/ 72396 h 4164335"/>
                <a:gd name="connsiteX3" fmla="*/ 3131820 w 6088380"/>
                <a:gd name="connsiteY3" fmla="*/ 194316 h 4164335"/>
                <a:gd name="connsiteX4" fmla="*/ 2964180 w 6088380"/>
                <a:gd name="connsiteY4" fmla="*/ 1855476 h 4164335"/>
                <a:gd name="connsiteX5" fmla="*/ 3497580 w 6088380"/>
                <a:gd name="connsiteY5" fmla="*/ 872496 h 4164335"/>
                <a:gd name="connsiteX6" fmla="*/ 4038600 w 6088380"/>
                <a:gd name="connsiteY6" fmla="*/ 2335535 h 4164335"/>
                <a:gd name="connsiteX7" fmla="*/ 3992880 w 6088380"/>
                <a:gd name="connsiteY7" fmla="*/ 1322075 h 4164335"/>
                <a:gd name="connsiteX8" fmla="*/ 5204460 w 6088380"/>
                <a:gd name="connsiteY8" fmla="*/ 2533655 h 4164335"/>
                <a:gd name="connsiteX9" fmla="*/ 6088380 w 6088380"/>
                <a:gd name="connsiteY9" fmla="*/ 3729995 h 4164335"/>
                <a:gd name="connsiteX10" fmla="*/ 6088380 w 6088380"/>
                <a:gd name="connsiteY10" fmla="*/ 4164335 h 4164335"/>
                <a:gd name="connsiteX11" fmla="*/ 0 w 6088380"/>
                <a:gd name="connsiteY11" fmla="*/ 4164335 h 4164335"/>
                <a:gd name="connsiteX12" fmla="*/ 0 w 6088380"/>
                <a:gd name="connsiteY12" fmla="*/ 3790955 h 4164335"/>
                <a:gd name="connsiteX0" fmla="*/ 0 w 6088380"/>
                <a:gd name="connsiteY0" fmla="*/ 3790955 h 4164335"/>
                <a:gd name="connsiteX1" fmla="*/ 2164080 w 6088380"/>
                <a:gd name="connsiteY1" fmla="*/ 544835 h 4164335"/>
                <a:gd name="connsiteX2" fmla="*/ 2903220 w 6088380"/>
                <a:gd name="connsiteY2" fmla="*/ 72396 h 4164335"/>
                <a:gd name="connsiteX3" fmla="*/ 3131820 w 6088380"/>
                <a:gd name="connsiteY3" fmla="*/ 194316 h 4164335"/>
                <a:gd name="connsiteX4" fmla="*/ 2964180 w 6088380"/>
                <a:gd name="connsiteY4" fmla="*/ 1855476 h 4164335"/>
                <a:gd name="connsiteX5" fmla="*/ 3497580 w 6088380"/>
                <a:gd name="connsiteY5" fmla="*/ 872496 h 4164335"/>
                <a:gd name="connsiteX6" fmla="*/ 4038600 w 6088380"/>
                <a:gd name="connsiteY6" fmla="*/ 2335535 h 4164335"/>
                <a:gd name="connsiteX7" fmla="*/ 3992880 w 6088380"/>
                <a:gd name="connsiteY7" fmla="*/ 1322075 h 4164335"/>
                <a:gd name="connsiteX8" fmla="*/ 5204460 w 6088380"/>
                <a:gd name="connsiteY8" fmla="*/ 2533655 h 4164335"/>
                <a:gd name="connsiteX9" fmla="*/ 6088380 w 6088380"/>
                <a:gd name="connsiteY9" fmla="*/ 3729995 h 4164335"/>
                <a:gd name="connsiteX10" fmla="*/ 6088380 w 6088380"/>
                <a:gd name="connsiteY10" fmla="*/ 4164335 h 4164335"/>
                <a:gd name="connsiteX11" fmla="*/ 0 w 6088380"/>
                <a:gd name="connsiteY11" fmla="*/ 4164335 h 4164335"/>
                <a:gd name="connsiteX12" fmla="*/ 0 w 6088380"/>
                <a:gd name="connsiteY12" fmla="*/ 3790955 h 4164335"/>
                <a:gd name="connsiteX0" fmla="*/ 0 w 6088380"/>
                <a:gd name="connsiteY0" fmla="*/ 3622234 h 3995614"/>
                <a:gd name="connsiteX1" fmla="*/ 2164080 w 6088380"/>
                <a:gd name="connsiteY1" fmla="*/ 376114 h 3995614"/>
                <a:gd name="connsiteX2" fmla="*/ 2186940 w 6088380"/>
                <a:gd name="connsiteY2" fmla="*/ 2174435 h 3995614"/>
                <a:gd name="connsiteX3" fmla="*/ 3131820 w 6088380"/>
                <a:gd name="connsiteY3" fmla="*/ 25595 h 3995614"/>
                <a:gd name="connsiteX4" fmla="*/ 2964180 w 6088380"/>
                <a:gd name="connsiteY4" fmla="*/ 1686755 h 3995614"/>
                <a:gd name="connsiteX5" fmla="*/ 3497580 w 6088380"/>
                <a:gd name="connsiteY5" fmla="*/ 703775 h 3995614"/>
                <a:gd name="connsiteX6" fmla="*/ 4038600 w 6088380"/>
                <a:gd name="connsiteY6" fmla="*/ 2166814 h 3995614"/>
                <a:gd name="connsiteX7" fmla="*/ 3992880 w 6088380"/>
                <a:gd name="connsiteY7" fmla="*/ 1153354 h 3995614"/>
                <a:gd name="connsiteX8" fmla="*/ 5204460 w 6088380"/>
                <a:gd name="connsiteY8" fmla="*/ 2364934 h 3995614"/>
                <a:gd name="connsiteX9" fmla="*/ 6088380 w 6088380"/>
                <a:gd name="connsiteY9" fmla="*/ 3561274 h 3995614"/>
                <a:gd name="connsiteX10" fmla="*/ 6088380 w 6088380"/>
                <a:gd name="connsiteY10" fmla="*/ 3995614 h 3995614"/>
                <a:gd name="connsiteX11" fmla="*/ 0 w 6088380"/>
                <a:gd name="connsiteY11" fmla="*/ 3995614 h 3995614"/>
                <a:gd name="connsiteX12" fmla="*/ 0 w 6088380"/>
                <a:gd name="connsiteY12" fmla="*/ 3622234 h 3995614"/>
                <a:gd name="connsiteX0" fmla="*/ 0 w 6088380"/>
                <a:gd name="connsiteY0" fmla="*/ 3622198 h 3995578"/>
                <a:gd name="connsiteX1" fmla="*/ 2164080 w 6088380"/>
                <a:gd name="connsiteY1" fmla="*/ 376078 h 3995578"/>
                <a:gd name="connsiteX2" fmla="*/ 2331720 w 6088380"/>
                <a:gd name="connsiteY2" fmla="*/ 353219 h 3995578"/>
                <a:gd name="connsiteX3" fmla="*/ 2186940 w 6088380"/>
                <a:gd name="connsiteY3" fmla="*/ 2174399 h 3995578"/>
                <a:gd name="connsiteX4" fmla="*/ 3131820 w 6088380"/>
                <a:gd name="connsiteY4" fmla="*/ 25559 h 3995578"/>
                <a:gd name="connsiteX5" fmla="*/ 2964180 w 6088380"/>
                <a:gd name="connsiteY5" fmla="*/ 1686719 h 3995578"/>
                <a:gd name="connsiteX6" fmla="*/ 3497580 w 6088380"/>
                <a:gd name="connsiteY6" fmla="*/ 703739 h 3995578"/>
                <a:gd name="connsiteX7" fmla="*/ 4038600 w 6088380"/>
                <a:gd name="connsiteY7" fmla="*/ 2166778 h 3995578"/>
                <a:gd name="connsiteX8" fmla="*/ 3992880 w 6088380"/>
                <a:gd name="connsiteY8" fmla="*/ 1153318 h 3995578"/>
                <a:gd name="connsiteX9" fmla="*/ 5204460 w 6088380"/>
                <a:gd name="connsiteY9" fmla="*/ 2364898 h 3995578"/>
                <a:gd name="connsiteX10" fmla="*/ 6088380 w 6088380"/>
                <a:gd name="connsiteY10" fmla="*/ 3561238 h 3995578"/>
                <a:gd name="connsiteX11" fmla="*/ 6088380 w 6088380"/>
                <a:gd name="connsiteY11" fmla="*/ 3995578 h 3995578"/>
                <a:gd name="connsiteX12" fmla="*/ 0 w 6088380"/>
                <a:gd name="connsiteY12" fmla="*/ 3995578 h 3995578"/>
                <a:gd name="connsiteX13" fmla="*/ 0 w 6088380"/>
                <a:gd name="connsiteY13" fmla="*/ 3622198 h 3995578"/>
                <a:gd name="connsiteX0" fmla="*/ 0 w 6088380"/>
                <a:gd name="connsiteY0" fmla="*/ 3857636 h 4231016"/>
                <a:gd name="connsiteX1" fmla="*/ 2164080 w 6088380"/>
                <a:gd name="connsiteY1" fmla="*/ 611516 h 4231016"/>
                <a:gd name="connsiteX2" fmla="*/ 2834640 w 6088380"/>
                <a:gd name="connsiteY2" fmla="*/ 131457 h 4231016"/>
                <a:gd name="connsiteX3" fmla="*/ 2186940 w 6088380"/>
                <a:gd name="connsiteY3" fmla="*/ 2409837 h 4231016"/>
                <a:gd name="connsiteX4" fmla="*/ 3131820 w 6088380"/>
                <a:gd name="connsiteY4" fmla="*/ 260997 h 4231016"/>
                <a:gd name="connsiteX5" fmla="*/ 2964180 w 6088380"/>
                <a:gd name="connsiteY5" fmla="*/ 1922157 h 4231016"/>
                <a:gd name="connsiteX6" fmla="*/ 3497580 w 6088380"/>
                <a:gd name="connsiteY6" fmla="*/ 939177 h 4231016"/>
                <a:gd name="connsiteX7" fmla="*/ 4038600 w 6088380"/>
                <a:gd name="connsiteY7" fmla="*/ 2402216 h 4231016"/>
                <a:gd name="connsiteX8" fmla="*/ 3992880 w 6088380"/>
                <a:gd name="connsiteY8" fmla="*/ 1388756 h 4231016"/>
                <a:gd name="connsiteX9" fmla="*/ 5204460 w 6088380"/>
                <a:gd name="connsiteY9" fmla="*/ 2600336 h 4231016"/>
                <a:gd name="connsiteX10" fmla="*/ 6088380 w 6088380"/>
                <a:gd name="connsiteY10" fmla="*/ 3796676 h 4231016"/>
                <a:gd name="connsiteX11" fmla="*/ 6088380 w 6088380"/>
                <a:gd name="connsiteY11" fmla="*/ 4231016 h 4231016"/>
                <a:gd name="connsiteX12" fmla="*/ 0 w 6088380"/>
                <a:gd name="connsiteY12" fmla="*/ 4231016 h 4231016"/>
                <a:gd name="connsiteX13" fmla="*/ 0 w 6088380"/>
                <a:gd name="connsiteY13" fmla="*/ 3857636 h 4231016"/>
                <a:gd name="connsiteX0" fmla="*/ 0 w 6088380"/>
                <a:gd name="connsiteY0" fmla="*/ 3726179 h 4099559"/>
                <a:gd name="connsiteX1" fmla="*/ 2164080 w 6088380"/>
                <a:gd name="connsiteY1" fmla="*/ 480059 h 4099559"/>
                <a:gd name="connsiteX2" fmla="*/ 2834640 w 6088380"/>
                <a:gd name="connsiteY2" fmla="*/ 0 h 4099559"/>
                <a:gd name="connsiteX3" fmla="*/ 2186940 w 6088380"/>
                <a:gd name="connsiteY3" fmla="*/ 2278380 h 4099559"/>
                <a:gd name="connsiteX4" fmla="*/ 3131820 w 6088380"/>
                <a:gd name="connsiteY4" fmla="*/ 129540 h 4099559"/>
                <a:gd name="connsiteX5" fmla="*/ 2964180 w 6088380"/>
                <a:gd name="connsiteY5" fmla="*/ 1790700 h 4099559"/>
                <a:gd name="connsiteX6" fmla="*/ 3497580 w 6088380"/>
                <a:gd name="connsiteY6" fmla="*/ 807720 h 4099559"/>
                <a:gd name="connsiteX7" fmla="*/ 4038600 w 6088380"/>
                <a:gd name="connsiteY7" fmla="*/ 2270759 h 4099559"/>
                <a:gd name="connsiteX8" fmla="*/ 39928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64080 w 6088380"/>
                <a:gd name="connsiteY1" fmla="*/ 480059 h 4099559"/>
                <a:gd name="connsiteX2" fmla="*/ 2834640 w 6088380"/>
                <a:gd name="connsiteY2" fmla="*/ 0 h 4099559"/>
                <a:gd name="connsiteX3" fmla="*/ 2186940 w 6088380"/>
                <a:gd name="connsiteY3" fmla="*/ 2278380 h 4099559"/>
                <a:gd name="connsiteX4" fmla="*/ 3131820 w 6088380"/>
                <a:gd name="connsiteY4" fmla="*/ 129540 h 4099559"/>
                <a:gd name="connsiteX5" fmla="*/ 2964180 w 6088380"/>
                <a:gd name="connsiteY5" fmla="*/ 1790700 h 4099559"/>
                <a:gd name="connsiteX6" fmla="*/ 3497580 w 6088380"/>
                <a:gd name="connsiteY6" fmla="*/ 807720 h 4099559"/>
                <a:gd name="connsiteX7" fmla="*/ 4038600 w 6088380"/>
                <a:gd name="connsiteY7" fmla="*/ 2270759 h 4099559"/>
                <a:gd name="connsiteX8" fmla="*/ 39928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64080 w 6088380"/>
                <a:gd name="connsiteY1" fmla="*/ 480059 h 4099559"/>
                <a:gd name="connsiteX2" fmla="*/ 2834640 w 6088380"/>
                <a:gd name="connsiteY2" fmla="*/ 0 h 4099559"/>
                <a:gd name="connsiteX3" fmla="*/ 2186940 w 6088380"/>
                <a:gd name="connsiteY3" fmla="*/ 2278380 h 4099559"/>
                <a:gd name="connsiteX4" fmla="*/ 3131820 w 6088380"/>
                <a:gd name="connsiteY4" fmla="*/ 129540 h 4099559"/>
                <a:gd name="connsiteX5" fmla="*/ 2964180 w 6088380"/>
                <a:gd name="connsiteY5" fmla="*/ 1790700 h 4099559"/>
                <a:gd name="connsiteX6" fmla="*/ 3497580 w 6088380"/>
                <a:gd name="connsiteY6" fmla="*/ 807720 h 4099559"/>
                <a:gd name="connsiteX7" fmla="*/ 4038600 w 6088380"/>
                <a:gd name="connsiteY7" fmla="*/ 2270759 h 4099559"/>
                <a:gd name="connsiteX8" fmla="*/ 39928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64080 w 6088380"/>
                <a:gd name="connsiteY1" fmla="*/ 480059 h 4099559"/>
                <a:gd name="connsiteX2" fmla="*/ 2834640 w 6088380"/>
                <a:gd name="connsiteY2" fmla="*/ 0 h 4099559"/>
                <a:gd name="connsiteX3" fmla="*/ 2308860 w 6088380"/>
                <a:gd name="connsiteY3" fmla="*/ 2316480 h 4099559"/>
                <a:gd name="connsiteX4" fmla="*/ 3131820 w 6088380"/>
                <a:gd name="connsiteY4" fmla="*/ 129540 h 4099559"/>
                <a:gd name="connsiteX5" fmla="*/ 2964180 w 6088380"/>
                <a:gd name="connsiteY5" fmla="*/ 1790700 h 4099559"/>
                <a:gd name="connsiteX6" fmla="*/ 3497580 w 6088380"/>
                <a:gd name="connsiteY6" fmla="*/ 807720 h 4099559"/>
                <a:gd name="connsiteX7" fmla="*/ 4038600 w 6088380"/>
                <a:gd name="connsiteY7" fmla="*/ 2270759 h 4099559"/>
                <a:gd name="connsiteX8" fmla="*/ 39928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64080 w 6088380"/>
                <a:gd name="connsiteY1" fmla="*/ 480059 h 4099559"/>
                <a:gd name="connsiteX2" fmla="*/ 2834640 w 6088380"/>
                <a:gd name="connsiteY2" fmla="*/ 0 h 4099559"/>
                <a:gd name="connsiteX3" fmla="*/ 2156460 w 6088380"/>
                <a:gd name="connsiteY3" fmla="*/ 2385060 h 4099559"/>
                <a:gd name="connsiteX4" fmla="*/ 3131820 w 6088380"/>
                <a:gd name="connsiteY4" fmla="*/ 129540 h 4099559"/>
                <a:gd name="connsiteX5" fmla="*/ 2964180 w 6088380"/>
                <a:gd name="connsiteY5" fmla="*/ 1790700 h 4099559"/>
                <a:gd name="connsiteX6" fmla="*/ 3497580 w 6088380"/>
                <a:gd name="connsiteY6" fmla="*/ 807720 h 4099559"/>
                <a:gd name="connsiteX7" fmla="*/ 4038600 w 6088380"/>
                <a:gd name="connsiteY7" fmla="*/ 2270759 h 4099559"/>
                <a:gd name="connsiteX8" fmla="*/ 39928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64080 w 6088380"/>
                <a:gd name="connsiteY1" fmla="*/ 480059 h 4099559"/>
                <a:gd name="connsiteX2" fmla="*/ 2834640 w 6088380"/>
                <a:gd name="connsiteY2" fmla="*/ 0 h 4099559"/>
                <a:gd name="connsiteX3" fmla="*/ 2156460 w 6088380"/>
                <a:gd name="connsiteY3" fmla="*/ 2385060 h 4099559"/>
                <a:gd name="connsiteX4" fmla="*/ 3131820 w 6088380"/>
                <a:gd name="connsiteY4" fmla="*/ 129540 h 4099559"/>
                <a:gd name="connsiteX5" fmla="*/ 2964180 w 6088380"/>
                <a:gd name="connsiteY5" fmla="*/ 1790700 h 4099559"/>
                <a:gd name="connsiteX6" fmla="*/ 3497580 w 6088380"/>
                <a:gd name="connsiteY6" fmla="*/ 807720 h 4099559"/>
                <a:gd name="connsiteX7" fmla="*/ 4038600 w 6088380"/>
                <a:gd name="connsiteY7" fmla="*/ 2270759 h 4099559"/>
                <a:gd name="connsiteX8" fmla="*/ 39928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64080 w 6088380"/>
                <a:gd name="connsiteY1" fmla="*/ 480059 h 4099559"/>
                <a:gd name="connsiteX2" fmla="*/ 2834640 w 6088380"/>
                <a:gd name="connsiteY2" fmla="*/ 0 h 4099559"/>
                <a:gd name="connsiteX3" fmla="*/ 2156460 w 6088380"/>
                <a:gd name="connsiteY3" fmla="*/ 2385060 h 4099559"/>
                <a:gd name="connsiteX4" fmla="*/ 3131820 w 6088380"/>
                <a:gd name="connsiteY4" fmla="*/ 129540 h 4099559"/>
                <a:gd name="connsiteX5" fmla="*/ 2964180 w 6088380"/>
                <a:gd name="connsiteY5" fmla="*/ 1790700 h 4099559"/>
                <a:gd name="connsiteX6" fmla="*/ 3497580 w 6088380"/>
                <a:gd name="connsiteY6" fmla="*/ 807720 h 4099559"/>
                <a:gd name="connsiteX7" fmla="*/ 4038600 w 6088380"/>
                <a:gd name="connsiteY7" fmla="*/ 2270759 h 4099559"/>
                <a:gd name="connsiteX8" fmla="*/ 39928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64080 w 6088380"/>
                <a:gd name="connsiteY1" fmla="*/ 480059 h 4099559"/>
                <a:gd name="connsiteX2" fmla="*/ 2834640 w 6088380"/>
                <a:gd name="connsiteY2" fmla="*/ 0 h 4099559"/>
                <a:gd name="connsiteX3" fmla="*/ 2156460 w 6088380"/>
                <a:gd name="connsiteY3" fmla="*/ 2385060 h 4099559"/>
                <a:gd name="connsiteX4" fmla="*/ 3131820 w 6088380"/>
                <a:gd name="connsiteY4" fmla="*/ 129540 h 4099559"/>
                <a:gd name="connsiteX5" fmla="*/ 2964180 w 6088380"/>
                <a:gd name="connsiteY5" fmla="*/ 1790700 h 4099559"/>
                <a:gd name="connsiteX6" fmla="*/ 3497580 w 6088380"/>
                <a:gd name="connsiteY6" fmla="*/ 807720 h 4099559"/>
                <a:gd name="connsiteX7" fmla="*/ 4038600 w 6088380"/>
                <a:gd name="connsiteY7" fmla="*/ 2270759 h 4099559"/>
                <a:gd name="connsiteX8" fmla="*/ 39928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64080 w 6088380"/>
                <a:gd name="connsiteY1" fmla="*/ 480059 h 4099559"/>
                <a:gd name="connsiteX2" fmla="*/ 2834640 w 6088380"/>
                <a:gd name="connsiteY2" fmla="*/ 0 h 4099559"/>
                <a:gd name="connsiteX3" fmla="*/ 2156460 w 6088380"/>
                <a:gd name="connsiteY3" fmla="*/ 2385060 h 4099559"/>
                <a:gd name="connsiteX4" fmla="*/ 3131820 w 6088380"/>
                <a:gd name="connsiteY4" fmla="*/ 129540 h 4099559"/>
                <a:gd name="connsiteX5" fmla="*/ 2964180 w 6088380"/>
                <a:gd name="connsiteY5" fmla="*/ 1790700 h 4099559"/>
                <a:gd name="connsiteX6" fmla="*/ 3497580 w 6088380"/>
                <a:gd name="connsiteY6" fmla="*/ 807720 h 4099559"/>
                <a:gd name="connsiteX7" fmla="*/ 4038600 w 6088380"/>
                <a:gd name="connsiteY7" fmla="*/ 2270759 h 4099559"/>
                <a:gd name="connsiteX8" fmla="*/ 39928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64080 w 6088380"/>
                <a:gd name="connsiteY1" fmla="*/ 480059 h 4099559"/>
                <a:gd name="connsiteX2" fmla="*/ 2834640 w 6088380"/>
                <a:gd name="connsiteY2" fmla="*/ 0 h 4099559"/>
                <a:gd name="connsiteX3" fmla="*/ 2156460 w 6088380"/>
                <a:gd name="connsiteY3" fmla="*/ 2385060 h 4099559"/>
                <a:gd name="connsiteX4" fmla="*/ 3131820 w 6088380"/>
                <a:gd name="connsiteY4" fmla="*/ 129540 h 4099559"/>
                <a:gd name="connsiteX5" fmla="*/ 2964180 w 6088380"/>
                <a:gd name="connsiteY5" fmla="*/ 1790700 h 4099559"/>
                <a:gd name="connsiteX6" fmla="*/ 3497580 w 6088380"/>
                <a:gd name="connsiteY6" fmla="*/ 807720 h 4099559"/>
                <a:gd name="connsiteX7" fmla="*/ 4038600 w 6088380"/>
                <a:gd name="connsiteY7" fmla="*/ 2270759 h 4099559"/>
                <a:gd name="connsiteX8" fmla="*/ 39928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64080 w 6088380"/>
                <a:gd name="connsiteY1" fmla="*/ 480059 h 4099559"/>
                <a:gd name="connsiteX2" fmla="*/ 2834640 w 6088380"/>
                <a:gd name="connsiteY2" fmla="*/ 0 h 4099559"/>
                <a:gd name="connsiteX3" fmla="*/ 2156460 w 6088380"/>
                <a:gd name="connsiteY3" fmla="*/ 2385060 h 4099559"/>
                <a:gd name="connsiteX4" fmla="*/ 3131820 w 6088380"/>
                <a:gd name="connsiteY4" fmla="*/ 129540 h 4099559"/>
                <a:gd name="connsiteX5" fmla="*/ 2964180 w 6088380"/>
                <a:gd name="connsiteY5" fmla="*/ 1790700 h 4099559"/>
                <a:gd name="connsiteX6" fmla="*/ 3497580 w 6088380"/>
                <a:gd name="connsiteY6" fmla="*/ 807720 h 4099559"/>
                <a:gd name="connsiteX7" fmla="*/ 4038600 w 6088380"/>
                <a:gd name="connsiteY7" fmla="*/ 2270759 h 4099559"/>
                <a:gd name="connsiteX8" fmla="*/ 39928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64080 w 6088380"/>
                <a:gd name="connsiteY1" fmla="*/ 480059 h 4099559"/>
                <a:gd name="connsiteX2" fmla="*/ 2834640 w 6088380"/>
                <a:gd name="connsiteY2" fmla="*/ 0 h 4099559"/>
                <a:gd name="connsiteX3" fmla="*/ 2156460 w 6088380"/>
                <a:gd name="connsiteY3" fmla="*/ 2385060 h 4099559"/>
                <a:gd name="connsiteX4" fmla="*/ 3131820 w 6088380"/>
                <a:gd name="connsiteY4" fmla="*/ 129540 h 4099559"/>
                <a:gd name="connsiteX5" fmla="*/ 2964180 w 6088380"/>
                <a:gd name="connsiteY5" fmla="*/ 1790700 h 4099559"/>
                <a:gd name="connsiteX6" fmla="*/ 3497580 w 6088380"/>
                <a:gd name="connsiteY6" fmla="*/ 807720 h 4099559"/>
                <a:gd name="connsiteX7" fmla="*/ 4038600 w 6088380"/>
                <a:gd name="connsiteY7" fmla="*/ 2270759 h 4099559"/>
                <a:gd name="connsiteX8" fmla="*/ 39928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64080 w 6088380"/>
                <a:gd name="connsiteY1" fmla="*/ 480059 h 4099559"/>
                <a:gd name="connsiteX2" fmla="*/ 2834640 w 6088380"/>
                <a:gd name="connsiteY2" fmla="*/ 0 h 4099559"/>
                <a:gd name="connsiteX3" fmla="*/ 2156460 w 6088380"/>
                <a:gd name="connsiteY3" fmla="*/ 2385060 h 4099559"/>
                <a:gd name="connsiteX4" fmla="*/ 3131820 w 6088380"/>
                <a:gd name="connsiteY4" fmla="*/ 129540 h 4099559"/>
                <a:gd name="connsiteX5" fmla="*/ 2964180 w 6088380"/>
                <a:gd name="connsiteY5" fmla="*/ 1790700 h 4099559"/>
                <a:gd name="connsiteX6" fmla="*/ 3497580 w 6088380"/>
                <a:gd name="connsiteY6" fmla="*/ 807720 h 4099559"/>
                <a:gd name="connsiteX7" fmla="*/ 4038600 w 6088380"/>
                <a:gd name="connsiteY7" fmla="*/ 2270759 h 4099559"/>
                <a:gd name="connsiteX8" fmla="*/ 39928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64080 w 6088380"/>
                <a:gd name="connsiteY1" fmla="*/ 480059 h 4099559"/>
                <a:gd name="connsiteX2" fmla="*/ 2834640 w 6088380"/>
                <a:gd name="connsiteY2" fmla="*/ 0 h 4099559"/>
                <a:gd name="connsiteX3" fmla="*/ 2156460 w 6088380"/>
                <a:gd name="connsiteY3" fmla="*/ 2385060 h 4099559"/>
                <a:gd name="connsiteX4" fmla="*/ 3131820 w 6088380"/>
                <a:gd name="connsiteY4" fmla="*/ 129540 h 4099559"/>
                <a:gd name="connsiteX5" fmla="*/ 2964180 w 6088380"/>
                <a:gd name="connsiteY5" fmla="*/ 1790700 h 4099559"/>
                <a:gd name="connsiteX6" fmla="*/ 3497580 w 6088380"/>
                <a:gd name="connsiteY6" fmla="*/ 807720 h 4099559"/>
                <a:gd name="connsiteX7" fmla="*/ 4038600 w 6088380"/>
                <a:gd name="connsiteY7" fmla="*/ 2270759 h 4099559"/>
                <a:gd name="connsiteX8" fmla="*/ 39928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64080 w 6088380"/>
                <a:gd name="connsiteY1" fmla="*/ 480059 h 4099559"/>
                <a:gd name="connsiteX2" fmla="*/ 2834640 w 6088380"/>
                <a:gd name="connsiteY2" fmla="*/ 0 h 4099559"/>
                <a:gd name="connsiteX3" fmla="*/ 2156460 w 6088380"/>
                <a:gd name="connsiteY3" fmla="*/ 2385060 h 4099559"/>
                <a:gd name="connsiteX4" fmla="*/ 3131820 w 6088380"/>
                <a:gd name="connsiteY4" fmla="*/ 129540 h 4099559"/>
                <a:gd name="connsiteX5" fmla="*/ 2964180 w 6088380"/>
                <a:gd name="connsiteY5" fmla="*/ 1790700 h 4099559"/>
                <a:gd name="connsiteX6" fmla="*/ 3497580 w 6088380"/>
                <a:gd name="connsiteY6" fmla="*/ 807720 h 4099559"/>
                <a:gd name="connsiteX7" fmla="*/ 4038600 w 6088380"/>
                <a:gd name="connsiteY7" fmla="*/ 2270759 h 4099559"/>
                <a:gd name="connsiteX8" fmla="*/ 39928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64080 w 6088380"/>
                <a:gd name="connsiteY1" fmla="*/ 480059 h 4099559"/>
                <a:gd name="connsiteX2" fmla="*/ 2834640 w 6088380"/>
                <a:gd name="connsiteY2" fmla="*/ 0 h 4099559"/>
                <a:gd name="connsiteX3" fmla="*/ 2156460 w 6088380"/>
                <a:gd name="connsiteY3" fmla="*/ 2385060 h 4099559"/>
                <a:gd name="connsiteX4" fmla="*/ 3131820 w 6088380"/>
                <a:gd name="connsiteY4" fmla="*/ 129540 h 4099559"/>
                <a:gd name="connsiteX5" fmla="*/ 2964180 w 6088380"/>
                <a:gd name="connsiteY5" fmla="*/ 1790700 h 4099559"/>
                <a:gd name="connsiteX6" fmla="*/ 3497580 w 6088380"/>
                <a:gd name="connsiteY6" fmla="*/ 807720 h 4099559"/>
                <a:gd name="connsiteX7" fmla="*/ 4038600 w 6088380"/>
                <a:gd name="connsiteY7" fmla="*/ 2270759 h 4099559"/>
                <a:gd name="connsiteX8" fmla="*/ 39928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64080 w 6088380"/>
                <a:gd name="connsiteY1" fmla="*/ 480059 h 4099559"/>
                <a:gd name="connsiteX2" fmla="*/ 2834640 w 6088380"/>
                <a:gd name="connsiteY2" fmla="*/ 0 h 4099559"/>
                <a:gd name="connsiteX3" fmla="*/ 2156460 w 6088380"/>
                <a:gd name="connsiteY3" fmla="*/ 2385060 h 4099559"/>
                <a:gd name="connsiteX4" fmla="*/ 3131820 w 6088380"/>
                <a:gd name="connsiteY4" fmla="*/ 129540 h 4099559"/>
                <a:gd name="connsiteX5" fmla="*/ 2964180 w 6088380"/>
                <a:gd name="connsiteY5" fmla="*/ 1790700 h 4099559"/>
                <a:gd name="connsiteX6" fmla="*/ 3497580 w 6088380"/>
                <a:gd name="connsiteY6" fmla="*/ 807720 h 4099559"/>
                <a:gd name="connsiteX7" fmla="*/ 4038600 w 6088380"/>
                <a:gd name="connsiteY7" fmla="*/ 2270759 h 4099559"/>
                <a:gd name="connsiteX8" fmla="*/ 39928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64080 w 6088380"/>
                <a:gd name="connsiteY1" fmla="*/ 480059 h 4099559"/>
                <a:gd name="connsiteX2" fmla="*/ 2834640 w 6088380"/>
                <a:gd name="connsiteY2" fmla="*/ 0 h 4099559"/>
                <a:gd name="connsiteX3" fmla="*/ 2156460 w 6088380"/>
                <a:gd name="connsiteY3" fmla="*/ 2385060 h 4099559"/>
                <a:gd name="connsiteX4" fmla="*/ 3131820 w 6088380"/>
                <a:gd name="connsiteY4" fmla="*/ 129540 h 4099559"/>
                <a:gd name="connsiteX5" fmla="*/ 2964180 w 6088380"/>
                <a:gd name="connsiteY5" fmla="*/ 1790700 h 4099559"/>
                <a:gd name="connsiteX6" fmla="*/ 3497580 w 6088380"/>
                <a:gd name="connsiteY6" fmla="*/ 807720 h 4099559"/>
                <a:gd name="connsiteX7" fmla="*/ 4038600 w 6088380"/>
                <a:gd name="connsiteY7" fmla="*/ 2270759 h 4099559"/>
                <a:gd name="connsiteX8" fmla="*/ 39928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64080 w 6088380"/>
                <a:gd name="connsiteY1" fmla="*/ 480059 h 4099559"/>
                <a:gd name="connsiteX2" fmla="*/ 2834640 w 6088380"/>
                <a:gd name="connsiteY2" fmla="*/ 0 h 4099559"/>
                <a:gd name="connsiteX3" fmla="*/ 2156460 w 6088380"/>
                <a:gd name="connsiteY3" fmla="*/ 2385060 h 4099559"/>
                <a:gd name="connsiteX4" fmla="*/ 3131820 w 6088380"/>
                <a:gd name="connsiteY4" fmla="*/ 129540 h 4099559"/>
                <a:gd name="connsiteX5" fmla="*/ 2964180 w 6088380"/>
                <a:gd name="connsiteY5" fmla="*/ 1790700 h 4099559"/>
                <a:gd name="connsiteX6" fmla="*/ 3497580 w 6088380"/>
                <a:gd name="connsiteY6" fmla="*/ 807720 h 4099559"/>
                <a:gd name="connsiteX7" fmla="*/ 4038600 w 6088380"/>
                <a:gd name="connsiteY7" fmla="*/ 2270759 h 4099559"/>
                <a:gd name="connsiteX8" fmla="*/ 39928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64080 w 6088380"/>
                <a:gd name="connsiteY1" fmla="*/ 480059 h 4099559"/>
                <a:gd name="connsiteX2" fmla="*/ 2834640 w 6088380"/>
                <a:gd name="connsiteY2" fmla="*/ 0 h 4099559"/>
                <a:gd name="connsiteX3" fmla="*/ 2156460 w 6088380"/>
                <a:gd name="connsiteY3" fmla="*/ 2385060 h 4099559"/>
                <a:gd name="connsiteX4" fmla="*/ 3131820 w 6088380"/>
                <a:gd name="connsiteY4" fmla="*/ 129540 h 4099559"/>
                <a:gd name="connsiteX5" fmla="*/ 2964180 w 6088380"/>
                <a:gd name="connsiteY5" fmla="*/ 1790700 h 4099559"/>
                <a:gd name="connsiteX6" fmla="*/ 3497580 w 6088380"/>
                <a:gd name="connsiteY6" fmla="*/ 807720 h 4099559"/>
                <a:gd name="connsiteX7" fmla="*/ 4038600 w 6088380"/>
                <a:gd name="connsiteY7" fmla="*/ 2270759 h 4099559"/>
                <a:gd name="connsiteX8" fmla="*/ 39928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64080 w 6088380"/>
                <a:gd name="connsiteY1" fmla="*/ 480059 h 4099559"/>
                <a:gd name="connsiteX2" fmla="*/ 2834640 w 6088380"/>
                <a:gd name="connsiteY2" fmla="*/ 0 h 4099559"/>
                <a:gd name="connsiteX3" fmla="*/ 2156460 w 6088380"/>
                <a:gd name="connsiteY3" fmla="*/ 2385060 h 4099559"/>
                <a:gd name="connsiteX4" fmla="*/ 3131820 w 6088380"/>
                <a:gd name="connsiteY4" fmla="*/ 129540 h 4099559"/>
                <a:gd name="connsiteX5" fmla="*/ 2964180 w 6088380"/>
                <a:gd name="connsiteY5" fmla="*/ 1790700 h 4099559"/>
                <a:gd name="connsiteX6" fmla="*/ 3497580 w 6088380"/>
                <a:gd name="connsiteY6" fmla="*/ 807720 h 4099559"/>
                <a:gd name="connsiteX7" fmla="*/ 4038600 w 6088380"/>
                <a:gd name="connsiteY7" fmla="*/ 2270759 h 4099559"/>
                <a:gd name="connsiteX8" fmla="*/ 39928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64080 w 6088380"/>
                <a:gd name="connsiteY1" fmla="*/ 480059 h 4099559"/>
                <a:gd name="connsiteX2" fmla="*/ 2834640 w 6088380"/>
                <a:gd name="connsiteY2" fmla="*/ 0 h 4099559"/>
                <a:gd name="connsiteX3" fmla="*/ 2156460 w 6088380"/>
                <a:gd name="connsiteY3" fmla="*/ 2385060 h 4099559"/>
                <a:gd name="connsiteX4" fmla="*/ 3131820 w 6088380"/>
                <a:gd name="connsiteY4" fmla="*/ 129540 h 4099559"/>
                <a:gd name="connsiteX5" fmla="*/ 2964180 w 6088380"/>
                <a:gd name="connsiteY5" fmla="*/ 1790700 h 4099559"/>
                <a:gd name="connsiteX6" fmla="*/ 3497580 w 6088380"/>
                <a:gd name="connsiteY6" fmla="*/ 807720 h 4099559"/>
                <a:gd name="connsiteX7" fmla="*/ 4038600 w 6088380"/>
                <a:gd name="connsiteY7" fmla="*/ 2270759 h 4099559"/>
                <a:gd name="connsiteX8" fmla="*/ 39928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64080 w 6088380"/>
                <a:gd name="connsiteY1" fmla="*/ 480059 h 4099559"/>
                <a:gd name="connsiteX2" fmla="*/ 2834640 w 6088380"/>
                <a:gd name="connsiteY2" fmla="*/ 0 h 4099559"/>
                <a:gd name="connsiteX3" fmla="*/ 2156460 w 6088380"/>
                <a:gd name="connsiteY3" fmla="*/ 2385060 h 4099559"/>
                <a:gd name="connsiteX4" fmla="*/ 3131820 w 6088380"/>
                <a:gd name="connsiteY4" fmla="*/ 129540 h 4099559"/>
                <a:gd name="connsiteX5" fmla="*/ 2964180 w 6088380"/>
                <a:gd name="connsiteY5" fmla="*/ 1790700 h 4099559"/>
                <a:gd name="connsiteX6" fmla="*/ 3497580 w 6088380"/>
                <a:gd name="connsiteY6" fmla="*/ 807720 h 4099559"/>
                <a:gd name="connsiteX7" fmla="*/ 4038600 w 6088380"/>
                <a:gd name="connsiteY7" fmla="*/ 2270759 h 4099559"/>
                <a:gd name="connsiteX8" fmla="*/ 39928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64080 w 6088380"/>
                <a:gd name="connsiteY1" fmla="*/ 480059 h 4099559"/>
                <a:gd name="connsiteX2" fmla="*/ 2834640 w 6088380"/>
                <a:gd name="connsiteY2" fmla="*/ 0 h 4099559"/>
                <a:gd name="connsiteX3" fmla="*/ 2156460 w 6088380"/>
                <a:gd name="connsiteY3" fmla="*/ 2385060 h 4099559"/>
                <a:gd name="connsiteX4" fmla="*/ 3131820 w 6088380"/>
                <a:gd name="connsiteY4" fmla="*/ 129540 h 4099559"/>
                <a:gd name="connsiteX5" fmla="*/ 2964180 w 6088380"/>
                <a:gd name="connsiteY5" fmla="*/ 1790700 h 4099559"/>
                <a:gd name="connsiteX6" fmla="*/ 3497580 w 6088380"/>
                <a:gd name="connsiteY6" fmla="*/ 807720 h 4099559"/>
                <a:gd name="connsiteX7" fmla="*/ 4038600 w 6088380"/>
                <a:gd name="connsiteY7" fmla="*/ 2270759 h 4099559"/>
                <a:gd name="connsiteX8" fmla="*/ 39928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64080 w 6088380"/>
                <a:gd name="connsiteY1" fmla="*/ 480059 h 4099559"/>
                <a:gd name="connsiteX2" fmla="*/ 2834640 w 6088380"/>
                <a:gd name="connsiteY2" fmla="*/ 0 h 4099559"/>
                <a:gd name="connsiteX3" fmla="*/ 2156460 w 6088380"/>
                <a:gd name="connsiteY3" fmla="*/ 2385060 h 4099559"/>
                <a:gd name="connsiteX4" fmla="*/ 3131820 w 6088380"/>
                <a:gd name="connsiteY4" fmla="*/ 129540 h 4099559"/>
                <a:gd name="connsiteX5" fmla="*/ 2964180 w 6088380"/>
                <a:gd name="connsiteY5" fmla="*/ 1790700 h 4099559"/>
                <a:gd name="connsiteX6" fmla="*/ 3497580 w 6088380"/>
                <a:gd name="connsiteY6" fmla="*/ 807720 h 4099559"/>
                <a:gd name="connsiteX7" fmla="*/ 4038600 w 6088380"/>
                <a:gd name="connsiteY7" fmla="*/ 2270759 h 4099559"/>
                <a:gd name="connsiteX8" fmla="*/ 39928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64080 w 6088380"/>
                <a:gd name="connsiteY1" fmla="*/ 480059 h 4099559"/>
                <a:gd name="connsiteX2" fmla="*/ 2834640 w 6088380"/>
                <a:gd name="connsiteY2" fmla="*/ 0 h 4099559"/>
                <a:gd name="connsiteX3" fmla="*/ 2156460 w 6088380"/>
                <a:gd name="connsiteY3" fmla="*/ 2385060 h 4099559"/>
                <a:gd name="connsiteX4" fmla="*/ 3131820 w 6088380"/>
                <a:gd name="connsiteY4" fmla="*/ 129540 h 4099559"/>
                <a:gd name="connsiteX5" fmla="*/ 2964180 w 6088380"/>
                <a:gd name="connsiteY5" fmla="*/ 1790700 h 4099559"/>
                <a:gd name="connsiteX6" fmla="*/ 3497580 w 6088380"/>
                <a:gd name="connsiteY6" fmla="*/ 807720 h 4099559"/>
                <a:gd name="connsiteX7" fmla="*/ 4038600 w 6088380"/>
                <a:gd name="connsiteY7" fmla="*/ 2270759 h 4099559"/>
                <a:gd name="connsiteX8" fmla="*/ 39928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64080 w 6088380"/>
                <a:gd name="connsiteY1" fmla="*/ 480059 h 4099559"/>
                <a:gd name="connsiteX2" fmla="*/ 2834640 w 6088380"/>
                <a:gd name="connsiteY2" fmla="*/ 0 h 4099559"/>
                <a:gd name="connsiteX3" fmla="*/ 2156460 w 6088380"/>
                <a:gd name="connsiteY3" fmla="*/ 2385060 h 4099559"/>
                <a:gd name="connsiteX4" fmla="*/ 3131820 w 6088380"/>
                <a:gd name="connsiteY4" fmla="*/ 129540 h 4099559"/>
                <a:gd name="connsiteX5" fmla="*/ 2964180 w 6088380"/>
                <a:gd name="connsiteY5" fmla="*/ 1790700 h 4099559"/>
                <a:gd name="connsiteX6" fmla="*/ 3497580 w 6088380"/>
                <a:gd name="connsiteY6" fmla="*/ 807720 h 4099559"/>
                <a:gd name="connsiteX7" fmla="*/ 4038600 w 6088380"/>
                <a:gd name="connsiteY7" fmla="*/ 2270759 h 4099559"/>
                <a:gd name="connsiteX8" fmla="*/ 39928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35505 w 6088380"/>
                <a:gd name="connsiteY1" fmla="*/ 489584 h 4099559"/>
                <a:gd name="connsiteX2" fmla="*/ 2834640 w 6088380"/>
                <a:gd name="connsiteY2" fmla="*/ 0 h 4099559"/>
                <a:gd name="connsiteX3" fmla="*/ 2156460 w 6088380"/>
                <a:gd name="connsiteY3" fmla="*/ 2385060 h 4099559"/>
                <a:gd name="connsiteX4" fmla="*/ 3131820 w 6088380"/>
                <a:gd name="connsiteY4" fmla="*/ 129540 h 4099559"/>
                <a:gd name="connsiteX5" fmla="*/ 2964180 w 6088380"/>
                <a:gd name="connsiteY5" fmla="*/ 1790700 h 4099559"/>
                <a:gd name="connsiteX6" fmla="*/ 3497580 w 6088380"/>
                <a:gd name="connsiteY6" fmla="*/ 807720 h 4099559"/>
                <a:gd name="connsiteX7" fmla="*/ 4038600 w 6088380"/>
                <a:gd name="connsiteY7" fmla="*/ 2270759 h 4099559"/>
                <a:gd name="connsiteX8" fmla="*/ 39928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35505 w 6088380"/>
                <a:gd name="connsiteY1" fmla="*/ 489584 h 4099559"/>
                <a:gd name="connsiteX2" fmla="*/ 2834640 w 6088380"/>
                <a:gd name="connsiteY2" fmla="*/ 0 h 4099559"/>
                <a:gd name="connsiteX3" fmla="*/ 2156460 w 6088380"/>
                <a:gd name="connsiteY3" fmla="*/ 2385060 h 4099559"/>
                <a:gd name="connsiteX4" fmla="*/ 3131820 w 6088380"/>
                <a:gd name="connsiteY4" fmla="*/ 129540 h 4099559"/>
                <a:gd name="connsiteX5" fmla="*/ 2964180 w 6088380"/>
                <a:gd name="connsiteY5" fmla="*/ 1790700 h 4099559"/>
                <a:gd name="connsiteX6" fmla="*/ 3497580 w 6088380"/>
                <a:gd name="connsiteY6" fmla="*/ 807720 h 4099559"/>
                <a:gd name="connsiteX7" fmla="*/ 4038600 w 6088380"/>
                <a:gd name="connsiteY7" fmla="*/ 2270759 h 4099559"/>
                <a:gd name="connsiteX8" fmla="*/ 39674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35505 w 6088380"/>
                <a:gd name="connsiteY1" fmla="*/ 489584 h 4099559"/>
                <a:gd name="connsiteX2" fmla="*/ 2834640 w 6088380"/>
                <a:gd name="connsiteY2" fmla="*/ 0 h 4099559"/>
                <a:gd name="connsiteX3" fmla="*/ 2156460 w 6088380"/>
                <a:gd name="connsiteY3" fmla="*/ 2385060 h 4099559"/>
                <a:gd name="connsiteX4" fmla="*/ 3131820 w 6088380"/>
                <a:gd name="connsiteY4" fmla="*/ 129540 h 4099559"/>
                <a:gd name="connsiteX5" fmla="*/ 2964180 w 6088380"/>
                <a:gd name="connsiteY5" fmla="*/ 1790700 h 4099559"/>
                <a:gd name="connsiteX6" fmla="*/ 3497580 w 6088380"/>
                <a:gd name="connsiteY6" fmla="*/ 807720 h 4099559"/>
                <a:gd name="connsiteX7" fmla="*/ 4076700 w 6088380"/>
                <a:gd name="connsiteY7" fmla="*/ 2429509 h 4099559"/>
                <a:gd name="connsiteX8" fmla="*/ 39674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35505 w 6088380"/>
                <a:gd name="connsiteY1" fmla="*/ 489584 h 4099559"/>
                <a:gd name="connsiteX2" fmla="*/ 2834640 w 6088380"/>
                <a:gd name="connsiteY2" fmla="*/ 0 h 4099559"/>
                <a:gd name="connsiteX3" fmla="*/ 2156460 w 6088380"/>
                <a:gd name="connsiteY3" fmla="*/ 2385060 h 4099559"/>
                <a:gd name="connsiteX4" fmla="*/ 3131820 w 6088380"/>
                <a:gd name="connsiteY4" fmla="*/ 129540 h 4099559"/>
                <a:gd name="connsiteX5" fmla="*/ 2767330 w 6088380"/>
                <a:gd name="connsiteY5" fmla="*/ 2241550 h 4099559"/>
                <a:gd name="connsiteX6" fmla="*/ 3497580 w 6088380"/>
                <a:gd name="connsiteY6" fmla="*/ 807720 h 4099559"/>
                <a:gd name="connsiteX7" fmla="*/ 4076700 w 6088380"/>
                <a:gd name="connsiteY7" fmla="*/ 2429509 h 4099559"/>
                <a:gd name="connsiteX8" fmla="*/ 39674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35505 w 6088380"/>
                <a:gd name="connsiteY1" fmla="*/ 489584 h 4099559"/>
                <a:gd name="connsiteX2" fmla="*/ 2834640 w 6088380"/>
                <a:gd name="connsiteY2" fmla="*/ 0 h 4099559"/>
                <a:gd name="connsiteX3" fmla="*/ 2156460 w 6088380"/>
                <a:gd name="connsiteY3" fmla="*/ 2385060 h 4099559"/>
                <a:gd name="connsiteX4" fmla="*/ 3131820 w 6088380"/>
                <a:gd name="connsiteY4" fmla="*/ 129540 h 4099559"/>
                <a:gd name="connsiteX5" fmla="*/ 2887980 w 6088380"/>
                <a:gd name="connsiteY5" fmla="*/ 2324100 h 4099559"/>
                <a:gd name="connsiteX6" fmla="*/ 3497580 w 6088380"/>
                <a:gd name="connsiteY6" fmla="*/ 807720 h 4099559"/>
                <a:gd name="connsiteX7" fmla="*/ 4076700 w 6088380"/>
                <a:gd name="connsiteY7" fmla="*/ 2429509 h 4099559"/>
                <a:gd name="connsiteX8" fmla="*/ 39674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35505 w 6088380"/>
                <a:gd name="connsiteY1" fmla="*/ 489584 h 4099559"/>
                <a:gd name="connsiteX2" fmla="*/ 2834640 w 6088380"/>
                <a:gd name="connsiteY2" fmla="*/ 0 h 4099559"/>
                <a:gd name="connsiteX3" fmla="*/ 2156460 w 6088380"/>
                <a:gd name="connsiteY3" fmla="*/ 2385060 h 4099559"/>
                <a:gd name="connsiteX4" fmla="*/ 3131820 w 6088380"/>
                <a:gd name="connsiteY4" fmla="*/ 129540 h 4099559"/>
                <a:gd name="connsiteX5" fmla="*/ 2964180 w 6088380"/>
                <a:gd name="connsiteY5" fmla="*/ 1879600 h 4099559"/>
                <a:gd name="connsiteX6" fmla="*/ 3497580 w 6088380"/>
                <a:gd name="connsiteY6" fmla="*/ 807720 h 4099559"/>
                <a:gd name="connsiteX7" fmla="*/ 4076700 w 6088380"/>
                <a:gd name="connsiteY7" fmla="*/ 2429509 h 4099559"/>
                <a:gd name="connsiteX8" fmla="*/ 39674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26179 h 4099559"/>
                <a:gd name="connsiteX1" fmla="*/ 2135505 w 6088380"/>
                <a:gd name="connsiteY1" fmla="*/ 459104 h 4099559"/>
                <a:gd name="connsiteX2" fmla="*/ 2834640 w 6088380"/>
                <a:gd name="connsiteY2" fmla="*/ 0 h 4099559"/>
                <a:gd name="connsiteX3" fmla="*/ 2156460 w 6088380"/>
                <a:gd name="connsiteY3" fmla="*/ 2385060 h 4099559"/>
                <a:gd name="connsiteX4" fmla="*/ 3131820 w 6088380"/>
                <a:gd name="connsiteY4" fmla="*/ 129540 h 4099559"/>
                <a:gd name="connsiteX5" fmla="*/ 2964180 w 6088380"/>
                <a:gd name="connsiteY5" fmla="*/ 1879600 h 4099559"/>
                <a:gd name="connsiteX6" fmla="*/ 3497580 w 6088380"/>
                <a:gd name="connsiteY6" fmla="*/ 807720 h 4099559"/>
                <a:gd name="connsiteX7" fmla="*/ 4076700 w 6088380"/>
                <a:gd name="connsiteY7" fmla="*/ 2429509 h 4099559"/>
                <a:gd name="connsiteX8" fmla="*/ 3967480 w 6088380"/>
                <a:gd name="connsiteY8" fmla="*/ 1257299 h 4099559"/>
                <a:gd name="connsiteX9" fmla="*/ 5204460 w 6088380"/>
                <a:gd name="connsiteY9" fmla="*/ 2468879 h 4099559"/>
                <a:gd name="connsiteX10" fmla="*/ 6088380 w 6088380"/>
                <a:gd name="connsiteY10" fmla="*/ 3665219 h 4099559"/>
                <a:gd name="connsiteX11" fmla="*/ 6088380 w 6088380"/>
                <a:gd name="connsiteY11" fmla="*/ 4099559 h 4099559"/>
                <a:gd name="connsiteX12" fmla="*/ 0 w 6088380"/>
                <a:gd name="connsiteY12" fmla="*/ 4099559 h 4099559"/>
                <a:gd name="connsiteX13" fmla="*/ 0 w 6088380"/>
                <a:gd name="connsiteY13" fmla="*/ 3726179 h 4099559"/>
                <a:gd name="connsiteX0" fmla="*/ 0 w 6088380"/>
                <a:gd name="connsiteY0" fmla="*/ 3719035 h 4092415"/>
                <a:gd name="connsiteX1" fmla="*/ 2135505 w 6088380"/>
                <a:gd name="connsiteY1" fmla="*/ 451960 h 4092415"/>
                <a:gd name="connsiteX2" fmla="*/ 2853690 w 6088380"/>
                <a:gd name="connsiteY2" fmla="*/ 0 h 4092415"/>
                <a:gd name="connsiteX3" fmla="*/ 2156460 w 6088380"/>
                <a:gd name="connsiteY3" fmla="*/ 2377916 h 4092415"/>
                <a:gd name="connsiteX4" fmla="*/ 3131820 w 6088380"/>
                <a:gd name="connsiteY4" fmla="*/ 122396 h 4092415"/>
                <a:gd name="connsiteX5" fmla="*/ 2964180 w 6088380"/>
                <a:gd name="connsiteY5" fmla="*/ 1872456 h 4092415"/>
                <a:gd name="connsiteX6" fmla="*/ 3497580 w 6088380"/>
                <a:gd name="connsiteY6" fmla="*/ 800576 h 4092415"/>
                <a:gd name="connsiteX7" fmla="*/ 4076700 w 6088380"/>
                <a:gd name="connsiteY7" fmla="*/ 2422365 h 4092415"/>
                <a:gd name="connsiteX8" fmla="*/ 3967480 w 6088380"/>
                <a:gd name="connsiteY8" fmla="*/ 1250155 h 4092415"/>
                <a:gd name="connsiteX9" fmla="*/ 5204460 w 6088380"/>
                <a:gd name="connsiteY9" fmla="*/ 2461735 h 4092415"/>
                <a:gd name="connsiteX10" fmla="*/ 6088380 w 6088380"/>
                <a:gd name="connsiteY10" fmla="*/ 3658075 h 4092415"/>
                <a:gd name="connsiteX11" fmla="*/ 6088380 w 6088380"/>
                <a:gd name="connsiteY11" fmla="*/ 4092415 h 4092415"/>
                <a:gd name="connsiteX12" fmla="*/ 0 w 6088380"/>
                <a:gd name="connsiteY12" fmla="*/ 4092415 h 4092415"/>
                <a:gd name="connsiteX13" fmla="*/ 0 w 6088380"/>
                <a:gd name="connsiteY13" fmla="*/ 3719035 h 4092415"/>
                <a:gd name="connsiteX0" fmla="*/ 0 w 6088380"/>
                <a:gd name="connsiteY0" fmla="*/ 3719035 h 4092415"/>
                <a:gd name="connsiteX1" fmla="*/ 2135505 w 6088380"/>
                <a:gd name="connsiteY1" fmla="*/ 451960 h 4092415"/>
                <a:gd name="connsiteX2" fmla="*/ 2853690 w 6088380"/>
                <a:gd name="connsiteY2" fmla="*/ 0 h 4092415"/>
                <a:gd name="connsiteX3" fmla="*/ 2156460 w 6088380"/>
                <a:gd name="connsiteY3" fmla="*/ 2377916 h 4092415"/>
                <a:gd name="connsiteX4" fmla="*/ 3131820 w 6088380"/>
                <a:gd name="connsiteY4" fmla="*/ 122396 h 4092415"/>
                <a:gd name="connsiteX5" fmla="*/ 2964180 w 6088380"/>
                <a:gd name="connsiteY5" fmla="*/ 1872456 h 4092415"/>
                <a:gd name="connsiteX6" fmla="*/ 3497580 w 6088380"/>
                <a:gd name="connsiteY6" fmla="*/ 800576 h 4092415"/>
                <a:gd name="connsiteX7" fmla="*/ 4076700 w 6088380"/>
                <a:gd name="connsiteY7" fmla="*/ 2422365 h 4092415"/>
                <a:gd name="connsiteX8" fmla="*/ 3967480 w 6088380"/>
                <a:gd name="connsiteY8" fmla="*/ 1250155 h 4092415"/>
                <a:gd name="connsiteX9" fmla="*/ 5204460 w 6088380"/>
                <a:gd name="connsiteY9" fmla="*/ 2461735 h 4092415"/>
                <a:gd name="connsiteX10" fmla="*/ 6088380 w 6088380"/>
                <a:gd name="connsiteY10" fmla="*/ 3658075 h 4092415"/>
                <a:gd name="connsiteX11" fmla="*/ 6088380 w 6088380"/>
                <a:gd name="connsiteY11" fmla="*/ 4092415 h 4092415"/>
                <a:gd name="connsiteX12" fmla="*/ 0 w 6088380"/>
                <a:gd name="connsiteY12" fmla="*/ 4092415 h 4092415"/>
                <a:gd name="connsiteX13" fmla="*/ 0 w 6088380"/>
                <a:gd name="connsiteY13" fmla="*/ 3719035 h 4092415"/>
                <a:gd name="connsiteX0" fmla="*/ 0 w 6088380"/>
                <a:gd name="connsiteY0" fmla="*/ 3719035 h 4092415"/>
                <a:gd name="connsiteX1" fmla="*/ 2135505 w 6088380"/>
                <a:gd name="connsiteY1" fmla="*/ 451960 h 4092415"/>
                <a:gd name="connsiteX2" fmla="*/ 2853690 w 6088380"/>
                <a:gd name="connsiteY2" fmla="*/ 0 h 4092415"/>
                <a:gd name="connsiteX3" fmla="*/ 2156460 w 6088380"/>
                <a:gd name="connsiteY3" fmla="*/ 2377916 h 4092415"/>
                <a:gd name="connsiteX4" fmla="*/ 3131820 w 6088380"/>
                <a:gd name="connsiteY4" fmla="*/ 122396 h 4092415"/>
                <a:gd name="connsiteX5" fmla="*/ 2964180 w 6088380"/>
                <a:gd name="connsiteY5" fmla="*/ 1872456 h 4092415"/>
                <a:gd name="connsiteX6" fmla="*/ 3497580 w 6088380"/>
                <a:gd name="connsiteY6" fmla="*/ 800576 h 4092415"/>
                <a:gd name="connsiteX7" fmla="*/ 4076700 w 6088380"/>
                <a:gd name="connsiteY7" fmla="*/ 2422365 h 4092415"/>
                <a:gd name="connsiteX8" fmla="*/ 3967480 w 6088380"/>
                <a:gd name="connsiteY8" fmla="*/ 1250155 h 4092415"/>
                <a:gd name="connsiteX9" fmla="*/ 5204460 w 6088380"/>
                <a:gd name="connsiteY9" fmla="*/ 2461735 h 4092415"/>
                <a:gd name="connsiteX10" fmla="*/ 6088380 w 6088380"/>
                <a:gd name="connsiteY10" fmla="*/ 3658075 h 4092415"/>
                <a:gd name="connsiteX11" fmla="*/ 6088380 w 6088380"/>
                <a:gd name="connsiteY11" fmla="*/ 4092415 h 4092415"/>
                <a:gd name="connsiteX12" fmla="*/ 0 w 6088380"/>
                <a:gd name="connsiteY12" fmla="*/ 4092415 h 4092415"/>
                <a:gd name="connsiteX13" fmla="*/ 0 w 6088380"/>
                <a:gd name="connsiteY13" fmla="*/ 3719035 h 4092415"/>
                <a:gd name="connsiteX0" fmla="*/ 0 w 6088380"/>
                <a:gd name="connsiteY0" fmla="*/ 3719035 h 4092415"/>
                <a:gd name="connsiteX1" fmla="*/ 2135505 w 6088380"/>
                <a:gd name="connsiteY1" fmla="*/ 451960 h 4092415"/>
                <a:gd name="connsiteX2" fmla="*/ 2853690 w 6088380"/>
                <a:gd name="connsiteY2" fmla="*/ 0 h 4092415"/>
                <a:gd name="connsiteX3" fmla="*/ 2156460 w 6088380"/>
                <a:gd name="connsiteY3" fmla="*/ 2377916 h 4092415"/>
                <a:gd name="connsiteX4" fmla="*/ 3143726 w 6088380"/>
                <a:gd name="connsiteY4" fmla="*/ 91440 h 4092415"/>
                <a:gd name="connsiteX5" fmla="*/ 2964180 w 6088380"/>
                <a:gd name="connsiteY5" fmla="*/ 1872456 h 4092415"/>
                <a:gd name="connsiteX6" fmla="*/ 3497580 w 6088380"/>
                <a:gd name="connsiteY6" fmla="*/ 800576 h 4092415"/>
                <a:gd name="connsiteX7" fmla="*/ 4076700 w 6088380"/>
                <a:gd name="connsiteY7" fmla="*/ 2422365 h 4092415"/>
                <a:gd name="connsiteX8" fmla="*/ 3967480 w 6088380"/>
                <a:gd name="connsiteY8" fmla="*/ 1250155 h 4092415"/>
                <a:gd name="connsiteX9" fmla="*/ 5204460 w 6088380"/>
                <a:gd name="connsiteY9" fmla="*/ 2461735 h 4092415"/>
                <a:gd name="connsiteX10" fmla="*/ 6088380 w 6088380"/>
                <a:gd name="connsiteY10" fmla="*/ 3658075 h 4092415"/>
                <a:gd name="connsiteX11" fmla="*/ 6088380 w 6088380"/>
                <a:gd name="connsiteY11" fmla="*/ 4092415 h 4092415"/>
                <a:gd name="connsiteX12" fmla="*/ 0 w 6088380"/>
                <a:gd name="connsiteY12" fmla="*/ 4092415 h 4092415"/>
                <a:gd name="connsiteX13" fmla="*/ 0 w 6088380"/>
                <a:gd name="connsiteY13" fmla="*/ 3719035 h 4092415"/>
                <a:gd name="connsiteX0" fmla="*/ 0 w 6088380"/>
                <a:gd name="connsiteY0" fmla="*/ 3719035 h 4092415"/>
                <a:gd name="connsiteX1" fmla="*/ 2135505 w 6088380"/>
                <a:gd name="connsiteY1" fmla="*/ 451960 h 4092415"/>
                <a:gd name="connsiteX2" fmla="*/ 2853690 w 6088380"/>
                <a:gd name="connsiteY2" fmla="*/ 0 h 4092415"/>
                <a:gd name="connsiteX3" fmla="*/ 2156460 w 6088380"/>
                <a:gd name="connsiteY3" fmla="*/ 2377916 h 4092415"/>
                <a:gd name="connsiteX4" fmla="*/ 3143726 w 6088380"/>
                <a:gd name="connsiteY4" fmla="*/ 91440 h 4092415"/>
                <a:gd name="connsiteX5" fmla="*/ 2964180 w 6088380"/>
                <a:gd name="connsiteY5" fmla="*/ 1872456 h 4092415"/>
                <a:gd name="connsiteX6" fmla="*/ 3497580 w 6088380"/>
                <a:gd name="connsiteY6" fmla="*/ 800576 h 4092415"/>
                <a:gd name="connsiteX7" fmla="*/ 4076700 w 6088380"/>
                <a:gd name="connsiteY7" fmla="*/ 2422365 h 4092415"/>
                <a:gd name="connsiteX8" fmla="*/ 3967480 w 6088380"/>
                <a:gd name="connsiteY8" fmla="*/ 1250155 h 4092415"/>
                <a:gd name="connsiteX9" fmla="*/ 5204460 w 6088380"/>
                <a:gd name="connsiteY9" fmla="*/ 2461735 h 4092415"/>
                <a:gd name="connsiteX10" fmla="*/ 6088380 w 6088380"/>
                <a:gd name="connsiteY10" fmla="*/ 3658075 h 4092415"/>
                <a:gd name="connsiteX11" fmla="*/ 6088380 w 6088380"/>
                <a:gd name="connsiteY11" fmla="*/ 4092415 h 4092415"/>
                <a:gd name="connsiteX12" fmla="*/ 0 w 6088380"/>
                <a:gd name="connsiteY12" fmla="*/ 4092415 h 4092415"/>
                <a:gd name="connsiteX13" fmla="*/ 0 w 6088380"/>
                <a:gd name="connsiteY13" fmla="*/ 3719035 h 4092415"/>
                <a:gd name="connsiteX0" fmla="*/ 0 w 6088380"/>
                <a:gd name="connsiteY0" fmla="*/ 3719035 h 4092415"/>
                <a:gd name="connsiteX1" fmla="*/ 2135505 w 6088380"/>
                <a:gd name="connsiteY1" fmla="*/ 451960 h 4092415"/>
                <a:gd name="connsiteX2" fmla="*/ 2853690 w 6088380"/>
                <a:gd name="connsiteY2" fmla="*/ 0 h 4092415"/>
                <a:gd name="connsiteX3" fmla="*/ 2156460 w 6088380"/>
                <a:gd name="connsiteY3" fmla="*/ 2377916 h 4092415"/>
                <a:gd name="connsiteX4" fmla="*/ 3143726 w 6088380"/>
                <a:gd name="connsiteY4" fmla="*/ 91440 h 4092415"/>
                <a:gd name="connsiteX5" fmla="*/ 2964180 w 6088380"/>
                <a:gd name="connsiteY5" fmla="*/ 1872456 h 4092415"/>
                <a:gd name="connsiteX6" fmla="*/ 3497580 w 6088380"/>
                <a:gd name="connsiteY6" fmla="*/ 800576 h 4092415"/>
                <a:gd name="connsiteX7" fmla="*/ 4076700 w 6088380"/>
                <a:gd name="connsiteY7" fmla="*/ 2422365 h 4092415"/>
                <a:gd name="connsiteX8" fmla="*/ 3967480 w 6088380"/>
                <a:gd name="connsiteY8" fmla="*/ 1250155 h 4092415"/>
                <a:gd name="connsiteX9" fmla="*/ 5204460 w 6088380"/>
                <a:gd name="connsiteY9" fmla="*/ 2461735 h 4092415"/>
                <a:gd name="connsiteX10" fmla="*/ 6088380 w 6088380"/>
                <a:gd name="connsiteY10" fmla="*/ 3658075 h 4092415"/>
                <a:gd name="connsiteX11" fmla="*/ 6088380 w 6088380"/>
                <a:gd name="connsiteY11" fmla="*/ 4092415 h 4092415"/>
                <a:gd name="connsiteX12" fmla="*/ 0 w 6088380"/>
                <a:gd name="connsiteY12" fmla="*/ 4092415 h 4092415"/>
                <a:gd name="connsiteX13" fmla="*/ 0 w 6088380"/>
                <a:gd name="connsiteY13" fmla="*/ 3719035 h 4092415"/>
                <a:gd name="connsiteX0" fmla="*/ 0 w 6088380"/>
                <a:gd name="connsiteY0" fmla="*/ 3719035 h 4092415"/>
                <a:gd name="connsiteX1" fmla="*/ 2135505 w 6088380"/>
                <a:gd name="connsiteY1" fmla="*/ 451960 h 4092415"/>
                <a:gd name="connsiteX2" fmla="*/ 2853690 w 6088380"/>
                <a:gd name="connsiteY2" fmla="*/ 0 h 4092415"/>
                <a:gd name="connsiteX3" fmla="*/ 2156460 w 6088380"/>
                <a:gd name="connsiteY3" fmla="*/ 2377916 h 4092415"/>
                <a:gd name="connsiteX4" fmla="*/ 3146107 w 6088380"/>
                <a:gd name="connsiteY4" fmla="*/ 86677 h 4092415"/>
                <a:gd name="connsiteX5" fmla="*/ 2964180 w 6088380"/>
                <a:gd name="connsiteY5" fmla="*/ 1872456 h 4092415"/>
                <a:gd name="connsiteX6" fmla="*/ 3497580 w 6088380"/>
                <a:gd name="connsiteY6" fmla="*/ 800576 h 4092415"/>
                <a:gd name="connsiteX7" fmla="*/ 4076700 w 6088380"/>
                <a:gd name="connsiteY7" fmla="*/ 2422365 h 4092415"/>
                <a:gd name="connsiteX8" fmla="*/ 3967480 w 6088380"/>
                <a:gd name="connsiteY8" fmla="*/ 1250155 h 4092415"/>
                <a:gd name="connsiteX9" fmla="*/ 5204460 w 6088380"/>
                <a:gd name="connsiteY9" fmla="*/ 2461735 h 4092415"/>
                <a:gd name="connsiteX10" fmla="*/ 6088380 w 6088380"/>
                <a:gd name="connsiteY10" fmla="*/ 3658075 h 4092415"/>
                <a:gd name="connsiteX11" fmla="*/ 6088380 w 6088380"/>
                <a:gd name="connsiteY11" fmla="*/ 4092415 h 4092415"/>
                <a:gd name="connsiteX12" fmla="*/ 0 w 6088380"/>
                <a:gd name="connsiteY12" fmla="*/ 4092415 h 4092415"/>
                <a:gd name="connsiteX13" fmla="*/ 0 w 6088380"/>
                <a:gd name="connsiteY13" fmla="*/ 3719035 h 40924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6088380" h="4092415">
                  <a:moveTo>
                    <a:pt x="0" y="3719035"/>
                  </a:moveTo>
                  <a:lnTo>
                    <a:pt x="2135505" y="451960"/>
                  </a:lnTo>
                  <a:cubicBezTo>
                    <a:pt x="2112645" y="476725"/>
                    <a:pt x="2747010" y="46990"/>
                    <a:pt x="2853690" y="0"/>
                  </a:cubicBezTo>
                  <a:cubicBezTo>
                    <a:pt x="2819400" y="199708"/>
                    <a:pt x="2129790" y="2363946"/>
                    <a:pt x="2156460" y="2377916"/>
                  </a:cubicBezTo>
                  <a:cubicBezTo>
                    <a:pt x="2172652" y="2351881"/>
                    <a:pt x="2569686" y="815339"/>
                    <a:pt x="3146107" y="86677"/>
                  </a:cubicBezTo>
                  <a:cubicBezTo>
                    <a:pt x="3156267" y="383857"/>
                    <a:pt x="2966511" y="1824054"/>
                    <a:pt x="2964180" y="1872456"/>
                  </a:cubicBezTo>
                  <a:cubicBezTo>
                    <a:pt x="2976404" y="1850390"/>
                    <a:pt x="3434080" y="904716"/>
                    <a:pt x="3497580" y="800576"/>
                  </a:cubicBezTo>
                  <a:cubicBezTo>
                    <a:pt x="3589020" y="1060926"/>
                    <a:pt x="4008120" y="2190114"/>
                    <a:pt x="4076700" y="2422365"/>
                  </a:cubicBezTo>
                  <a:cubicBezTo>
                    <a:pt x="4059555" y="2122327"/>
                    <a:pt x="3975100" y="1457959"/>
                    <a:pt x="3967480" y="1250155"/>
                  </a:cubicBezTo>
                  <a:cubicBezTo>
                    <a:pt x="4451350" y="1674335"/>
                    <a:pt x="4640262" y="1781015"/>
                    <a:pt x="5204460" y="2461735"/>
                  </a:cubicBezTo>
                  <a:lnTo>
                    <a:pt x="6088380" y="3658075"/>
                  </a:lnTo>
                  <a:lnTo>
                    <a:pt x="6088380" y="4092415"/>
                  </a:lnTo>
                  <a:lnTo>
                    <a:pt x="0" y="4092415"/>
                  </a:lnTo>
                  <a:lnTo>
                    <a:pt x="0" y="3719035"/>
                  </a:lnTo>
                  <a:close/>
                </a:path>
              </a:pathLst>
            </a:custGeom>
            <a:solidFill>
              <a:srgbClr val="7F8CAD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102" name="Rectangle 27"/>
          <p:cNvSpPr/>
          <p:nvPr/>
        </p:nvSpPr>
        <p:spPr>
          <a:xfrm rot="14650018" flipH="1" flipV="1">
            <a:off x="2043925" y="4264933"/>
            <a:ext cx="222290" cy="231411"/>
          </a:xfrm>
          <a:custGeom>
            <a:avLst/>
            <a:gdLst>
              <a:gd name="connsiteX0" fmla="*/ 0 w 578644"/>
              <a:gd name="connsiteY0" fmla="*/ 0 h 588169"/>
              <a:gd name="connsiteX1" fmla="*/ 578644 w 578644"/>
              <a:gd name="connsiteY1" fmla="*/ 0 h 588169"/>
              <a:gd name="connsiteX2" fmla="*/ 578644 w 578644"/>
              <a:gd name="connsiteY2" fmla="*/ 588169 h 588169"/>
              <a:gd name="connsiteX3" fmla="*/ 0 w 578644"/>
              <a:gd name="connsiteY3" fmla="*/ 588169 h 588169"/>
              <a:gd name="connsiteX4" fmla="*/ 0 w 578644"/>
              <a:gd name="connsiteY4" fmla="*/ 0 h 588169"/>
              <a:gd name="connsiteX0" fmla="*/ 0 w 578644"/>
              <a:gd name="connsiteY0" fmla="*/ 0 h 588169"/>
              <a:gd name="connsiteX1" fmla="*/ 578644 w 578644"/>
              <a:gd name="connsiteY1" fmla="*/ 0 h 588169"/>
              <a:gd name="connsiteX2" fmla="*/ 578644 w 578644"/>
              <a:gd name="connsiteY2" fmla="*/ 588169 h 588169"/>
              <a:gd name="connsiteX3" fmla="*/ 16669 w 578644"/>
              <a:gd name="connsiteY3" fmla="*/ 519112 h 588169"/>
              <a:gd name="connsiteX4" fmla="*/ 0 w 578644"/>
              <a:gd name="connsiteY4" fmla="*/ 0 h 588169"/>
              <a:gd name="connsiteX0" fmla="*/ 0 w 578644"/>
              <a:gd name="connsiteY0" fmla="*/ 0 h 588169"/>
              <a:gd name="connsiteX1" fmla="*/ 578644 w 578644"/>
              <a:gd name="connsiteY1" fmla="*/ 0 h 588169"/>
              <a:gd name="connsiteX2" fmla="*/ 578644 w 578644"/>
              <a:gd name="connsiteY2" fmla="*/ 588169 h 588169"/>
              <a:gd name="connsiteX3" fmla="*/ 90488 w 578644"/>
              <a:gd name="connsiteY3" fmla="*/ 521494 h 588169"/>
              <a:gd name="connsiteX4" fmla="*/ 16669 w 578644"/>
              <a:gd name="connsiteY4" fmla="*/ 519112 h 588169"/>
              <a:gd name="connsiteX5" fmla="*/ 0 w 578644"/>
              <a:gd name="connsiteY5" fmla="*/ 0 h 588169"/>
              <a:gd name="connsiteX0" fmla="*/ 0 w 578644"/>
              <a:gd name="connsiteY0" fmla="*/ 0 h 588169"/>
              <a:gd name="connsiteX1" fmla="*/ 578644 w 578644"/>
              <a:gd name="connsiteY1" fmla="*/ 0 h 588169"/>
              <a:gd name="connsiteX2" fmla="*/ 578644 w 578644"/>
              <a:gd name="connsiteY2" fmla="*/ 588169 h 588169"/>
              <a:gd name="connsiteX3" fmla="*/ 307182 w 578644"/>
              <a:gd name="connsiteY3" fmla="*/ 547688 h 588169"/>
              <a:gd name="connsiteX4" fmla="*/ 90488 w 578644"/>
              <a:gd name="connsiteY4" fmla="*/ 521494 h 588169"/>
              <a:gd name="connsiteX5" fmla="*/ 16669 w 578644"/>
              <a:gd name="connsiteY5" fmla="*/ 519112 h 588169"/>
              <a:gd name="connsiteX6" fmla="*/ 0 w 578644"/>
              <a:gd name="connsiteY6" fmla="*/ 0 h 588169"/>
              <a:gd name="connsiteX0" fmla="*/ 0 w 578644"/>
              <a:gd name="connsiteY0" fmla="*/ 0 h 588169"/>
              <a:gd name="connsiteX1" fmla="*/ 578644 w 578644"/>
              <a:gd name="connsiteY1" fmla="*/ 0 h 588169"/>
              <a:gd name="connsiteX2" fmla="*/ 578644 w 578644"/>
              <a:gd name="connsiteY2" fmla="*/ 588169 h 588169"/>
              <a:gd name="connsiteX3" fmla="*/ 173832 w 578644"/>
              <a:gd name="connsiteY3" fmla="*/ 583407 h 588169"/>
              <a:gd name="connsiteX4" fmla="*/ 90488 w 578644"/>
              <a:gd name="connsiteY4" fmla="*/ 521494 h 588169"/>
              <a:gd name="connsiteX5" fmla="*/ 16669 w 578644"/>
              <a:gd name="connsiteY5" fmla="*/ 519112 h 588169"/>
              <a:gd name="connsiteX6" fmla="*/ 0 w 578644"/>
              <a:gd name="connsiteY6" fmla="*/ 0 h 588169"/>
              <a:gd name="connsiteX0" fmla="*/ 0 w 578644"/>
              <a:gd name="connsiteY0" fmla="*/ 0 h 588169"/>
              <a:gd name="connsiteX1" fmla="*/ 578644 w 578644"/>
              <a:gd name="connsiteY1" fmla="*/ 0 h 588169"/>
              <a:gd name="connsiteX2" fmla="*/ 578644 w 578644"/>
              <a:gd name="connsiteY2" fmla="*/ 588169 h 588169"/>
              <a:gd name="connsiteX3" fmla="*/ 173832 w 578644"/>
              <a:gd name="connsiteY3" fmla="*/ 583407 h 588169"/>
              <a:gd name="connsiteX4" fmla="*/ 90488 w 578644"/>
              <a:gd name="connsiteY4" fmla="*/ 521494 h 588169"/>
              <a:gd name="connsiteX5" fmla="*/ 16669 w 578644"/>
              <a:gd name="connsiteY5" fmla="*/ 519112 h 588169"/>
              <a:gd name="connsiteX6" fmla="*/ 0 w 578644"/>
              <a:gd name="connsiteY6" fmla="*/ 0 h 588169"/>
              <a:gd name="connsiteX0" fmla="*/ 0 w 578644"/>
              <a:gd name="connsiteY0" fmla="*/ 0 h 588169"/>
              <a:gd name="connsiteX1" fmla="*/ 578644 w 578644"/>
              <a:gd name="connsiteY1" fmla="*/ 0 h 588169"/>
              <a:gd name="connsiteX2" fmla="*/ 578644 w 578644"/>
              <a:gd name="connsiteY2" fmla="*/ 588169 h 588169"/>
              <a:gd name="connsiteX3" fmla="*/ 342900 w 578644"/>
              <a:gd name="connsiteY3" fmla="*/ 588169 h 588169"/>
              <a:gd name="connsiteX4" fmla="*/ 173832 w 578644"/>
              <a:gd name="connsiteY4" fmla="*/ 583407 h 588169"/>
              <a:gd name="connsiteX5" fmla="*/ 90488 w 578644"/>
              <a:gd name="connsiteY5" fmla="*/ 521494 h 588169"/>
              <a:gd name="connsiteX6" fmla="*/ 16669 w 578644"/>
              <a:gd name="connsiteY6" fmla="*/ 519112 h 588169"/>
              <a:gd name="connsiteX7" fmla="*/ 0 w 578644"/>
              <a:gd name="connsiteY7" fmla="*/ 0 h 588169"/>
              <a:gd name="connsiteX0" fmla="*/ 0 w 578644"/>
              <a:gd name="connsiteY0" fmla="*/ 0 h 588169"/>
              <a:gd name="connsiteX1" fmla="*/ 578644 w 578644"/>
              <a:gd name="connsiteY1" fmla="*/ 0 h 588169"/>
              <a:gd name="connsiteX2" fmla="*/ 578644 w 578644"/>
              <a:gd name="connsiteY2" fmla="*/ 588169 h 588169"/>
              <a:gd name="connsiteX3" fmla="*/ 292894 w 578644"/>
              <a:gd name="connsiteY3" fmla="*/ 416719 h 588169"/>
              <a:gd name="connsiteX4" fmla="*/ 173832 w 578644"/>
              <a:gd name="connsiteY4" fmla="*/ 583407 h 588169"/>
              <a:gd name="connsiteX5" fmla="*/ 90488 w 578644"/>
              <a:gd name="connsiteY5" fmla="*/ 521494 h 588169"/>
              <a:gd name="connsiteX6" fmla="*/ 16669 w 578644"/>
              <a:gd name="connsiteY6" fmla="*/ 519112 h 588169"/>
              <a:gd name="connsiteX7" fmla="*/ 0 w 578644"/>
              <a:gd name="connsiteY7" fmla="*/ 0 h 588169"/>
              <a:gd name="connsiteX0" fmla="*/ 0 w 578644"/>
              <a:gd name="connsiteY0" fmla="*/ 0 h 592932"/>
              <a:gd name="connsiteX1" fmla="*/ 578644 w 578644"/>
              <a:gd name="connsiteY1" fmla="*/ 0 h 592932"/>
              <a:gd name="connsiteX2" fmla="*/ 578644 w 578644"/>
              <a:gd name="connsiteY2" fmla="*/ 588169 h 592932"/>
              <a:gd name="connsiteX3" fmla="*/ 292894 w 578644"/>
              <a:gd name="connsiteY3" fmla="*/ 416719 h 592932"/>
              <a:gd name="connsiteX4" fmla="*/ 192882 w 578644"/>
              <a:gd name="connsiteY4" fmla="*/ 592932 h 592932"/>
              <a:gd name="connsiteX5" fmla="*/ 90488 w 578644"/>
              <a:gd name="connsiteY5" fmla="*/ 521494 h 592932"/>
              <a:gd name="connsiteX6" fmla="*/ 16669 w 578644"/>
              <a:gd name="connsiteY6" fmla="*/ 519112 h 592932"/>
              <a:gd name="connsiteX7" fmla="*/ 0 w 578644"/>
              <a:gd name="connsiteY7" fmla="*/ 0 h 592932"/>
              <a:gd name="connsiteX0" fmla="*/ 0 w 578644"/>
              <a:gd name="connsiteY0" fmla="*/ 0 h 592932"/>
              <a:gd name="connsiteX1" fmla="*/ 578644 w 578644"/>
              <a:gd name="connsiteY1" fmla="*/ 0 h 592932"/>
              <a:gd name="connsiteX2" fmla="*/ 576263 w 578644"/>
              <a:gd name="connsiteY2" fmla="*/ 219074 h 592932"/>
              <a:gd name="connsiteX3" fmla="*/ 578644 w 578644"/>
              <a:gd name="connsiteY3" fmla="*/ 588169 h 592932"/>
              <a:gd name="connsiteX4" fmla="*/ 292894 w 578644"/>
              <a:gd name="connsiteY4" fmla="*/ 416719 h 592932"/>
              <a:gd name="connsiteX5" fmla="*/ 192882 w 578644"/>
              <a:gd name="connsiteY5" fmla="*/ 592932 h 592932"/>
              <a:gd name="connsiteX6" fmla="*/ 90488 w 578644"/>
              <a:gd name="connsiteY6" fmla="*/ 521494 h 592932"/>
              <a:gd name="connsiteX7" fmla="*/ 16669 w 578644"/>
              <a:gd name="connsiteY7" fmla="*/ 519112 h 592932"/>
              <a:gd name="connsiteX8" fmla="*/ 0 w 578644"/>
              <a:gd name="connsiteY8" fmla="*/ 0 h 592932"/>
              <a:gd name="connsiteX0" fmla="*/ 0 w 578644"/>
              <a:gd name="connsiteY0" fmla="*/ 0 h 592932"/>
              <a:gd name="connsiteX1" fmla="*/ 578644 w 578644"/>
              <a:gd name="connsiteY1" fmla="*/ 0 h 592932"/>
              <a:gd name="connsiteX2" fmla="*/ 576263 w 578644"/>
              <a:gd name="connsiteY2" fmla="*/ 219074 h 592932"/>
              <a:gd name="connsiteX3" fmla="*/ 292894 w 578644"/>
              <a:gd name="connsiteY3" fmla="*/ 416719 h 592932"/>
              <a:gd name="connsiteX4" fmla="*/ 192882 w 578644"/>
              <a:gd name="connsiteY4" fmla="*/ 592932 h 592932"/>
              <a:gd name="connsiteX5" fmla="*/ 90488 w 578644"/>
              <a:gd name="connsiteY5" fmla="*/ 521494 h 592932"/>
              <a:gd name="connsiteX6" fmla="*/ 16669 w 578644"/>
              <a:gd name="connsiteY6" fmla="*/ 519112 h 592932"/>
              <a:gd name="connsiteX7" fmla="*/ 0 w 578644"/>
              <a:gd name="connsiteY7" fmla="*/ 0 h 592932"/>
              <a:gd name="connsiteX0" fmla="*/ 0 w 578644"/>
              <a:gd name="connsiteY0" fmla="*/ 0 h 592932"/>
              <a:gd name="connsiteX1" fmla="*/ 578644 w 578644"/>
              <a:gd name="connsiteY1" fmla="*/ 0 h 592932"/>
              <a:gd name="connsiteX2" fmla="*/ 576263 w 578644"/>
              <a:gd name="connsiteY2" fmla="*/ 219074 h 592932"/>
              <a:gd name="connsiteX3" fmla="*/ 292894 w 578644"/>
              <a:gd name="connsiteY3" fmla="*/ 416719 h 592932"/>
              <a:gd name="connsiteX4" fmla="*/ 192882 w 578644"/>
              <a:gd name="connsiteY4" fmla="*/ 592932 h 592932"/>
              <a:gd name="connsiteX5" fmla="*/ 90488 w 578644"/>
              <a:gd name="connsiteY5" fmla="*/ 521494 h 592932"/>
              <a:gd name="connsiteX6" fmla="*/ 16669 w 578644"/>
              <a:gd name="connsiteY6" fmla="*/ 519112 h 592932"/>
              <a:gd name="connsiteX7" fmla="*/ 0 w 578644"/>
              <a:gd name="connsiteY7" fmla="*/ 0 h 592932"/>
              <a:gd name="connsiteX0" fmla="*/ 0 w 578644"/>
              <a:gd name="connsiteY0" fmla="*/ 0 h 592932"/>
              <a:gd name="connsiteX1" fmla="*/ 578644 w 578644"/>
              <a:gd name="connsiteY1" fmla="*/ 0 h 592932"/>
              <a:gd name="connsiteX2" fmla="*/ 576263 w 578644"/>
              <a:gd name="connsiteY2" fmla="*/ 219074 h 592932"/>
              <a:gd name="connsiteX3" fmla="*/ 292894 w 578644"/>
              <a:gd name="connsiteY3" fmla="*/ 416719 h 592932"/>
              <a:gd name="connsiteX4" fmla="*/ 192882 w 578644"/>
              <a:gd name="connsiteY4" fmla="*/ 592932 h 592932"/>
              <a:gd name="connsiteX5" fmla="*/ 90488 w 578644"/>
              <a:gd name="connsiteY5" fmla="*/ 521494 h 592932"/>
              <a:gd name="connsiteX6" fmla="*/ 16669 w 578644"/>
              <a:gd name="connsiteY6" fmla="*/ 519112 h 592932"/>
              <a:gd name="connsiteX7" fmla="*/ 4763 w 578644"/>
              <a:gd name="connsiteY7" fmla="*/ 290512 h 592932"/>
              <a:gd name="connsiteX8" fmla="*/ 0 w 578644"/>
              <a:gd name="connsiteY8" fmla="*/ 0 h 592932"/>
              <a:gd name="connsiteX0" fmla="*/ 0 w 578644"/>
              <a:gd name="connsiteY0" fmla="*/ 0 h 592932"/>
              <a:gd name="connsiteX1" fmla="*/ 578644 w 578644"/>
              <a:gd name="connsiteY1" fmla="*/ 0 h 592932"/>
              <a:gd name="connsiteX2" fmla="*/ 576263 w 578644"/>
              <a:gd name="connsiteY2" fmla="*/ 219074 h 592932"/>
              <a:gd name="connsiteX3" fmla="*/ 292894 w 578644"/>
              <a:gd name="connsiteY3" fmla="*/ 416719 h 592932"/>
              <a:gd name="connsiteX4" fmla="*/ 192882 w 578644"/>
              <a:gd name="connsiteY4" fmla="*/ 592932 h 592932"/>
              <a:gd name="connsiteX5" fmla="*/ 90488 w 578644"/>
              <a:gd name="connsiteY5" fmla="*/ 521494 h 592932"/>
              <a:gd name="connsiteX6" fmla="*/ 16669 w 578644"/>
              <a:gd name="connsiteY6" fmla="*/ 519112 h 592932"/>
              <a:gd name="connsiteX7" fmla="*/ 128588 w 578644"/>
              <a:gd name="connsiteY7" fmla="*/ 326230 h 592932"/>
              <a:gd name="connsiteX8" fmla="*/ 0 w 578644"/>
              <a:gd name="connsiteY8" fmla="*/ 0 h 592932"/>
              <a:gd name="connsiteX0" fmla="*/ 29143 w 607787"/>
              <a:gd name="connsiteY0" fmla="*/ 0 h 592932"/>
              <a:gd name="connsiteX1" fmla="*/ 607787 w 607787"/>
              <a:gd name="connsiteY1" fmla="*/ 0 h 592932"/>
              <a:gd name="connsiteX2" fmla="*/ 605406 w 607787"/>
              <a:gd name="connsiteY2" fmla="*/ 219074 h 592932"/>
              <a:gd name="connsiteX3" fmla="*/ 322037 w 607787"/>
              <a:gd name="connsiteY3" fmla="*/ 416719 h 592932"/>
              <a:gd name="connsiteX4" fmla="*/ 222025 w 607787"/>
              <a:gd name="connsiteY4" fmla="*/ 592932 h 592932"/>
              <a:gd name="connsiteX5" fmla="*/ 119631 w 607787"/>
              <a:gd name="connsiteY5" fmla="*/ 521494 h 592932"/>
              <a:gd name="connsiteX6" fmla="*/ 45812 w 607787"/>
              <a:gd name="connsiteY6" fmla="*/ 519112 h 592932"/>
              <a:gd name="connsiteX7" fmla="*/ 157731 w 607787"/>
              <a:gd name="connsiteY7" fmla="*/ 326230 h 592932"/>
              <a:gd name="connsiteX8" fmla="*/ 93437 w 607787"/>
              <a:gd name="connsiteY8" fmla="*/ 164306 h 592932"/>
              <a:gd name="connsiteX9" fmla="*/ 29143 w 607787"/>
              <a:gd name="connsiteY9" fmla="*/ 0 h 592932"/>
              <a:gd name="connsiteX0" fmla="*/ 20678 w 599322"/>
              <a:gd name="connsiteY0" fmla="*/ 0 h 592932"/>
              <a:gd name="connsiteX1" fmla="*/ 599322 w 599322"/>
              <a:gd name="connsiteY1" fmla="*/ 0 h 592932"/>
              <a:gd name="connsiteX2" fmla="*/ 596941 w 599322"/>
              <a:gd name="connsiteY2" fmla="*/ 219074 h 592932"/>
              <a:gd name="connsiteX3" fmla="*/ 313572 w 599322"/>
              <a:gd name="connsiteY3" fmla="*/ 416719 h 592932"/>
              <a:gd name="connsiteX4" fmla="*/ 213560 w 599322"/>
              <a:gd name="connsiteY4" fmla="*/ 592932 h 592932"/>
              <a:gd name="connsiteX5" fmla="*/ 111166 w 599322"/>
              <a:gd name="connsiteY5" fmla="*/ 521494 h 592932"/>
              <a:gd name="connsiteX6" fmla="*/ 37347 w 599322"/>
              <a:gd name="connsiteY6" fmla="*/ 519112 h 592932"/>
              <a:gd name="connsiteX7" fmla="*/ 149266 w 599322"/>
              <a:gd name="connsiteY7" fmla="*/ 326230 h 592932"/>
              <a:gd name="connsiteX8" fmla="*/ 163553 w 599322"/>
              <a:gd name="connsiteY8" fmla="*/ 135731 h 592932"/>
              <a:gd name="connsiteX9" fmla="*/ 20678 w 599322"/>
              <a:gd name="connsiteY9" fmla="*/ 0 h 592932"/>
              <a:gd name="connsiteX0" fmla="*/ 17971 w 596615"/>
              <a:gd name="connsiteY0" fmla="*/ 0 h 592932"/>
              <a:gd name="connsiteX1" fmla="*/ 596615 w 596615"/>
              <a:gd name="connsiteY1" fmla="*/ 0 h 592932"/>
              <a:gd name="connsiteX2" fmla="*/ 594234 w 596615"/>
              <a:gd name="connsiteY2" fmla="*/ 219074 h 592932"/>
              <a:gd name="connsiteX3" fmla="*/ 310865 w 596615"/>
              <a:gd name="connsiteY3" fmla="*/ 416719 h 592932"/>
              <a:gd name="connsiteX4" fmla="*/ 210853 w 596615"/>
              <a:gd name="connsiteY4" fmla="*/ 592932 h 592932"/>
              <a:gd name="connsiteX5" fmla="*/ 108459 w 596615"/>
              <a:gd name="connsiteY5" fmla="*/ 521494 h 592932"/>
              <a:gd name="connsiteX6" fmla="*/ 34640 w 596615"/>
              <a:gd name="connsiteY6" fmla="*/ 519112 h 592932"/>
              <a:gd name="connsiteX7" fmla="*/ 146559 w 596615"/>
              <a:gd name="connsiteY7" fmla="*/ 326230 h 592932"/>
              <a:gd name="connsiteX8" fmla="*/ 201328 w 596615"/>
              <a:gd name="connsiteY8" fmla="*/ 128587 h 592932"/>
              <a:gd name="connsiteX9" fmla="*/ 17971 w 596615"/>
              <a:gd name="connsiteY9" fmla="*/ 0 h 592932"/>
              <a:gd name="connsiteX0" fmla="*/ 17971 w 596615"/>
              <a:gd name="connsiteY0" fmla="*/ 0 h 592932"/>
              <a:gd name="connsiteX1" fmla="*/ 596615 w 596615"/>
              <a:gd name="connsiteY1" fmla="*/ 0 h 592932"/>
              <a:gd name="connsiteX2" fmla="*/ 594234 w 596615"/>
              <a:gd name="connsiteY2" fmla="*/ 219074 h 592932"/>
              <a:gd name="connsiteX3" fmla="*/ 310865 w 596615"/>
              <a:gd name="connsiteY3" fmla="*/ 416719 h 592932"/>
              <a:gd name="connsiteX4" fmla="*/ 210853 w 596615"/>
              <a:gd name="connsiteY4" fmla="*/ 592932 h 592932"/>
              <a:gd name="connsiteX5" fmla="*/ 108459 w 596615"/>
              <a:gd name="connsiteY5" fmla="*/ 521494 h 592932"/>
              <a:gd name="connsiteX6" fmla="*/ 34640 w 596615"/>
              <a:gd name="connsiteY6" fmla="*/ 519112 h 592932"/>
              <a:gd name="connsiteX7" fmla="*/ 146559 w 596615"/>
              <a:gd name="connsiteY7" fmla="*/ 326230 h 592932"/>
              <a:gd name="connsiteX8" fmla="*/ 201328 w 596615"/>
              <a:gd name="connsiteY8" fmla="*/ 128587 h 592932"/>
              <a:gd name="connsiteX9" fmla="*/ 17971 w 596615"/>
              <a:gd name="connsiteY9" fmla="*/ 0 h 592932"/>
              <a:gd name="connsiteX0" fmla="*/ 17971 w 596615"/>
              <a:gd name="connsiteY0" fmla="*/ 2382 h 595314"/>
              <a:gd name="connsiteX1" fmla="*/ 229903 w 596615"/>
              <a:gd name="connsiteY1" fmla="*/ 0 h 595314"/>
              <a:gd name="connsiteX2" fmla="*/ 596615 w 596615"/>
              <a:gd name="connsiteY2" fmla="*/ 2382 h 595314"/>
              <a:gd name="connsiteX3" fmla="*/ 594234 w 596615"/>
              <a:gd name="connsiteY3" fmla="*/ 221456 h 595314"/>
              <a:gd name="connsiteX4" fmla="*/ 310865 w 596615"/>
              <a:gd name="connsiteY4" fmla="*/ 419101 h 595314"/>
              <a:gd name="connsiteX5" fmla="*/ 210853 w 596615"/>
              <a:gd name="connsiteY5" fmla="*/ 595314 h 595314"/>
              <a:gd name="connsiteX6" fmla="*/ 108459 w 596615"/>
              <a:gd name="connsiteY6" fmla="*/ 523876 h 595314"/>
              <a:gd name="connsiteX7" fmla="*/ 34640 w 596615"/>
              <a:gd name="connsiteY7" fmla="*/ 521494 h 595314"/>
              <a:gd name="connsiteX8" fmla="*/ 146559 w 596615"/>
              <a:gd name="connsiteY8" fmla="*/ 328612 h 595314"/>
              <a:gd name="connsiteX9" fmla="*/ 201328 w 596615"/>
              <a:gd name="connsiteY9" fmla="*/ 130969 h 595314"/>
              <a:gd name="connsiteX10" fmla="*/ 17971 w 596615"/>
              <a:gd name="connsiteY10" fmla="*/ 2382 h 595314"/>
              <a:gd name="connsiteX0" fmla="*/ 166688 w 561975"/>
              <a:gd name="connsiteY0" fmla="*/ 130969 h 595314"/>
              <a:gd name="connsiteX1" fmla="*/ 195263 w 561975"/>
              <a:gd name="connsiteY1" fmla="*/ 0 h 595314"/>
              <a:gd name="connsiteX2" fmla="*/ 561975 w 561975"/>
              <a:gd name="connsiteY2" fmla="*/ 2382 h 595314"/>
              <a:gd name="connsiteX3" fmla="*/ 559594 w 561975"/>
              <a:gd name="connsiteY3" fmla="*/ 221456 h 595314"/>
              <a:gd name="connsiteX4" fmla="*/ 276225 w 561975"/>
              <a:gd name="connsiteY4" fmla="*/ 419101 h 595314"/>
              <a:gd name="connsiteX5" fmla="*/ 176213 w 561975"/>
              <a:gd name="connsiteY5" fmla="*/ 595314 h 595314"/>
              <a:gd name="connsiteX6" fmla="*/ 73819 w 561975"/>
              <a:gd name="connsiteY6" fmla="*/ 523876 h 595314"/>
              <a:gd name="connsiteX7" fmla="*/ 0 w 561975"/>
              <a:gd name="connsiteY7" fmla="*/ 521494 h 595314"/>
              <a:gd name="connsiteX8" fmla="*/ 111919 w 561975"/>
              <a:gd name="connsiteY8" fmla="*/ 328612 h 595314"/>
              <a:gd name="connsiteX9" fmla="*/ 166688 w 561975"/>
              <a:gd name="connsiteY9" fmla="*/ 130969 h 595314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561975 w 561975"/>
              <a:gd name="connsiteY2" fmla="*/ 0 h 592932"/>
              <a:gd name="connsiteX3" fmla="*/ 559594 w 561975"/>
              <a:gd name="connsiteY3" fmla="*/ 219074 h 592932"/>
              <a:gd name="connsiteX4" fmla="*/ 276225 w 561975"/>
              <a:gd name="connsiteY4" fmla="*/ 416719 h 592932"/>
              <a:gd name="connsiteX5" fmla="*/ 176213 w 561975"/>
              <a:gd name="connsiteY5" fmla="*/ 592932 h 592932"/>
              <a:gd name="connsiteX6" fmla="*/ 73819 w 561975"/>
              <a:gd name="connsiteY6" fmla="*/ 521494 h 592932"/>
              <a:gd name="connsiteX7" fmla="*/ 0 w 561975"/>
              <a:gd name="connsiteY7" fmla="*/ 519112 h 592932"/>
              <a:gd name="connsiteX8" fmla="*/ 111919 w 561975"/>
              <a:gd name="connsiteY8" fmla="*/ 326230 h 592932"/>
              <a:gd name="connsiteX9" fmla="*/ 166688 w 561975"/>
              <a:gd name="connsiteY9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561975 w 561975"/>
              <a:gd name="connsiteY2" fmla="*/ 0 h 592932"/>
              <a:gd name="connsiteX3" fmla="*/ 559594 w 561975"/>
              <a:gd name="connsiteY3" fmla="*/ 219074 h 592932"/>
              <a:gd name="connsiteX4" fmla="*/ 276225 w 561975"/>
              <a:gd name="connsiteY4" fmla="*/ 416719 h 592932"/>
              <a:gd name="connsiteX5" fmla="*/ 176213 w 561975"/>
              <a:gd name="connsiteY5" fmla="*/ 592932 h 592932"/>
              <a:gd name="connsiteX6" fmla="*/ 73819 w 561975"/>
              <a:gd name="connsiteY6" fmla="*/ 521494 h 592932"/>
              <a:gd name="connsiteX7" fmla="*/ 0 w 561975"/>
              <a:gd name="connsiteY7" fmla="*/ 519112 h 592932"/>
              <a:gd name="connsiteX8" fmla="*/ 111919 w 561975"/>
              <a:gd name="connsiteY8" fmla="*/ 326230 h 592932"/>
              <a:gd name="connsiteX9" fmla="*/ 166688 w 561975"/>
              <a:gd name="connsiteY9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561975 w 561975"/>
              <a:gd name="connsiteY2" fmla="*/ 0 h 592932"/>
              <a:gd name="connsiteX3" fmla="*/ 559594 w 561975"/>
              <a:gd name="connsiteY3" fmla="*/ 219074 h 592932"/>
              <a:gd name="connsiteX4" fmla="*/ 276225 w 561975"/>
              <a:gd name="connsiteY4" fmla="*/ 416719 h 592932"/>
              <a:gd name="connsiteX5" fmla="*/ 176213 w 561975"/>
              <a:gd name="connsiteY5" fmla="*/ 592932 h 592932"/>
              <a:gd name="connsiteX6" fmla="*/ 73819 w 561975"/>
              <a:gd name="connsiteY6" fmla="*/ 521494 h 592932"/>
              <a:gd name="connsiteX7" fmla="*/ 0 w 561975"/>
              <a:gd name="connsiteY7" fmla="*/ 519112 h 592932"/>
              <a:gd name="connsiteX8" fmla="*/ 111919 w 561975"/>
              <a:gd name="connsiteY8" fmla="*/ 326230 h 592932"/>
              <a:gd name="connsiteX9" fmla="*/ 166688 w 561975"/>
              <a:gd name="connsiteY9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561975 w 561975"/>
              <a:gd name="connsiteY2" fmla="*/ 0 h 592932"/>
              <a:gd name="connsiteX3" fmla="*/ 559594 w 561975"/>
              <a:gd name="connsiteY3" fmla="*/ 219074 h 592932"/>
              <a:gd name="connsiteX4" fmla="*/ 276225 w 561975"/>
              <a:gd name="connsiteY4" fmla="*/ 416719 h 592932"/>
              <a:gd name="connsiteX5" fmla="*/ 176213 w 561975"/>
              <a:gd name="connsiteY5" fmla="*/ 592932 h 592932"/>
              <a:gd name="connsiteX6" fmla="*/ 73819 w 561975"/>
              <a:gd name="connsiteY6" fmla="*/ 521494 h 592932"/>
              <a:gd name="connsiteX7" fmla="*/ 0 w 561975"/>
              <a:gd name="connsiteY7" fmla="*/ 519112 h 592932"/>
              <a:gd name="connsiteX8" fmla="*/ 111919 w 561975"/>
              <a:gd name="connsiteY8" fmla="*/ 326230 h 592932"/>
              <a:gd name="connsiteX9" fmla="*/ 166688 w 561975"/>
              <a:gd name="connsiteY9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309563 w 561975"/>
              <a:gd name="connsiteY2" fmla="*/ 21431 h 592932"/>
              <a:gd name="connsiteX3" fmla="*/ 561975 w 561975"/>
              <a:gd name="connsiteY3" fmla="*/ 0 h 592932"/>
              <a:gd name="connsiteX4" fmla="*/ 559594 w 561975"/>
              <a:gd name="connsiteY4" fmla="*/ 219074 h 592932"/>
              <a:gd name="connsiteX5" fmla="*/ 276225 w 561975"/>
              <a:gd name="connsiteY5" fmla="*/ 416719 h 592932"/>
              <a:gd name="connsiteX6" fmla="*/ 176213 w 561975"/>
              <a:gd name="connsiteY6" fmla="*/ 592932 h 592932"/>
              <a:gd name="connsiteX7" fmla="*/ 73819 w 561975"/>
              <a:gd name="connsiteY7" fmla="*/ 521494 h 592932"/>
              <a:gd name="connsiteX8" fmla="*/ 0 w 561975"/>
              <a:gd name="connsiteY8" fmla="*/ 519112 h 592932"/>
              <a:gd name="connsiteX9" fmla="*/ 111919 w 561975"/>
              <a:gd name="connsiteY9" fmla="*/ 326230 h 592932"/>
              <a:gd name="connsiteX10" fmla="*/ 166688 w 561975"/>
              <a:gd name="connsiteY10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45269 w 561975"/>
              <a:gd name="connsiteY2" fmla="*/ 73818 h 592932"/>
              <a:gd name="connsiteX3" fmla="*/ 561975 w 561975"/>
              <a:gd name="connsiteY3" fmla="*/ 0 h 592932"/>
              <a:gd name="connsiteX4" fmla="*/ 559594 w 561975"/>
              <a:gd name="connsiteY4" fmla="*/ 219074 h 592932"/>
              <a:gd name="connsiteX5" fmla="*/ 276225 w 561975"/>
              <a:gd name="connsiteY5" fmla="*/ 416719 h 592932"/>
              <a:gd name="connsiteX6" fmla="*/ 176213 w 561975"/>
              <a:gd name="connsiteY6" fmla="*/ 592932 h 592932"/>
              <a:gd name="connsiteX7" fmla="*/ 73819 w 561975"/>
              <a:gd name="connsiteY7" fmla="*/ 521494 h 592932"/>
              <a:gd name="connsiteX8" fmla="*/ 0 w 561975"/>
              <a:gd name="connsiteY8" fmla="*/ 519112 h 592932"/>
              <a:gd name="connsiteX9" fmla="*/ 111919 w 561975"/>
              <a:gd name="connsiteY9" fmla="*/ 326230 h 592932"/>
              <a:gd name="connsiteX10" fmla="*/ 166688 w 561975"/>
              <a:gd name="connsiteY10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45269 w 561975"/>
              <a:gd name="connsiteY2" fmla="*/ 73818 h 592932"/>
              <a:gd name="connsiteX3" fmla="*/ 561975 w 561975"/>
              <a:gd name="connsiteY3" fmla="*/ 0 h 592932"/>
              <a:gd name="connsiteX4" fmla="*/ 559594 w 561975"/>
              <a:gd name="connsiteY4" fmla="*/ 219074 h 592932"/>
              <a:gd name="connsiteX5" fmla="*/ 276225 w 561975"/>
              <a:gd name="connsiteY5" fmla="*/ 416719 h 592932"/>
              <a:gd name="connsiteX6" fmla="*/ 176213 w 561975"/>
              <a:gd name="connsiteY6" fmla="*/ 592932 h 592932"/>
              <a:gd name="connsiteX7" fmla="*/ 73819 w 561975"/>
              <a:gd name="connsiteY7" fmla="*/ 521494 h 592932"/>
              <a:gd name="connsiteX8" fmla="*/ 0 w 561975"/>
              <a:gd name="connsiteY8" fmla="*/ 519112 h 592932"/>
              <a:gd name="connsiteX9" fmla="*/ 111919 w 561975"/>
              <a:gd name="connsiteY9" fmla="*/ 326230 h 592932"/>
              <a:gd name="connsiteX10" fmla="*/ 166688 w 561975"/>
              <a:gd name="connsiteY10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45269 w 561975"/>
              <a:gd name="connsiteY2" fmla="*/ 73818 h 592932"/>
              <a:gd name="connsiteX3" fmla="*/ 319088 w 561975"/>
              <a:gd name="connsiteY3" fmla="*/ 57149 h 592932"/>
              <a:gd name="connsiteX4" fmla="*/ 561975 w 561975"/>
              <a:gd name="connsiteY4" fmla="*/ 0 h 592932"/>
              <a:gd name="connsiteX5" fmla="*/ 559594 w 561975"/>
              <a:gd name="connsiteY5" fmla="*/ 219074 h 592932"/>
              <a:gd name="connsiteX6" fmla="*/ 276225 w 561975"/>
              <a:gd name="connsiteY6" fmla="*/ 416719 h 592932"/>
              <a:gd name="connsiteX7" fmla="*/ 176213 w 561975"/>
              <a:gd name="connsiteY7" fmla="*/ 592932 h 592932"/>
              <a:gd name="connsiteX8" fmla="*/ 73819 w 561975"/>
              <a:gd name="connsiteY8" fmla="*/ 521494 h 592932"/>
              <a:gd name="connsiteX9" fmla="*/ 0 w 561975"/>
              <a:gd name="connsiteY9" fmla="*/ 519112 h 592932"/>
              <a:gd name="connsiteX10" fmla="*/ 111919 w 561975"/>
              <a:gd name="connsiteY10" fmla="*/ 326230 h 592932"/>
              <a:gd name="connsiteX11" fmla="*/ 166688 w 561975"/>
              <a:gd name="connsiteY11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45269 w 561975"/>
              <a:gd name="connsiteY2" fmla="*/ 73818 h 592932"/>
              <a:gd name="connsiteX3" fmla="*/ 230981 w 561975"/>
              <a:gd name="connsiteY3" fmla="*/ 173830 h 592932"/>
              <a:gd name="connsiteX4" fmla="*/ 561975 w 561975"/>
              <a:gd name="connsiteY4" fmla="*/ 0 h 592932"/>
              <a:gd name="connsiteX5" fmla="*/ 559594 w 561975"/>
              <a:gd name="connsiteY5" fmla="*/ 219074 h 592932"/>
              <a:gd name="connsiteX6" fmla="*/ 276225 w 561975"/>
              <a:gd name="connsiteY6" fmla="*/ 416719 h 592932"/>
              <a:gd name="connsiteX7" fmla="*/ 176213 w 561975"/>
              <a:gd name="connsiteY7" fmla="*/ 592932 h 592932"/>
              <a:gd name="connsiteX8" fmla="*/ 73819 w 561975"/>
              <a:gd name="connsiteY8" fmla="*/ 521494 h 592932"/>
              <a:gd name="connsiteX9" fmla="*/ 0 w 561975"/>
              <a:gd name="connsiteY9" fmla="*/ 519112 h 592932"/>
              <a:gd name="connsiteX10" fmla="*/ 111919 w 561975"/>
              <a:gd name="connsiteY10" fmla="*/ 326230 h 592932"/>
              <a:gd name="connsiteX11" fmla="*/ 166688 w 561975"/>
              <a:gd name="connsiteY11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0981 w 561975"/>
              <a:gd name="connsiteY3" fmla="*/ 173830 h 592932"/>
              <a:gd name="connsiteX4" fmla="*/ 561975 w 561975"/>
              <a:gd name="connsiteY4" fmla="*/ 0 h 592932"/>
              <a:gd name="connsiteX5" fmla="*/ 559594 w 561975"/>
              <a:gd name="connsiteY5" fmla="*/ 219074 h 592932"/>
              <a:gd name="connsiteX6" fmla="*/ 276225 w 561975"/>
              <a:gd name="connsiteY6" fmla="*/ 416719 h 592932"/>
              <a:gd name="connsiteX7" fmla="*/ 176213 w 561975"/>
              <a:gd name="connsiteY7" fmla="*/ 592932 h 592932"/>
              <a:gd name="connsiteX8" fmla="*/ 73819 w 561975"/>
              <a:gd name="connsiteY8" fmla="*/ 521494 h 592932"/>
              <a:gd name="connsiteX9" fmla="*/ 0 w 561975"/>
              <a:gd name="connsiteY9" fmla="*/ 519112 h 592932"/>
              <a:gd name="connsiteX10" fmla="*/ 111919 w 561975"/>
              <a:gd name="connsiteY10" fmla="*/ 326230 h 592932"/>
              <a:gd name="connsiteX11" fmla="*/ 166688 w 561975"/>
              <a:gd name="connsiteY11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0981 w 561975"/>
              <a:gd name="connsiteY3" fmla="*/ 173830 h 592932"/>
              <a:gd name="connsiteX4" fmla="*/ 561975 w 561975"/>
              <a:gd name="connsiteY4" fmla="*/ 0 h 592932"/>
              <a:gd name="connsiteX5" fmla="*/ 559594 w 561975"/>
              <a:gd name="connsiteY5" fmla="*/ 219074 h 592932"/>
              <a:gd name="connsiteX6" fmla="*/ 276225 w 561975"/>
              <a:gd name="connsiteY6" fmla="*/ 416719 h 592932"/>
              <a:gd name="connsiteX7" fmla="*/ 176213 w 561975"/>
              <a:gd name="connsiteY7" fmla="*/ 592932 h 592932"/>
              <a:gd name="connsiteX8" fmla="*/ 73819 w 561975"/>
              <a:gd name="connsiteY8" fmla="*/ 521494 h 592932"/>
              <a:gd name="connsiteX9" fmla="*/ 0 w 561975"/>
              <a:gd name="connsiteY9" fmla="*/ 519112 h 592932"/>
              <a:gd name="connsiteX10" fmla="*/ 111919 w 561975"/>
              <a:gd name="connsiteY10" fmla="*/ 326230 h 592932"/>
              <a:gd name="connsiteX11" fmla="*/ 166688 w 561975"/>
              <a:gd name="connsiteY11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0981 w 561975"/>
              <a:gd name="connsiteY3" fmla="*/ 173830 h 592932"/>
              <a:gd name="connsiteX4" fmla="*/ 376238 w 561975"/>
              <a:gd name="connsiteY4" fmla="*/ 100012 h 592932"/>
              <a:gd name="connsiteX5" fmla="*/ 561975 w 561975"/>
              <a:gd name="connsiteY5" fmla="*/ 0 h 592932"/>
              <a:gd name="connsiteX6" fmla="*/ 559594 w 561975"/>
              <a:gd name="connsiteY6" fmla="*/ 219074 h 592932"/>
              <a:gd name="connsiteX7" fmla="*/ 276225 w 561975"/>
              <a:gd name="connsiteY7" fmla="*/ 416719 h 592932"/>
              <a:gd name="connsiteX8" fmla="*/ 176213 w 561975"/>
              <a:gd name="connsiteY8" fmla="*/ 592932 h 592932"/>
              <a:gd name="connsiteX9" fmla="*/ 73819 w 561975"/>
              <a:gd name="connsiteY9" fmla="*/ 521494 h 592932"/>
              <a:gd name="connsiteX10" fmla="*/ 0 w 561975"/>
              <a:gd name="connsiteY10" fmla="*/ 519112 h 592932"/>
              <a:gd name="connsiteX11" fmla="*/ 111919 w 561975"/>
              <a:gd name="connsiteY11" fmla="*/ 326230 h 592932"/>
              <a:gd name="connsiteX12" fmla="*/ 166688 w 561975"/>
              <a:gd name="connsiteY12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0981 w 561975"/>
              <a:gd name="connsiteY3" fmla="*/ 173830 h 592932"/>
              <a:gd name="connsiteX4" fmla="*/ 419100 w 561975"/>
              <a:gd name="connsiteY4" fmla="*/ 16668 h 592932"/>
              <a:gd name="connsiteX5" fmla="*/ 561975 w 561975"/>
              <a:gd name="connsiteY5" fmla="*/ 0 h 592932"/>
              <a:gd name="connsiteX6" fmla="*/ 559594 w 561975"/>
              <a:gd name="connsiteY6" fmla="*/ 219074 h 592932"/>
              <a:gd name="connsiteX7" fmla="*/ 276225 w 561975"/>
              <a:gd name="connsiteY7" fmla="*/ 416719 h 592932"/>
              <a:gd name="connsiteX8" fmla="*/ 176213 w 561975"/>
              <a:gd name="connsiteY8" fmla="*/ 592932 h 592932"/>
              <a:gd name="connsiteX9" fmla="*/ 73819 w 561975"/>
              <a:gd name="connsiteY9" fmla="*/ 521494 h 592932"/>
              <a:gd name="connsiteX10" fmla="*/ 0 w 561975"/>
              <a:gd name="connsiteY10" fmla="*/ 519112 h 592932"/>
              <a:gd name="connsiteX11" fmla="*/ 111919 w 561975"/>
              <a:gd name="connsiteY11" fmla="*/ 326230 h 592932"/>
              <a:gd name="connsiteX12" fmla="*/ 166688 w 561975"/>
              <a:gd name="connsiteY12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0981 w 561975"/>
              <a:gd name="connsiteY3" fmla="*/ 173830 h 592932"/>
              <a:gd name="connsiteX4" fmla="*/ 419100 w 561975"/>
              <a:gd name="connsiteY4" fmla="*/ 16668 h 592932"/>
              <a:gd name="connsiteX5" fmla="*/ 561975 w 561975"/>
              <a:gd name="connsiteY5" fmla="*/ 0 h 592932"/>
              <a:gd name="connsiteX6" fmla="*/ 559594 w 561975"/>
              <a:gd name="connsiteY6" fmla="*/ 219074 h 592932"/>
              <a:gd name="connsiteX7" fmla="*/ 276225 w 561975"/>
              <a:gd name="connsiteY7" fmla="*/ 416719 h 592932"/>
              <a:gd name="connsiteX8" fmla="*/ 176213 w 561975"/>
              <a:gd name="connsiteY8" fmla="*/ 592932 h 592932"/>
              <a:gd name="connsiteX9" fmla="*/ 73819 w 561975"/>
              <a:gd name="connsiteY9" fmla="*/ 521494 h 592932"/>
              <a:gd name="connsiteX10" fmla="*/ 0 w 561975"/>
              <a:gd name="connsiteY10" fmla="*/ 519112 h 592932"/>
              <a:gd name="connsiteX11" fmla="*/ 111919 w 561975"/>
              <a:gd name="connsiteY11" fmla="*/ 326230 h 592932"/>
              <a:gd name="connsiteX12" fmla="*/ 166688 w 561975"/>
              <a:gd name="connsiteY12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5744 w 561975"/>
              <a:gd name="connsiteY3" fmla="*/ 173830 h 592932"/>
              <a:gd name="connsiteX4" fmla="*/ 419100 w 561975"/>
              <a:gd name="connsiteY4" fmla="*/ 16668 h 592932"/>
              <a:gd name="connsiteX5" fmla="*/ 561975 w 561975"/>
              <a:gd name="connsiteY5" fmla="*/ 0 h 592932"/>
              <a:gd name="connsiteX6" fmla="*/ 559594 w 561975"/>
              <a:gd name="connsiteY6" fmla="*/ 219074 h 592932"/>
              <a:gd name="connsiteX7" fmla="*/ 276225 w 561975"/>
              <a:gd name="connsiteY7" fmla="*/ 416719 h 592932"/>
              <a:gd name="connsiteX8" fmla="*/ 176213 w 561975"/>
              <a:gd name="connsiteY8" fmla="*/ 592932 h 592932"/>
              <a:gd name="connsiteX9" fmla="*/ 73819 w 561975"/>
              <a:gd name="connsiteY9" fmla="*/ 521494 h 592932"/>
              <a:gd name="connsiteX10" fmla="*/ 0 w 561975"/>
              <a:gd name="connsiteY10" fmla="*/ 519112 h 592932"/>
              <a:gd name="connsiteX11" fmla="*/ 111919 w 561975"/>
              <a:gd name="connsiteY11" fmla="*/ 326230 h 592932"/>
              <a:gd name="connsiteX12" fmla="*/ 166688 w 561975"/>
              <a:gd name="connsiteY12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5744 w 561975"/>
              <a:gd name="connsiteY3" fmla="*/ 173830 h 592932"/>
              <a:gd name="connsiteX4" fmla="*/ 419100 w 561975"/>
              <a:gd name="connsiteY4" fmla="*/ 16668 h 592932"/>
              <a:gd name="connsiteX5" fmla="*/ 561975 w 561975"/>
              <a:gd name="connsiteY5" fmla="*/ 0 h 592932"/>
              <a:gd name="connsiteX6" fmla="*/ 559594 w 561975"/>
              <a:gd name="connsiteY6" fmla="*/ 219074 h 592932"/>
              <a:gd name="connsiteX7" fmla="*/ 276225 w 561975"/>
              <a:gd name="connsiteY7" fmla="*/ 416719 h 592932"/>
              <a:gd name="connsiteX8" fmla="*/ 176213 w 561975"/>
              <a:gd name="connsiteY8" fmla="*/ 592932 h 592932"/>
              <a:gd name="connsiteX9" fmla="*/ 73819 w 561975"/>
              <a:gd name="connsiteY9" fmla="*/ 521494 h 592932"/>
              <a:gd name="connsiteX10" fmla="*/ 0 w 561975"/>
              <a:gd name="connsiteY10" fmla="*/ 519112 h 592932"/>
              <a:gd name="connsiteX11" fmla="*/ 111919 w 561975"/>
              <a:gd name="connsiteY11" fmla="*/ 326230 h 592932"/>
              <a:gd name="connsiteX12" fmla="*/ 166688 w 561975"/>
              <a:gd name="connsiteY12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5744 w 561975"/>
              <a:gd name="connsiteY3" fmla="*/ 173830 h 592932"/>
              <a:gd name="connsiteX4" fmla="*/ 409575 w 561975"/>
              <a:gd name="connsiteY4" fmla="*/ 14287 h 592932"/>
              <a:gd name="connsiteX5" fmla="*/ 561975 w 561975"/>
              <a:gd name="connsiteY5" fmla="*/ 0 h 592932"/>
              <a:gd name="connsiteX6" fmla="*/ 559594 w 561975"/>
              <a:gd name="connsiteY6" fmla="*/ 219074 h 592932"/>
              <a:gd name="connsiteX7" fmla="*/ 276225 w 561975"/>
              <a:gd name="connsiteY7" fmla="*/ 416719 h 592932"/>
              <a:gd name="connsiteX8" fmla="*/ 176213 w 561975"/>
              <a:gd name="connsiteY8" fmla="*/ 592932 h 592932"/>
              <a:gd name="connsiteX9" fmla="*/ 73819 w 561975"/>
              <a:gd name="connsiteY9" fmla="*/ 521494 h 592932"/>
              <a:gd name="connsiteX10" fmla="*/ 0 w 561975"/>
              <a:gd name="connsiteY10" fmla="*/ 519112 h 592932"/>
              <a:gd name="connsiteX11" fmla="*/ 111919 w 561975"/>
              <a:gd name="connsiteY11" fmla="*/ 326230 h 592932"/>
              <a:gd name="connsiteX12" fmla="*/ 166688 w 561975"/>
              <a:gd name="connsiteY12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5744 w 561975"/>
              <a:gd name="connsiteY3" fmla="*/ 173830 h 592932"/>
              <a:gd name="connsiteX4" fmla="*/ 409575 w 561975"/>
              <a:gd name="connsiteY4" fmla="*/ 14287 h 592932"/>
              <a:gd name="connsiteX5" fmla="*/ 492919 w 561975"/>
              <a:gd name="connsiteY5" fmla="*/ 4762 h 592932"/>
              <a:gd name="connsiteX6" fmla="*/ 561975 w 561975"/>
              <a:gd name="connsiteY6" fmla="*/ 0 h 592932"/>
              <a:gd name="connsiteX7" fmla="*/ 559594 w 561975"/>
              <a:gd name="connsiteY7" fmla="*/ 219074 h 592932"/>
              <a:gd name="connsiteX8" fmla="*/ 276225 w 561975"/>
              <a:gd name="connsiteY8" fmla="*/ 416719 h 592932"/>
              <a:gd name="connsiteX9" fmla="*/ 176213 w 561975"/>
              <a:gd name="connsiteY9" fmla="*/ 592932 h 592932"/>
              <a:gd name="connsiteX10" fmla="*/ 73819 w 561975"/>
              <a:gd name="connsiteY10" fmla="*/ 521494 h 592932"/>
              <a:gd name="connsiteX11" fmla="*/ 0 w 561975"/>
              <a:gd name="connsiteY11" fmla="*/ 519112 h 592932"/>
              <a:gd name="connsiteX12" fmla="*/ 111919 w 561975"/>
              <a:gd name="connsiteY12" fmla="*/ 326230 h 592932"/>
              <a:gd name="connsiteX13" fmla="*/ 166688 w 561975"/>
              <a:gd name="connsiteY13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5744 w 561975"/>
              <a:gd name="connsiteY3" fmla="*/ 173830 h 592932"/>
              <a:gd name="connsiteX4" fmla="*/ 409575 w 561975"/>
              <a:gd name="connsiteY4" fmla="*/ 14287 h 592932"/>
              <a:gd name="connsiteX5" fmla="*/ 352426 w 561975"/>
              <a:gd name="connsiteY5" fmla="*/ 183356 h 592932"/>
              <a:gd name="connsiteX6" fmla="*/ 561975 w 561975"/>
              <a:gd name="connsiteY6" fmla="*/ 0 h 592932"/>
              <a:gd name="connsiteX7" fmla="*/ 559594 w 561975"/>
              <a:gd name="connsiteY7" fmla="*/ 219074 h 592932"/>
              <a:gd name="connsiteX8" fmla="*/ 276225 w 561975"/>
              <a:gd name="connsiteY8" fmla="*/ 416719 h 592932"/>
              <a:gd name="connsiteX9" fmla="*/ 176213 w 561975"/>
              <a:gd name="connsiteY9" fmla="*/ 592932 h 592932"/>
              <a:gd name="connsiteX10" fmla="*/ 73819 w 561975"/>
              <a:gd name="connsiteY10" fmla="*/ 521494 h 592932"/>
              <a:gd name="connsiteX11" fmla="*/ 0 w 561975"/>
              <a:gd name="connsiteY11" fmla="*/ 519112 h 592932"/>
              <a:gd name="connsiteX12" fmla="*/ 111919 w 561975"/>
              <a:gd name="connsiteY12" fmla="*/ 326230 h 592932"/>
              <a:gd name="connsiteX13" fmla="*/ 166688 w 561975"/>
              <a:gd name="connsiteY13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5744 w 561975"/>
              <a:gd name="connsiteY3" fmla="*/ 173830 h 592932"/>
              <a:gd name="connsiteX4" fmla="*/ 409575 w 561975"/>
              <a:gd name="connsiteY4" fmla="*/ 14287 h 592932"/>
              <a:gd name="connsiteX5" fmla="*/ 388144 w 561975"/>
              <a:gd name="connsiteY5" fmla="*/ 69056 h 592932"/>
              <a:gd name="connsiteX6" fmla="*/ 352426 w 561975"/>
              <a:gd name="connsiteY6" fmla="*/ 183356 h 592932"/>
              <a:gd name="connsiteX7" fmla="*/ 561975 w 561975"/>
              <a:gd name="connsiteY7" fmla="*/ 0 h 592932"/>
              <a:gd name="connsiteX8" fmla="*/ 559594 w 561975"/>
              <a:gd name="connsiteY8" fmla="*/ 219074 h 592932"/>
              <a:gd name="connsiteX9" fmla="*/ 276225 w 561975"/>
              <a:gd name="connsiteY9" fmla="*/ 416719 h 592932"/>
              <a:gd name="connsiteX10" fmla="*/ 176213 w 561975"/>
              <a:gd name="connsiteY10" fmla="*/ 592932 h 592932"/>
              <a:gd name="connsiteX11" fmla="*/ 73819 w 561975"/>
              <a:gd name="connsiteY11" fmla="*/ 521494 h 592932"/>
              <a:gd name="connsiteX12" fmla="*/ 0 w 561975"/>
              <a:gd name="connsiteY12" fmla="*/ 519112 h 592932"/>
              <a:gd name="connsiteX13" fmla="*/ 111919 w 561975"/>
              <a:gd name="connsiteY13" fmla="*/ 326230 h 592932"/>
              <a:gd name="connsiteX14" fmla="*/ 166688 w 561975"/>
              <a:gd name="connsiteY14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5744 w 561975"/>
              <a:gd name="connsiteY3" fmla="*/ 173830 h 592932"/>
              <a:gd name="connsiteX4" fmla="*/ 409575 w 561975"/>
              <a:gd name="connsiteY4" fmla="*/ 14287 h 592932"/>
              <a:gd name="connsiteX5" fmla="*/ 450057 w 561975"/>
              <a:gd name="connsiteY5" fmla="*/ 33337 h 592932"/>
              <a:gd name="connsiteX6" fmla="*/ 352426 w 561975"/>
              <a:gd name="connsiteY6" fmla="*/ 183356 h 592932"/>
              <a:gd name="connsiteX7" fmla="*/ 561975 w 561975"/>
              <a:gd name="connsiteY7" fmla="*/ 0 h 592932"/>
              <a:gd name="connsiteX8" fmla="*/ 559594 w 561975"/>
              <a:gd name="connsiteY8" fmla="*/ 219074 h 592932"/>
              <a:gd name="connsiteX9" fmla="*/ 276225 w 561975"/>
              <a:gd name="connsiteY9" fmla="*/ 416719 h 592932"/>
              <a:gd name="connsiteX10" fmla="*/ 176213 w 561975"/>
              <a:gd name="connsiteY10" fmla="*/ 592932 h 592932"/>
              <a:gd name="connsiteX11" fmla="*/ 73819 w 561975"/>
              <a:gd name="connsiteY11" fmla="*/ 521494 h 592932"/>
              <a:gd name="connsiteX12" fmla="*/ 0 w 561975"/>
              <a:gd name="connsiteY12" fmla="*/ 519112 h 592932"/>
              <a:gd name="connsiteX13" fmla="*/ 111919 w 561975"/>
              <a:gd name="connsiteY13" fmla="*/ 326230 h 592932"/>
              <a:gd name="connsiteX14" fmla="*/ 166688 w 561975"/>
              <a:gd name="connsiteY14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5744 w 561975"/>
              <a:gd name="connsiteY3" fmla="*/ 173830 h 592932"/>
              <a:gd name="connsiteX4" fmla="*/ 409575 w 561975"/>
              <a:gd name="connsiteY4" fmla="*/ 14287 h 592932"/>
              <a:gd name="connsiteX5" fmla="*/ 450057 w 561975"/>
              <a:gd name="connsiteY5" fmla="*/ 33337 h 592932"/>
              <a:gd name="connsiteX6" fmla="*/ 352426 w 561975"/>
              <a:gd name="connsiteY6" fmla="*/ 183356 h 592932"/>
              <a:gd name="connsiteX7" fmla="*/ 561975 w 561975"/>
              <a:gd name="connsiteY7" fmla="*/ 0 h 592932"/>
              <a:gd name="connsiteX8" fmla="*/ 559594 w 561975"/>
              <a:gd name="connsiteY8" fmla="*/ 219074 h 592932"/>
              <a:gd name="connsiteX9" fmla="*/ 276225 w 561975"/>
              <a:gd name="connsiteY9" fmla="*/ 416719 h 592932"/>
              <a:gd name="connsiteX10" fmla="*/ 176213 w 561975"/>
              <a:gd name="connsiteY10" fmla="*/ 592932 h 592932"/>
              <a:gd name="connsiteX11" fmla="*/ 73819 w 561975"/>
              <a:gd name="connsiteY11" fmla="*/ 521494 h 592932"/>
              <a:gd name="connsiteX12" fmla="*/ 0 w 561975"/>
              <a:gd name="connsiteY12" fmla="*/ 519112 h 592932"/>
              <a:gd name="connsiteX13" fmla="*/ 111919 w 561975"/>
              <a:gd name="connsiteY13" fmla="*/ 326230 h 592932"/>
              <a:gd name="connsiteX14" fmla="*/ 166688 w 561975"/>
              <a:gd name="connsiteY14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5744 w 561975"/>
              <a:gd name="connsiteY3" fmla="*/ 173830 h 592932"/>
              <a:gd name="connsiteX4" fmla="*/ 409575 w 561975"/>
              <a:gd name="connsiteY4" fmla="*/ 14287 h 592932"/>
              <a:gd name="connsiteX5" fmla="*/ 450057 w 561975"/>
              <a:gd name="connsiteY5" fmla="*/ 33337 h 592932"/>
              <a:gd name="connsiteX6" fmla="*/ 352426 w 561975"/>
              <a:gd name="connsiteY6" fmla="*/ 183356 h 592932"/>
              <a:gd name="connsiteX7" fmla="*/ 561975 w 561975"/>
              <a:gd name="connsiteY7" fmla="*/ 0 h 592932"/>
              <a:gd name="connsiteX8" fmla="*/ 559594 w 561975"/>
              <a:gd name="connsiteY8" fmla="*/ 219074 h 592932"/>
              <a:gd name="connsiteX9" fmla="*/ 276225 w 561975"/>
              <a:gd name="connsiteY9" fmla="*/ 416719 h 592932"/>
              <a:gd name="connsiteX10" fmla="*/ 176213 w 561975"/>
              <a:gd name="connsiteY10" fmla="*/ 592932 h 592932"/>
              <a:gd name="connsiteX11" fmla="*/ 73819 w 561975"/>
              <a:gd name="connsiteY11" fmla="*/ 521494 h 592932"/>
              <a:gd name="connsiteX12" fmla="*/ 0 w 561975"/>
              <a:gd name="connsiteY12" fmla="*/ 519112 h 592932"/>
              <a:gd name="connsiteX13" fmla="*/ 111919 w 561975"/>
              <a:gd name="connsiteY13" fmla="*/ 326230 h 592932"/>
              <a:gd name="connsiteX14" fmla="*/ 166688 w 561975"/>
              <a:gd name="connsiteY14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5744 w 561975"/>
              <a:gd name="connsiteY3" fmla="*/ 173830 h 592932"/>
              <a:gd name="connsiteX4" fmla="*/ 409575 w 561975"/>
              <a:gd name="connsiteY4" fmla="*/ 14287 h 592932"/>
              <a:gd name="connsiteX5" fmla="*/ 450057 w 561975"/>
              <a:gd name="connsiteY5" fmla="*/ 33337 h 592932"/>
              <a:gd name="connsiteX6" fmla="*/ 352426 w 561975"/>
              <a:gd name="connsiteY6" fmla="*/ 183356 h 592932"/>
              <a:gd name="connsiteX7" fmla="*/ 478631 w 561975"/>
              <a:gd name="connsiteY7" fmla="*/ 71437 h 592932"/>
              <a:gd name="connsiteX8" fmla="*/ 561975 w 561975"/>
              <a:gd name="connsiteY8" fmla="*/ 0 h 592932"/>
              <a:gd name="connsiteX9" fmla="*/ 559594 w 561975"/>
              <a:gd name="connsiteY9" fmla="*/ 219074 h 592932"/>
              <a:gd name="connsiteX10" fmla="*/ 276225 w 561975"/>
              <a:gd name="connsiteY10" fmla="*/ 416719 h 592932"/>
              <a:gd name="connsiteX11" fmla="*/ 176213 w 561975"/>
              <a:gd name="connsiteY11" fmla="*/ 592932 h 592932"/>
              <a:gd name="connsiteX12" fmla="*/ 73819 w 561975"/>
              <a:gd name="connsiteY12" fmla="*/ 521494 h 592932"/>
              <a:gd name="connsiteX13" fmla="*/ 0 w 561975"/>
              <a:gd name="connsiteY13" fmla="*/ 519112 h 592932"/>
              <a:gd name="connsiteX14" fmla="*/ 111919 w 561975"/>
              <a:gd name="connsiteY14" fmla="*/ 326230 h 592932"/>
              <a:gd name="connsiteX15" fmla="*/ 166688 w 561975"/>
              <a:gd name="connsiteY15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5744 w 561975"/>
              <a:gd name="connsiteY3" fmla="*/ 173830 h 592932"/>
              <a:gd name="connsiteX4" fmla="*/ 409575 w 561975"/>
              <a:gd name="connsiteY4" fmla="*/ 14287 h 592932"/>
              <a:gd name="connsiteX5" fmla="*/ 450057 w 561975"/>
              <a:gd name="connsiteY5" fmla="*/ 33337 h 592932"/>
              <a:gd name="connsiteX6" fmla="*/ 352426 w 561975"/>
              <a:gd name="connsiteY6" fmla="*/ 183356 h 592932"/>
              <a:gd name="connsiteX7" fmla="*/ 464344 w 561975"/>
              <a:gd name="connsiteY7" fmla="*/ 42862 h 592932"/>
              <a:gd name="connsiteX8" fmla="*/ 561975 w 561975"/>
              <a:gd name="connsiteY8" fmla="*/ 0 h 592932"/>
              <a:gd name="connsiteX9" fmla="*/ 559594 w 561975"/>
              <a:gd name="connsiteY9" fmla="*/ 219074 h 592932"/>
              <a:gd name="connsiteX10" fmla="*/ 276225 w 561975"/>
              <a:gd name="connsiteY10" fmla="*/ 416719 h 592932"/>
              <a:gd name="connsiteX11" fmla="*/ 176213 w 561975"/>
              <a:gd name="connsiteY11" fmla="*/ 592932 h 592932"/>
              <a:gd name="connsiteX12" fmla="*/ 73819 w 561975"/>
              <a:gd name="connsiteY12" fmla="*/ 521494 h 592932"/>
              <a:gd name="connsiteX13" fmla="*/ 0 w 561975"/>
              <a:gd name="connsiteY13" fmla="*/ 519112 h 592932"/>
              <a:gd name="connsiteX14" fmla="*/ 111919 w 561975"/>
              <a:gd name="connsiteY14" fmla="*/ 326230 h 592932"/>
              <a:gd name="connsiteX15" fmla="*/ 166688 w 561975"/>
              <a:gd name="connsiteY15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5744 w 561975"/>
              <a:gd name="connsiteY3" fmla="*/ 173830 h 592932"/>
              <a:gd name="connsiteX4" fmla="*/ 409575 w 561975"/>
              <a:gd name="connsiteY4" fmla="*/ 14287 h 592932"/>
              <a:gd name="connsiteX5" fmla="*/ 450057 w 561975"/>
              <a:gd name="connsiteY5" fmla="*/ 33337 h 592932"/>
              <a:gd name="connsiteX6" fmla="*/ 352426 w 561975"/>
              <a:gd name="connsiteY6" fmla="*/ 183356 h 592932"/>
              <a:gd name="connsiteX7" fmla="*/ 464344 w 561975"/>
              <a:gd name="connsiteY7" fmla="*/ 45243 h 592932"/>
              <a:gd name="connsiteX8" fmla="*/ 561975 w 561975"/>
              <a:gd name="connsiteY8" fmla="*/ 0 h 592932"/>
              <a:gd name="connsiteX9" fmla="*/ 559594 w 561975"/>
              <a:gd name="connsiteY9" fmla="*/ 219074 h 592932"/>
              <a:gd name="connsiteX10" fmla="*/ 276225 w 561975"/>
              <a:gd name="connsiteY10" fmla="*/ 416719 h 592932"/>
              <a:gd name="connsiteX11" fmla="*/ 176213 w 561975"/>
              <a:gd name="connsiteY11" fmla="*/ 592932 h 592932"/>
              <a:gd name="connsiteX12" fmla="*/ 73819 w 561975"/>
              <a:gd name="connsiteY12" fmla="*/ 521494 h 592932"/>
              <a:gd name="connsiteX13" fmla="*/ 0 w 561975"/>
              <a:gd name="connsiteY13" fmla="*/ 519112 h 592932"/>
              <a:gd name="connsiteX14" fmla="*/ 111919 w 561975"/>
              <a:gd name="connsiteY14" fmla="*/ 326230 h 592932"/>
              <a:gd name="connsiteX15" fmla="*/ 166688 w 561975"/>
              <a:gd name="connsiteY15" fmla="*/ 128587 h 592932"/>
              <a:gd name="connsiteX0" fmla="*/ 166688 w 561975"/>
              <a:gd name="connsiteY0" fmla="*/ 128587 h 592932"/>
              <a:gd name="connsiteX1" fmla="*/ 204788 w 561975"/>
              <a:gd name="connsiteY1" fmla="*/ 26193 h 592932"/>
              <a:gd name="connsiteX2" fmla="*/ 254794 w 561975"/>
              <a:gd name="connsiteY2" fmla="*/ 95249 h 592932"/>
              <a:gd name="connsiteX3" fmla="*/ 235744 w 561975"/>
              <a:gd name="connsiteY3" fmla="*/ 173830 h 592932"/>
              <a:gd name="connsiteX4" fmla="*/ 409575 w 561975"/>
              <a:gd name="connsiteY4" fmla="*/ 14287 h 592932"/>
              <a:gd name="connsiteX5" fmla="*/ 450057 w 561975"/>
              <a:gd name="connsiteY5" fmla="*/ 33337 h 592932"/>
              <a:gd name="connsiteX6" fmla="*/ 352426 w 561975"/>
              <a:gd name="connsiteY6" fmla="*/ 183356 h 592932"/>
              <a:gd name="connsiteX7" fmla="*/ 464344 w 561975"/>
              <a:gd name="connsiteY7" fmla="*/ 45243 h 592932"/>
              <a:gd name="connsiteX8" fmla="*/ 561975 w 561975"/>
              <a:gd name="connsiteY8" fmla="*/ 0 h 592932"/>
              <a:gd name="connsiteX9" fmla="*/ 559594 w 561975"/>
              <a:gd name="connsiteY9" fmla="*/ 219074 h 592932"/>
              <a:gd name="connsiteX10" fmla="*/ 276225 w 561975"/>
              <a:gd name="connsiteY10" fmla="*/ 416719 h 592932"/>
              <a:gd name="connsiteX11" fmla="*/ 176213 w 561975"/>
              <a:gd name="connsiteY11" fmla="*/ 592932 h 592932"/>
              <a:gd name="connsiteX12" fmla="*/ 73819 w 561975"/>
              <a:gd name="connsiteY12" fmla="*/ 521494 h 592932"/>
              <a:gd name="connsiteX13" fmla="*/ 0 w 561975"/>
              <a:gd name="connsiteY13" fmla="*/ 519112 h 592932"/>
              <a:gd name="connsiteX14" fmla="*/ 111919 w 561975"/>
              <a:gd name="connsiteY14" fmla="*/ 326230 h 592932"/>
              <a:gd name="connsiteX15" fmla="*/ 166688 w 561975"/>
              <a:gd name="connsiteY15" fmla="*/ 128587 h 592932"/>
              <a:gd name="connsiteX0" fmla="*/ 166688 w 559622"/>
              <a:gd name="connsiteY0" fmla="*/ 122135 h 586480"/>
              <a:gd name="connsiteX1" fmla="*/ 204788 w 559622"/>
              <a:gd name="connsiteY1" fmla="*/ 19741 h 586480"/>
              <a:gd name="connsiteX2" fmla="*/ 254794 w 559622"/>
              <a:gd name="connsiteY2" fmla="*/ 88797 h 586480"/>
              <a:gd name="connsiteX3" fmla="*/ 235744 w 559622"/>
              <a:gd name="connsiteY3" fmla="*/ 167378 h 586480"/>
              <a:gd name="connsiteX4" fmla="*/ 409575 w 559622"/>
              <a:gd name="connsiteY4" fmla="*/ 7835 h 586480"/>
              <a:gd name="connsiteX5" fmla="*/ 450057 w 559622"/>
              <a:gd name="connsiteY5" fmla="*/ 26885 h 586480"/>
              <a:gd name="connsiteX6" fmla="*/ 352426 w 559622"/>
              <a:gd name="connsiteY6" fmla="*/ 176904 h 586480"/>
              <a:gd name="connsiteX7" fmla="*/ 464344 w 559622"/>
              <a:gd name="connsiteY7" fmla="*/ 38791 h 586480"/>
              <a:gd name="connsiteX8" fmla="*/ 545306 w 559622"/>
              <a:gd name="connsiteY8" fmla="*/ 74511 h 586480"/>
              <a:gd name="connsiteX9" fmla="*/ 559594 w 559622"/>
              <a:gd name="connsiteY9" fmla="*/ 212622 h 586480"/>
              <a:gd name="connsiteX10" fmla="*/ 276225 w 559622"/>
              <a:gd name="connsiteY10" fmla="*/ 410267 h 586480"/>
              <a:gd name="connsiteX11" fmla="*/ 176213 w 559622"/>
              <a:gd name="connsiteY11" fmla="*/ 586480 h 586480"/>
              <a:gd name="connsiteX12" fmla="*/ 73819 w 559622"/>
              <a:gd name="connsiteY12" fmla="*/ 515042 h 586480"/>
              <a:gd name="connsiteX13" fmla="*/ 0 w 559622"/>
              <a:gd name="connsiteY13" fmla="*/ 512660 h 586480"/>
              <a:gd name="connsiteX14" fmla="*/ 111919 w 559622"/>
              <a:gd name="connsiteY14" fmla="*/ 319778 h 586480"/>
              <a:gd name="connsiteX15" fmla="*/ 166688 w 559622"/>
              <a:gd name="connsiteY15" fmla="*/ 122135 h 586480"/>
              <a:gd name="connsiteX0" fmla="*/ 166688 w 559622"/>
              <a:gd name="connsiteY0" fmla="*/ 122135 h 586480"/>
              <a:gd name="connsiteX1" fmla="*/ 204788 w 559622"/>
              <a:gd name="connsiteY1" fmla="*/ 19741 h 586480"/>
              <a:gd name="connsiteX2" fmla="*/ 254794 w 559622"/>
              <a:gd name="connsiteY2" fmla="*/ 88797 h 586480"/>
              <a:gd name="connsiteX3" fmla="*/ 235744 w 559622"/>
              <a:gd name="connsiteY3" fmla="*/ 167378 h 586480"/>
              <a:gd name="connsiteX4" fmla="*/ 409575 w 559622"/>
              <a:gd name="connsiteY4" fmla="*/ 7835 h 586480"/>
              <a:gd name="connsiteX5" fmla="*/ 450057 w 559622"/>
              <a:gd name="connsiteY5" fmla="*/ 26885 h 586480"/>
              <a:gd name="connsiteX6" fmla="*/ 352426 w 559622"/>
              <a:gd name="connsiteY6" fmla="*/ 176904 h 586480"/>
              <a:gd name="connsiteX7" fmla="*/ 464344 w 559622"/>
              <a:gd name="connsiteY7" fmla="*/ 38791 h 586480"/>
              <a:gd name="connsiteX8" fmla="*/ 497681 w 559622"/>
              <a:gd name="connsiteY8" fmla="*/ 53079 h 586480"/>
              <a:gd name="connsiteX9" fmla="*/ 545306 w 559622"/>
              <a:gd name="connsiteY9" fmla="*/ 74511 h 586480"/>
              <a:gd name="connsiteX10" fmla="*/ 559594 w 559622"/>
              <a:gd name="connsiteY10" fmla="*/ 212622 h 586480"/>
              <a:gd name="connsiteX11" fmla="*/ 276225 w 559622"/>
              <a:gd name="connsiteY11" fmla="*/ 410267 h 586480"/>
              <a:gd name="connsiteX12" fmla="*/ 176213 w 559622"/>
              <a:gd name="connsiteY12" fmla="*/ 586480 h 586480"/>
              <a:gd name="connsiteX13" fmla="*/ 73819 w 559622"/>
              <a:gd name="connsiteY13" fmla="*/ 515042 h 586480"/>
              <a:gd name="connsiteX14" fmla="*/ 0 w 559622"/>
              <a:gd name="connsiteY14" fmla="*/ 512660 h 586480"/>
              <a:gd name="connsiteX15" fmla="*/ 111919 w 559622"/>
              <a:gd name="connsiteY15" fmla="*/ 319778 h 586480"/>
              <a:gd name="connsiteX16" fmla="*/ 166688 w 559622"/>
              <a:gd name="connsiteY16" fmla="*/ 122135 h 586480"/>
              <a:gd name="connsiteX0" fmla="*/ 166688 w 559597"/>
              <a:gd name="connsiteY0" fmla="*/ 122135 h 586480"/>
              <a:gd name="connsiteX1" fmla="*/ 204788 w 559597"/>
              <a:gd name="connsiteY1" fmla="*/ 19741 h 586480"/>
              <a:gd name="connsiteX2" fmla="*/ 254794 w 559597"/>
              <a:gd name="connsiteY2" fmla="*/ 88797 h 586480"/>
              <a:gd name="connsiteX3" fmla="*/ 235744 w 559597"/>
              <a:gd name="connsiteY3" fmla="*/ 167378 h 586480"/>
              <a:gd name="connsiteX4" fmla="*/ 409575 w 559597"/>
              <a:gd name="connsiteY4" fmla="*/ 7835 h 586480"/>
              <a:gd name="connsiteX5" fmla="*/ 450057 w 559597"/>
              <a:gd name="connsiteY5" fmla="*/ 26885 h 586480"/>
              <a:gd name="connsiteX6" fmla="*/ 352426 w 559597"/>
              <a:gd name="connsiteY6" fmla="*/ 176904 h 586480"/>
              <a:gd name="connsiteX7" fmla="*/ 464344 w 559597"/>
              <a:gd name="connsiteY7" fmla="*/ 38791 h 586480"/>
              <a:gd name="connsiteX8" fmla="*/ 497681 w 559597"/>
              <a:gd name="connsiteY8" fmla="*/ 53079 h 586480"/>
              <a:gd name="connsiteX9" fmla="*/ 438150 w 559597"/>
              <a:gd name="connsiteY9" fmla="*/ 160236 h 586480"/>
              <a:gd name="connsiteX10" fmla="*/ 559594 w 559597"/>
              <a:gd name="connsiteY10" fmla="*/ 212622 h 586480"/>
              <a:gd name="connsiteX11" fmla="*/ 276225 w 559597"/>
              <a:gd name="connsiteY11" fmla="*/ 410267 h 586480"/>
              <a:gd name="connsiteX12" fmla="*/ 176213 w 559597"/>
              <a:gd name="connsiteY12" fmla="*/ 586480 h 586480"/>
              <a:gd name="connsiteX13" fmla="*/ 73819 w 559597"/>
              <a:gd name="connsiteY13" fmla="*/ 515042 h 586480"/>
              <a:gd name="connsiteX14" fmla="*/ 0 w 559597"/>
              <a:gd name="connsiteY14" fmla="*/ 512660 h 586480"/>
              <a:gd name="connsiteX15" fmla="*/ 111919 w 559597"/>
              <a:gd name="connsiteY15" fmla="*/ 319778 h 586480"/>
              <a:gd name="connsiteX16" fmla="*/ 166688 w 559597"/>
              <a:gd name="connsiteY16" fmla="*/ 122135 h 586480"/>
              <a:gd name="connsiteX0" fmla="*/ 166688 w 564907"/>
              <a:gd name="connsiteY0" fmla="*/ 122135 h 586480"/>
              <a:gd name="connsiteX1" fmla="*/ 204788 w 564907"/>
              <a:gd name="connsiteY1" fmla="*/ 19741 h 586480"/>
              <a:gd name="connsiteX2" fmla="*/ 254794 w 564907"/>
              <a:gd name="connsiteY2" fmla="*/ 88797 h 586480"/>
              <a:gd name="connsiteX3" fmla="*/ 235744 w 564907"/>
              <a:gd name="connsiteY3" fmla="*/ 167378 h 586480"/>
              <a:gd name="connsiteX4" fmla="*/ 409575 w 564907"/>
              <a:gd name="connsiteY4" fmla="*/ 7835 h 586480"/>
              <a:gd name="connsiteX5" fmla="*/ 450057 w 564907"/>
              <a:gd name="connsiteY5" fmla="*/ 26885 h 586480"/>
              <a:gd name="connsiteX6" fmla="*/ 352426 w 564907"/>
              <a:gd name="connsiteY6" fmla="*/ 176904 h 586480"/>
              <a:gd name="connsiteX7" fmla="*/ 464344 w 564907"/>
              <a:gd name="connsiteY7" fmla="*/ 38791 h 586480"/>
              <a:gd name="connsiteX8" fmla="*/ 497681 w 564907"/>
              <a:gd name="connsiteY8" fmla="*/ 53079 h 586480"/>
              <a:gd name="connsiteX9" fmla="*/ 438150 w 564907"/>
              <a:gd name="connsiteY9" fmla="*/ 160236 h 586480"/>
              <a:gd name="connsiteX10" fmla="*/ 459582 w 564907"/>
              <a:gd name="connsiteY10" fmla="*/ 193572 h 586480"/>
              <a:gd name="connsiteX11" fmla="*/ 559594 w 564907"/>
              <a:gd name="connsiteY11" fmla="*/ 212622 h 586480"/>
              <a:gd name="connsiteX12" fmla="*/ 276225 w 564907"/>
              <a:gd name="connsiteY12" fmla="*/ 410267 h 586480"/>
              <a:gd name="connsiteX13" fmla="*/ 176213 w 564907"/>
              <a:gd name="connsiteY13" fmla="*/ 586480 h 586480"/>
              <a:gd name="connsiteX14" fmla="*/ 73819 w 564907"/>
              <a:gd name="connsiteY14" fmla="*/ 515042 h 586480"/>
              <a:gd name="connsiteX15" fmla="*/ 0 w 564907"/>
              <a:gd name="connsiteY15" fmla="*/ 512660 h 586480"/>
              <a:gd name="connsiteX16" fmla="*/ 111919 w 564907"/>
              <a:gd name="connsiteY16" fmla="*/ 319778 h 586480"/>
              <a:gd name="connsiteX17" fmla="*/ 166688 w 564907"/>
              <a:gd name="connsiteY17" fmla="*/ 122135 h 586480"/>
              <a:gd name="connsiteX0" fmla="*/ 166688 w 569449"/>
              <a:gd name="connsiteY0" fmla="*/ 122135 h 586480"/>
              <a:gd name="connsiteX1" fmla="*/ 204788 w 569449"/>
              <a:gd name="connsiteY1" fmla="*/ 19741 h 586480"/>
              <a:gd name="connsiteX2" fmla="*/ 254794 w 569449"/>
              <a:gd name="connsiteY2" fmla="*/ 88797 h 586480"/>
              <a:gd name="connsiteX3" fmla="*/ 235744 w 569449"/>
              <a:gd name="connsiteY3" fmla="*/ 167378 h 586480"/>
              <a:gd name="connsiteX4" fmla="*/ 409575 w 569449"/>
              <a:gd name="connsiteY4" fmla="*/ 7835 h 586480"/>
              <a:gd name="connsiteX5" fmla="*/ 450057 w 569449"/>
              <a:gd name="connsiteY5" fmla="*/ 26885 h 586480"/>
              <a:gd name="connsiteX6" fmla="*/ 352426 w 569449"/>
              <a:gd name="connsiteY6" fmla="*/ 176904 h 586480"/>
              <a:gd name="connsiteX7" fmla="*/ 464344 w 569449"/>
              <a:gd name="connsiteY7" fmla="*/ 38791 h 586480"/>
              <a:gd name="connsiteX8" fmla="*/ 497681 w 569449"/>
              <a:gd name="connsiteY8" fmla="*/ 53079 h 586480"/>
              <a:gd name="connsiteX9" fmla="*/ 438150 w 569449"/>
              <a:gd name="connsiteY9" fmla="*/ 160236 h 586480"/>
              <a:gd name="connsiteX10" fmla="*/ 521494 w 569449"/>
              <a:gd name="connsiteY10" fmla="*/ 84034 h 586480"/>
              <a:gd name="connsiteX11" fmla="*/ 559594 w 569449"/>
              <a:gd name="connsiteY11" fmla="*/ 212622 h 586480"/>
              <a:gd name="connsiteX12" fmla="*/ 276225 w 569449"/>
              <a:gd name="connsiteY12" fmla="*/ 410267 h 586480"/>
              <a:gd name="connsiteX13" fmla="*/ 176213 w 569449"/>
              <a:gd name="connsiteY13" fmla="*/ 586480 h 586480"/>
              <a:gd name="connsiteX14" fmla="*/ 73819 w 569449"/>
              <a:gd name="connsiteY14" fmla="*/ 515042 h 586480"/>
              <a:gd name="connsiteX15" fmla="*/ 0 w 569449"/>
              <a:gd name="connsiteY15" fmla="*/ 512660 h 586480"/>
              <a:gd name="connsiteX16" fmla="*/ 111919 w 569449"/>
              <a:gd name="connsiteY16" fmla="*/ 319778 h 586480"/>
              <a:gd name="connsiteX17" fmla="*/ 166688 w 569449"/>
              <a:gd name="connsiteY17" fmla="*/ 122135 h 586480"/>
              <a:gd name="connsiteX0" fmla="*/ 166688 w 577493"/>
              <a:gd name="connsiteY0" fmla="*/ 122135 h 586480"/>
              <a:gd name="connsiteX1" fmla="*/ 204788 w 577493"/>
              <a:gd name="connsiteY1" fmla="*/ 19741 h 586480"/>
              <a:gd name="connsiteX2" fmla="*/ 254794 w 577493"/>
              <a:gd name="connsiteY2" fmla="*/ 88797 h 586480"/>
              <a:gd name="connsiteX3" fmla="*/ 235744 w 577493"/>
              <a:gd name="connsiteY3" fmla="*/ 167378 h 586480"/>
              <a:gd name="connsiteX4" fmla="*/ 409575 w 577493"/>
              <a:gd name="connsiteY4" fmla="*/ 7835 h 586480"/>
              <a:gd name="connsiteX5" fmla="*/ 450057 w 577493"/>
              <a:gd name="connsiteY5" fmla="*/ 26885 h 586480"/>
              <a:gd name="connsiteX6" fmla="*/ 352426 w 577493"/>
              <a:gd name="connsiteY6" fmla="*/ 176904 h 586480"/>
              <a:gd name="connsiteX7" fmla="*/ 464344 w 577493"/>
              <a:gd name="connsiteY7" fmla="*/ 38791 h 586480"/>
              <a:gd name="connsiteX8" fmla="*/ 497681 w 577493"/>
              <a:gd name="connsiteY8" fmla="*/ 53079 h 586480"/>
              <a:gd name="connsiteX9" fmla="*/ 438150 w 577493"/>
              <a:gd name="connsiteY9" fmla="*/ 160236 h 586480"/>
              <a:gd name="connsiteX10" fmla="*/ 521494 w 577493"/>
              <a:gd name="connsiteY10" fmla="*/ 84034 h 586480"/>
              <a:gd name="connsiteX11" fmla="*/ 545307 w 577493"/>
              <a:gd name="connsiteY11" fmla="*/ 105466 h 586480"/>
              <a:gd name="connsiteX12" fmla="*/ 559594 w 577493"/>
              <a:gd name="connsiteY12" fmla="*/ 212622 h 586480"/>
              <a:gd name="connsiteX13" fmla="*/ 276225 w 577493"/>
              <a:gd name="connsiteY13" fmla="*/ 410267 h 586480"/>
              <a:gd name="connsiteX14" fmla="*/ 176213 w 577493"/>
              <a:gd name="connsiteY14" fmla="*/ 586480 h 586480"/>
              <a:gd name="connsiteX15" fmla="*/ 73819 w 577493"/>
              <a:gd name="connsiteY15" fmla="*/ 515042 h 586480"/>
              <a:gd name="connsiteX16" fmla="*/ 0 w 577493"/>
              <a:gd name="connsiteY16" fmla="*/ 512660 h 586480"/>
              <a:gd name="connsiteX17" fmla="*/ 111919 w 577493"/>
              <a:gd name="connsiteY17" fmla="*/ 319778 h 586480"/>
              <a:gd name="connsiteX18" fmla="*/ 166688 w 577493"/>
              <a:gd name="connsiteY18" fmla="*/ 122135 h 586480"/>
              <a:gd name="connsiteX0" fmla="*/ 166688 w 587910"/>
              <a:gd name="connsiteY0" fmla="*/ 122135 h 586480"/>
              <a:gd name="connsiteX1" fmla="*/ 204788 w 587910"/>
              <a:gd name="connsiteY1" fmla="*/ 19741 h 586480"/>
              <a:gd name="connsiteX2" fmla="*/ 254794 w 587910"/>
              <a:gd name="connsiteY2" fmla="*/ 88797 h 586480"/>
              <a:gd name="connsiteX3" fmla="*/ 235744 w 587910"/>
              <a:gd name="connsiteY3" fmla="*/ 167378 h 586480"/>
              <a:gd name="connsiteX4" fmla="*/ 409575 w 587910"/>
              <a:gd name="connsiteY4" fmla="*/ 7835 h 586480"/>
              <a:gd name="connsiteX5" fmla="*/ 450057 w 587910"/>
              <a:gd name="connsiteY5" fmla="*/ 26885 h 586480"/>
              <a:gd name="connsiteX6" fmla="*/ 352426 w 587910"/>
              <a:gd name="connsiteY6" fmla="*/ 176904 h 586480"/>
              <a:gd name="connsiteX7" fmla="*/ 464344 w 587910"/>
              <a:gd name="connsiteY7" fmla="*/ 38791 h 586480"/>
              <a:gd name="connsiteX8" fmla="*/ 497681 w 587910"/>
              <a:gd name="connsiteY8" fmla="*/ 53079 h 586480"/>
              <a:gd name="connsiteX9" fmla="*/ 438150 w 587910"/>
              <a:gd name="connsiteY9" fmla="*/ 160236 h 586480"/>
              <a:gd name="connsiteX10" fmla="*/ 521494 w 587910"/>
              <a:gd name="connsiteY10" fmla="*/ 84034 h 586480"/>
              <a:gd name="connsiteX11" fmla="*/ 545307 w 587910"/>
              <a:gd name="connsiteY11" fmla="*/ 105466 h 586480"/>
              <a:gd name="connsiteX12" fmla="*/ 576264 w 587910"/>
              <a:gd name="connsiteY12" fmla="*/ 148329 h 586480"/>
              <a:gd name="connsiteX13" fmla="*/ 559594 w 587910"/>
              <a:gd name="connsiteY13" fmla="*/ 212622 h 586480"/>
              <a:gd name="connsiteX14" fmla="*/ 276225 w 587910"/>
              <a:gd name="connsiteY14" fmla="*/ 410267 h 586480"/>
              <a:gd name="connsiteX15" fmla="*/ 176213 w 587910"/>
              <a:gd name="connsiteY15" fmla="*/ 586480 h 586480"/>
              <a:gd name="connsiteX16" fmla="*/ 73819 w 587910"/>
              <a:gd name="connsiteY16" fmla="*/ 515042 h 586480"/>
              <a:gd name="connsiteX17" fmla="*/ 0 w 587910"/>
              <a:gd name="connsiteY17" fmla="*/ 512660 h 586480"/>
              <a:gd name="connsiteX18" fmla="*/ 111919 w 587910"/>
              <a:gd name="connsiteY18" fmla="*/ 319778 h 586480"/>
              <a:gd name="connsiteX19" fmla="*/ 166688 w 587910"/>
              <a:gd name="connsiteY19" fmla="*/ 122135 h 586480"/>
              <a:gd name="connsiteX0" fmla="*/ 166688 w 569412"/>
              <a:gd name="connsiteY0" fmla="*/ 122135 h 586480"/>
              <a:gd name="connsiteX1" fmla="*/ 204788 w 569412"/>
              <a:gd name="connsiteY1" fmla="*/ 19741 h 586480"/>
              <a:gd name="connsiteX2" fmla="*/ 254794 w 569412"/>
              <a:gd name="connsiteY2" fmla="*/ 88797 h 586480"/>
              <a:gd name="connsiteX3" fmla="*/ 235744 w 569412"/>
              <a:gd name="connsiteY3" fmla="*/ 167378 h 586480"/>
              <a:gd name="connsiteX4" fmla="*/ 409575 w 569412"/>
              <a:gd name="connsiteY4" fmla="*/ 7835 h 586480"/>
              <a:gd name="connsiteX5" fmla="*/ 450057 w 569412"/>
              <a:gd name="connsiteY5" fmla="*/ 26885 h 586480"/>
              <a:gd name="connsiteX6" fmla="*/ 352426 w 569412"/>
              <a:gd name="connsiteY6" fmla="*/ 176904 h 586480"/>
              <a:gd name="connsiteX7" fmla="*/ 464344 w 569412"/>
              <a:gd name="connsiteY7" fmla="*/ 38791 h 586480"/>
              <a:gd name="connsiteX8" fmla="*/ 497681 w 569412"/>
              <a:gd name="connsiteY8" fmla="*/ 53079 h 586480"/>
              <a:gd name="connsiteX9" fmla="*/ 438150 w 569412"/>
              <a:gd name="connsiteY9" fmla="*/ 160236 h 586480"/>
              <a:gd name="connsiteX10" fmla="*/ 521494 w 569412"/>
              <a:gd name="connsiteY10" fmla="*/ 84034 h 586480"/>
              <a:gd name="connsiteX11" fmla="*/ 545307 w 569412"/>
              <a:gd name="connsiteY11" fmla="*/ 105466 h 586480"/>
              <a:gd name="connsiteX12" fmla="*/ 450058 w 569412"/>
              <a:gd name="connsiteY12" fmla="*/ 234054 h 586480"/>
              <a:gd name="connsiteX13" fmla="*/ 559594 w 569412"/>
              <a:gd name="connsiteY13" fmla="*/ 212622 h 586480"/>
              <a:gd name="connsiteX14" fmla="*/ 276225 w 569412"/>
              <a:gd name="connsiteY14" fmla="*/ 410267 h 586480"/>
              <a:gd name="connsiteX15" fmla="*/ 176213 w 569412"/>
              <a:gd name="connsiteY15" fmla="*/ 586480 h 586480"/>
              <a:gd name="connsiteX16" fmla="*/ 73819 w 569412"/>
              <a:gd name="connsiteY16" fmla="*/ 515042 h 586480"/>
              <a:gd name="connsiteX17" fmla="*/ 0 w 569412"/>
              <a:gd name="connsiteY17" fmla="*/ 512660 h 586480"/>
              <a:gd name="connsiteX18" fmla="*/ 111919 w 569412"/>
              <a:gd name="connsiteY18" fmla="*/ 319778 h 586480"/>
              <a:gd name="connsiteX19" fmla="*/ 166688 w 569412"/>
              <a:gd name="connsiteY19" fmla="*/ 122135 h 586480"/>
              <a:gd name="connsiteX0" fmla="*/ 166688 w 576340"/>
              <a:gd name="connsiteY0" fmla="*/ 122135 h 586480"/>
              <a:gd name="connsiteX1" fmla="*/ 204788 w 576340"/>
              <a:gd name="connsiteY1" fmla="*/ 19741 h 586480"/>
              <a:gd name="connsiteX2" fmla="*/ 254794 w 576340"/>
              <a:gd name="connsiteY2" fmla="*/ 88797 h 586480"/>
              <a:gd name="connsiteX3" fmla="*/ 235744 w 576340"/>
              <a:gd name="connsiteY3" fmla="*/ 167378 h 586480"/>
              <a:gd name="connsiteX4" fmla="*/ 409575 w 576340"/>
              <a:gd name="connsiteY4" fmla="*/ 7835 h 586480"/>
              <a:gd name="connsiteX5" fmla="*/ 450057 w 576340"/>
              <a:gd name="connsiteY5" fmla="*/ 26885 h 586480"/>
              <a:gd name="connsiteX6" fmla="*/ 352426 w 576340"/>
              <a:gd name="connsiteY6" fmla="*/ 176904 h 586480"/>
              <a:gd name="connsiteX7" fmla="*/ 464344 w 576340"/>
              <a:gd name="connsiteY7" fmla="*/ 38791 h 586480"/>
              <a:gd name="connsiteX8" fmla="*/ 497681 w 576340"/>
              <a:gd name="connsiteY8" fmla="*/ 53079 h 586480"/>
              <a:gd name="connsiteX9" fmla="*/ 438150 w 576340"/>
              <a:gd name="connsiteY9" fmla="*/ 160236 h 586480"/>
              <a:gd name="connsiteX10" fmla="*/ 521494 w 576340"/>
              <a:gd name="connsiteY10" fmla="*/ 84034 h 586480"/>
              <a:gd name="connsiteX11" fmla="*/ 545307 w 576340"/>
              <a:gd name="connsiteY11" fmla="*/ 105466 h 586480"/>
              <a:gd name="connsiteX12" fmla="*/ 450058 w 576340"/>
              <a:gd name="connsiteY12" fmla="*/ 234054 h 586480"/>
              <a:gd name="connsiteX13" fmla="*/ 533400 w 576340"/>
              <a:gd name="connsiteY13" fmla="*/ 215004 h 586480"/>
              <a:gd name="connsiteX14" fmla="*/ 559594 w 576340"/>
              <a:gd name="connsiteY14" fmla="*/ 212622 h 586480"/>
              <a:gd name="connsiteX15" fmla="*/ 276225 w 576340"/>
              <a:gd name="connsiteY15" fmla="*/ 410267 h 586480"/>
              <a:gd name="connsiteX16" fmla="*/ 176213 w 576340"/>
              <a:gd name="connsiteY16" fmla="*/ 586480 h 586480"/>
              <a:gd name="connsiteX17" fmla="*/ 73819 w 576340"/>
              <a:gd name="connsiteY17" fmla="*/ 515042 h 586480"/>
              <a:gd name="connsiteX18" fmla="*/ 0 w 576340"/>
              <a:gd name="connsiteY18" fmla="*/ 512660 h 586480"/>
              <a:gd name="connsiteX19" fmla="*/ 111919 w 576340"/>
              <a:gd name="connsiteY19" fmla="*/ 319778 h 586480"/>
              <a:gd name="connsiteX20" fmla="*/ 166688 w 576340"/>
              <a:gd name="connsiteY20" fmla="*/ 122135 h 586480"/>
              <a:gd name="connsiteX0" fmla="*/ 166688 w 577317"/>
              <a:gd name="connsiteY0" fmla="*/ 122135 h 586480"/>
              <a:gd name="connsiteX1" fmla="*/ 204788 w 577317"/>
              <a:gd name="connsiteY1" fmla="*/ 19741 h 586480"/>
              <a:gd name="connsiteX2" fmla="*/ 254794 w 577317"/>
              <a:gd name="connsiteY2" fmla="*/ 88797 h 586480"/>
              <a:gd name="connsiteX3" fmla="*/ 235744 w 577317"/>
              <a:gd name="connsiteY3" fmla="*/ 167378 h 586480"/>
              <a:gd name="connsiteX4" fmla="*/ 409575 w 577317"/>
              <a:gd name="connsiteY4" fmla="*/ 7835 h 586480"/>
              <a:gd name="connsiteX5" fmla="*/ 450057 w 577317"/>
              <a:gd name="connsiteY5" fmla="*/ 26885 h 586480"/>
              <a:gd name="connsiteX6" fmla="*/ 352426 w 577317"/>
              <a:gd name="connsiteY6" fmla="*/ 176904 h 586480"/>
              <a:gd name="connsiteX7" fmla="*/ 464344 w 577317"/>
              <a:gd name="connsiteY7" fmla="*/ 38791 h 586480"/>
              <a:gd name="connsiteX8" fmla="*/ 497681 w 577317"/>
              <a:gd name="connsiteY8" fmla="*/ 53079 h 586480"/>
              <a:gd name="connsiteX9" fmla="*/ 438150 w 577317"/>
              <a:gd name="connsiteY9" fmla="*/ 160236 h 586480"/>
              <a:gd name="connsiteX10" fmla="*/ 521494 w 577317"/>
              <a:gd name="connsiteY10" fmla="*/ 84034 h 586480"/>
              <a:gd name="connsiteX11" fmla="*/ 545307 w 577317"/>
              <a:gd name="connsiteY11" fmla="*/ 105466 h 586480"/>
              <a:gd name="connsiteX12" fmla="*/ 450058 w 577317"/>
              <a:gd name="connsiteY12" fmla="*/ 234054 h 586480"/>
              <a:gd name="connsiteX13" fmla="*/ 538162 w 577317"/>
              <a:gd name="connsiteY13" fmla="*/ 167379 h 586480"/>
              <a:gd name="connsiteX14" fmla="*/ 559594 w 577317"/>
              <a:gd name="connsiteY14" fmla="*/ 212622 h 586480"/>
              <a:gd name="connsiteX15" fmla="*/ 276225 w 577317"/>
              <a:gd name="connsiteY15" fmla="*/ 410267 h 586480"/>
              <a:gd name="connsiteX16" fmla="*/ 176213 w 577317"/>
              <a:gd name="connsiteY16" fmla="*/ 586480 h 586480"/>
              <a:gd name="connsiteX17" fmla="*/ 73819 w 577317"/>
              <a:gd name="connsiteY17" fmla="*/ 515042 h 586480"/>
              <a:gd name="connsiteX18" fmla="*/ 0 w 577317"/>
              <a:gd name="connsiteY18" fmla="*/ 512660 h 586480"/>
              <a:gd name="connsiteX19" fmla="*/ 111919 w 577317"/>
              <a:gd name="connsiteY19" fmla="*/ 319778 h 586480"/>
              <a:gd name="connsiteX20" fmla="*/ 166688 w 577317"/>
              <a:gd name="connsiteY20" fmla="*/ 122135 h 586480"/>
              <a:gd name="connsiteX0" fmla="*/ 166688 w 552866"/>
              <a:gd name="connsiteY0" fmla="*/ 122135 h 586480"/>
              <a:gd name="connsiteX1" fmla="*/ 204788 w 552866"/>
              <a:gd name="connsiteY1" fmla="*/ 19741 h 586480"/>
              <a:gd name="connsiteX2" fmla="*/ 254794 w 552866"/>
              <a:gd name="connsiteY2" fmla="*/ 88797 h 586480"/>
              <a:gd name="connsiteX3" fmla="*/ 235744 w 552866"/>
              <a:gd name="connsiteY3" fmla="*/ 167378 h 586480"/>
              <a:gd name="connsiteX4" fmla="*/ 409575 w 552866"/>
              <a:gd name="connsiteY4" fmla="*/ 7835 h 586480"/>
              <a:gd name="connsiteX5" fmla="*/ 450057 w 552866"/>
              <a:gd name="connsiteY5" fmla="*/ 26885 h 586480"/>
              <a:gd name="connsiteX6" fmla="*/ 352426 w 552866"/>
              <a:gd name="connsiteY6" fmla="*/ 176904 h 586480"/>
              <a:gd name="connsiteX7" fmla="*/ 464344 w 552866"/>
              <a:gd name="connsiteY7" fmla="*/ 38791 h 586480"/>
              <a:gd name="connsiteX8" fmla="*/ 497681 w 552866"/>
              <a:gd name="connsiteY8" fmla="*/ 53079 h 586480"/>
              <a:gd name="connsiteX9" fmla="*/ 438150 w 552866"/>
              <a:gd name="connsiteY9" fmla="*/ 160236 h 586480"/>
              <a:gd name="connsiteX10" fmla="*/ 521494 w 552866"/>
              <a:gd name="connsiteY10" fmla="*/ 84034 h 586480"/>
              <a:gd name="connsiteX11" fmla="*/ 545307 w 552866"/>
              <a:gd name="connsiteY11" fmla="*/ 105466 h 586480"/>
              <a:gd name="connsiteX12" fmla="*/ 450058 w 552866"/>
              <a:gd name="connsiteY12" fmla="*/ 234054 h 586480"/>
              <a:gd name="connsiteX13" fmla="*/ 538162 w 552866"/>
              <a:gd name="connsiteY13" fmla="*/ 167379 h 586480"/>
              <a:gd name="connsiteX14" fmla="*/ 521494 w 552866"/>
              <a:gd name="connsiteY14" fmla="*/ 224528 h 586480"/>
              <a:gd name="connsiteX15" fmla="*/ 276225 w 552866"/>
              <a:gd name="connsiteY15" fmla="*/ 410267 h 586480"/>
              <a:gd name="connsiteX16" fmla="*/ 176213 w 552866"/>
              <a:gd name="connsiteY16" fmla="*/ 586480 h 586480"/>
              <a:gd name="connsiteX17" fmla="*/ 73819 w 552866"/>
              <a:gd name="connsiteY17" fmla="*/ 515042 h 586480"/>
              <a:gd name="connsiteX18" fmla="*/ 0 w 552866"/>
              <a:gd name="connsiteY18" fmla="*/ 512660 h 586480"/>
              <a:gd name="connsiteX19" fmla="*/ 111919 w 552866"/>
              <a:gd name="connsiteY19" fmla="*/ 319778 h 586480"/>
              <a:gd name="connsiteX20" fmla="*/ 166688 w 552866"/>
              <a:gd name="connsiteY20" fmla="*/ 122135 h 586480"/>
              <a:gd name="connsiteX0" fmla="*/ 166688 w 555129"/>
              <a:gd name="connsiteY0" fmla="*/ 122135 h 586480"/>
              <a:gd name="connsiteX1" fmla="*/ 204788 w 555129"/>
              <a:gd name="connsiteY1" fmla="*/ 19741 h 586480"/>
              <a:gd name="connsiteX2" fmla="*/ 254794 w 555129"/>
              <a:gd name="connsiteY2" fmla="*/ 88797 h 586480"/>
              <a:gd name="connsiteX3" fmla="*/ 235744 w 555129"/>
              <a:gd name="connsiteY3" fmla="*/ 167378 h 586480"/>
              <a:gd name="connsiteX4" fmla="*/ 409575 w 555129"/>
              <a:gd name="connsiteY4" fmla="*/ 7835 h 586480"/>
              <a:gd name="connsiteX5" fmla="*/ 450057 w 555129"/>
              <a:gd name="connsiteY5" fmla="*/ 26885 h 586480"/>
              <a:gd name="connsiteX6" fmla="*/ 352426 w 555129"/>
              <a:gd name="connsiteY6" fmla="*/ 176904 h 586480"/>
              <a:gd name="connsiteX7" fmla="*/ 464344 w 555129"/>
              <a:gd name="connsiteY7" fmla="*/ 38791 h 586480"/>
              <a:gd name="connsiteX8" fmla="*/ 497681 w 555129"/>
              <a:gd name="connsiteY8" fmla="*/ 53079 h 586480"/>
              <a:gd name="connsiteX9" fmla="*/ 438150 w 555129"/>
              <a:gd name="connsiteY9" fmla="*/ 160236 h 586480"/>
              <a:gd name="connsiteX10" fmla="*/ 521494 w 555129"/>
              <a:gd name="connsiteY10" fmla="*/ 84034 h 586480"/>
              <a:gd name="connsiteX11" fmla="*/ 545307 w 555129"/>
              <a:gd name="connsiteY11" fmla="*/ 105466 h 586480"/>
              <a:gd name="connsiteX12" fmla="*/ 450058 w 555129"/>
              <a:gd name="connsiteY12" fmla="*/ 234054 h 586480"/>
              <a:gd name="connsiteX13" fmla="*/ 538162 w 555129"/>
              <a:gd name="connsiteY13" fmla="*/ 167379 h 586480"/>
              <a:gd name="connsiteX14" fmla="*/ 526256 w 555129"/>
              <a:gd name="connsiteY14" fmla="*/ 236434 h 586480"/>
              <a:gd name="connsiteX15" fmla="*/ 276225 w 555129"/>
              <a:gd name="connsiteY15" fmla="*/ 410267 h 586480"/>
              <a:gd name="connsiteX16" fmla="*/ 176213 w 555129"/>
              <a:gd name="connsiteY16" fmla="*/ 586480 h 586480"/>
              <a:gd name="connsiteX17" fmla="*/ 73819 w 555129"/>
              <a:gd name="connsiteY17" fmla="*/ 515042 h 586480"/>
              <a:gd name="connsiteX18" fmla="*/ 0 w 555129"/>
              <a:gd name="connsiteY18" fmla="*/ 512660 h 586480"/>
              <a:gd name="connsiteX19" fmla="*/ 111919 w 555129"/>
              <a:gd name="connsiteY19" fmla="*/ 319778 h 586480"/>
              <a:gd name="connsiteX20" fmla="*/ 166688 w 555129"/>
              <a:gd name="connsiteY20" fmla="*/ 122135 h 586480"/>
              <a:gd name="connsiteX0" fmla="*/ 166688 w 555129"/>
              <a:gd name="connsiteY0" fmla="*/ 122135 h 586480"/>
              <a:gd name="connsiteX1" fmla="*/ 204788 w 555129"/>
              <a:gd name="connsiteY1" fmla="*/ 19741 h 586480"/>
              <a:gd name="connsiteX2" fmla="*/ 254794 w 555129"/>
              <a:gd name="connsiteY2" fmla="*/ 88797 h 586480"/>
              <a:gd name="connsiteX3" fmla="*/ 235744 w 555129"/>
              <a:gd name="connsiteY3" fmla="*/ 167378 h 586480"/>
              <a:gd name="connsiteX4" fmla="*/ 409575 w 555129"/>
              <a:gd name="connsiteY4" fmla="*/ 7835 h 586480"/>
              <a:gd name="connsiteX5" fmla="*/ 450057 w 555129"/>
              <a:gd name="connsiteY5" fmla="*/ 26885 h 586480"/>
              <a:gd name="connsiteX6" fmla="*/ 352426 w 555129"/>
              <a:gd name="connsiteY6" fmla="*/ 176904 h 586480"/>
              <a:gd name="connsiteX7" fmla="*/ 464344 w 555129"/>
              <a:gd name="connsiteY7" fmla="*/ 38791 h 586480"/>
              <a:gd name="connsiteX8" fmla="*/ 497681 w 555129"/>
              <a:gd name="connsiteY8" fmla="*/ 53079 h 586480"/>
              <a:gd name="connsiteX9" fmla="*/ 438150 w 555129"/>
              <a:gd name="connsiteY9" fmla="*/ 160236 h 586480"/>
              <a:gd name="connsiteX10" fmla="*/ 521494 w 555129"/>
              <a:gd name="connsiteY10" fmla="*/ 84034 h 586480"/>
              <a:gd name="connsiteX11" fmla="*/ 545307 w 555129"/>
              <a:gd name="connsiteY11" fmla="*/ 105466 h 586480"/>
              <a:gd name="connsiteX12" fmla="*/ 450058 w 555129"/>
              <a:gd name="connsiteY12" fmla="*/ 234054 h 586480"/>
              <a:gd name="connsiteX13" fmla="*/ 538162 w 555129"/>
              <a:gd name="connsiteY13" fmla="*/ 167379 h 586480"/>
              <a:gd name="connsiteX14" fmla="*/ 526256 w 555129"/>
              <a:gd name="connsiteY14" fmla="*/ 236434 h 586480"/>
              <a:gd name="connsiteX15" fmla="*/ 276225 w 555129"/>
              <a:gd name="connsiteY15" fmla="*/ 410267 h 586480"/>
              <a:gd name="connsiteX16" fmla="*/ 176213 w 555129"/>
              <a:gd name="connsiteY16" fmla="*/ 586480 h 586480"/>
              <a:gd name="connsiteX17" fmla="*/ 73819 w 555129"/>
              <a:gd name="connsiteY17" fmla="*/ 515042 h 586480"/>
              <a:gd name="connsiteX18" fmla="*/ 0 w 555129"/>
              <a:gd name="connsiteY18" fmla="*/ 512660 h 586480"/>
              <a:gd name="connsiteX19" fmla="*/ 111919 w 555129"/>
              <a:gd name="connsiteY19" fmla="*/ 319778 h 586480"/>
              <a:gd name="connsiteX20" fmla="*/ 166688 w 555129"/>
              <a:gd name="connsiteY20" fmla="*/ 122135 h 586480"/>
              <a:gd name="connsiteX0" fmla="*/ 166688 w 555129"/>
              <a:gd name="connsiteY0" fmla="*/ 122135 h 586480"/>
              <a:gd name="connsiteX1" fmla="*/ 204788 w 555129"/>
              <a:gd name="connsiteY1" fmla="*/ 19741 h 586480"/>
              <a:gd name="connsiteX2" fmla="*/ 254794 w 555129"/>
              <a:gd name="connsiteY2" fmla="*/ 88797 h 586480"/>
              <a:gd name="connsiteX3" fmla="*/ 235744 w 555129"/>
              <a:gd name="connsiteY3" fmla="*/ 167378 h 586480"/>
              <a:gd name="connsiteX4" fmla="*/ 409575 w 555129"/>
              <a:gd name="connsiteY4" fmla="*/ 7835 h 586480"/>
              <a:gd name="connsiteX5" fmla="*/ 450057 w 555129"/>
              <a:gd name="connsiteY5" fmla="*/ 26885 h 586480"/>
              <a:gd name="connsiteX6" fmla="*/ 352426 w 555129"/>
              <a:gd name="connsiteY6" fmla="*/ 176904 h 586480"/>
              <a:gd name="connsiteX7" fmla="*/ 464344 w 555129"/>
              <a:gd name="connsiteY7" fmla="*/ 38791 h 586480"/>
              <a:gd name="connsiteX8" fmla="*/ 497681 w 555129"/>
              <a:gd name="connsiteY8" fmla="*/ 53079 h 586480"/>
              <a:gd name="connsiteX9" fmla="*/ 438150 w 555129"/>
              <a:gd name="connsiteY9" fmla="*/ 160236 h 586480"/>
              <a:gd name="connsiteX10" fmla="*/ 521494 w 555129"/>
              <a:gd name="connsiteY10" fmla="*/ 84034 h 586480"/>
              <a:gd name="connsiteX11" fmla="*/ 545307 w 555129"/>
              <a:gd name="connsiteY11" fmla="*/ 105466 h 586480"/>
              <a:gd name="connsiteX12" fmla="*/ 450058 w 555129"/>
              <a:gd name="connsiteY12" fmla="*/ 234054 h 586480"/>
              <a:gd name="connsiteX13" fmla="*/ 538162 w 555129"/>
              <a:gd name="connsiteY13" fmla="*/ 167379 h 586480"/>
              <a:gd name="connsiteX14" fmla="*/ 526256 w 555129"/>
              <a:gd name="connsiteY14" fmla="*/ 236434 h 586480"/>
              <a:gd name="connsiteX15" fmla="*/ 276225 w 555129"/>
              <a:gd name="connsiteY15" fmla="*/ 410267 h 586480"/>
              <a:gd name="connsiteX16" fmla="*/ 176213 w 555129"/>
              <a:gd name="connsiteY16" fmla="*/ 586480 h 586480"/>
              <a:gd name="connsiteX17" fmla="*/ 73819 w 555129"/>
              <a:gd name="connsiteY17" fmla="*/ 515042 h 586480"/>
              <a:gd name="connsiteX18" fmla="*/ 0 w 555129"/>
              <a:gd name="connsiteY18" fmla="*/ 512660 h 586480"/>
              <a:gd name="connsiteX19" fmla="*/ 111919 w 555129"/>
              <a:gd name="connsiteY19" fmla="*/ 319778 h 586480"/>
              <a:gd name="connsiteX20" fmla="*/ 166688 w 555129"/>
              <a:gd name="connsiteY20" fmla="*/ 122135 h 586480"/>
              <a:gd name="connsiteX0" fmla="*/ 166688 w 555129"/>
              <a:gd name="connsiteY0" fmla="*/ 122135 h 586480"/>
              <a:gd name="connsiteX1" fmla="*/ 204788 w 555129"/>
              <a:gd name="connsiteY1" fmla="*/ 19741 h 586480"/>
              <a:gd name="connsiteX2" fmla="*/ 254794 w 555129"/>
              <a:gd name="connsiteY2" fmla="*/ 88797 h 586480"/>
              <a:gd name="connsiteX3" fmla="*/ 235744 w 555129"/>
              <a:gd name="connsiteY3" fmla="*/ 167378 h 586480"/>
              <a:gd name="connsiteX4" fmla="*/ 409575 w 555129"/>
              <a:gd name="connsiteY4" fmla="*/ 7835 h 586480"/>
              <a:gd name="connsiteX5" fmla="*/ 450057 w 555129"/>
              <a:gd name="connsiteY5" fmla="*/ 26885 h 586480"/>
              <a:gd name="connsiteX6" fmla="*/ 352426 w 555129"/>
              <a:gd name="connsiteY6" fmla="*/ 176904 h 586480"/>
              <a:gd name="connsiteX7" fmla="*/ 464344 w 555129"/>
              <a:gd name="connsiteY7" fmla="*/ 38791 h 586480"/>
              <a:gd name="connsiteX8" fmla="*/ 497681 w 555129"/>
              <a:gd name="connsiteY8" fmla="*/ 53079 h 586480"/>
              <a:gd name="connsiteX9" fmla="*/ 438150 w 555129"/>
              <a:gd name="connsiteY9" fmla="*/ 160236 h 586480"/>
              <a:gd name="connsiteX10" fmla="*/ 521494 w 555129"/>
              <a:gd name="connsiteY10" fmla="*/ 84034 h 586480"/>
              <a:gd name="connsiteX11" fmla="*/ 545307 w 555129"/>
              <a:gd name="connsiteY11" fmla="*/ 105466 h 586480"/>
              <a:gd name="connsiteX12" fmla="*/ 450058 w 555129"/>
              <a:gd name="connsiteY12" fmla="*/ 234054 h 586480"/>
              <a:gd name="connsiteX13" fmla="*/ 538162 w 555129"/>
              <a:gd name="connsiteY13" fmla="*/ 167379 h 586480"/>
              <a:gd name="connsiteX14" fmla="*/ 526256 w 555129"/>
              <a:gd name="connsiteY14" fmla="*/ 236434 h 586480"/>
              <a:gd name="connsiteX15" fmla="*/ 276225 w 555129"/>
              <a:gd name="connsiteY15" fmla="*/ 410267 h 586480"/>
              <a:gd name="connsiteX16" fmla="*/ 176213 w 555129"/>
              <a:gd name="connsiteY16" fmla="*/ 586480 h 586480"/>
              <a:gd name="connsiteX17" fmla="*/ 73819 w 555129"/>
              <a:gd name="connsiteY17" fmla="*/ 515042 h 586480"/>
              <a:gd name="connsiteX18" fmla="*/ 0 w 555129"/>
              <a:gd name="connsiteY18" fmla="*/ 512660 h 586480"/>
              <a:gd name="connsiteX19" fmla="*/ 111919 w 555129"/>
              <a:gd name="connsiteY19" fmla="*/ 319778 h 586480"/>
              <a:gd name="connsiteX20" fmla="*/ 166688 w 555129"/>
              <a:gd name="connsiteY20" fmla="*/ 122135 h 586480"/>
              <a:gd name="connsiteX0" fmla="*/ 166688 w 555129"/>
              <a:gd name="connsiteY0" fmla="*/ 122135 h 586480"/>
              <a:gd name="connsiteX1" fmla="*/ 204788 w 555129"/>
              <a:gd name="connsiteY1" fmla="*/ 19741 h 586480"/>
              <a:gd name="connsiteX2" fmla="*/ 254794 w 555129"/>
              <a:gd name="connsiteY2" fmla="*/ 88797 h 586480"/>
              <a:gd name="connsiteX3" fmla="*/ 235744 w 555129"/>
              <a:gd name="connsiteY3" fmla="*/ 167378 h 586480"/>
              <a:gd name="connsiteX4" fmla="*/ 409575 w 555129"/>
              <a:gd name="connsiteY4" fmla="*/ 7835 h 586480"/>
              <a:gd name="connsiteX5" fmla="*/ 450057 w 555129"/>
              <a:gd name="connsiteY5" fmla="*/ 26885 h 586480"/>
              <a:gd name="connsiteX6" fmla="*/ 352426 w 555129"/>
              <a:gd name="connsiteY6" fmla="*/ 176904 h 586480"/>
              <a:gd name="connsiteX7" fmla="*/ 464344 w 555129"/>
              <a:gd name="connsiteY7" fmla="*/ 38791 h 586480"/>
              <a:gd name="connsiteX8" fmla="*/ 497681 w 555129"/>
              <a:gd name="connsiteY8" fmla="*/ 53079 h 586480"/>
              <a:gd name="connsiteX9" fmla="*/ 438150 w 555129"/>
              <a:gd name="connsiteY9" fmla="*/ 160236 h 586480"/>
              <a:gd name="connsiteX10" fmla="*/ 521494 w 555129"/>
              <a:gd name="connsiteY10" fmla="*/ 84034 h 586480"/>
              <a:gd name="connsiteX11" fmla="*/ 545307 w 555129"/>
              <a:gd name="connsiteY11" fmla="*/ 105466 h 586480"/>
              <a:gd name="connsiteX12" fmla="*/ 450058 w 555129"/>
              <a:gd name="connsiteY12" fmla="*/ 234054 h 586480"/>
              <a:gd name="connsiteX13" fmla="*/ 538162 w 555129"/>
              <a:gd name="connsiteY13" fmla="*/ 167379 h 586480"/>
              <a:gd name="connsiteX14" fmla="*/ 526256 w 555129"/>
              <a:gd name="connsiteY14" fmla="*/ 236434 h 586480"/>
              <a:gd name="connsiteX15" fmla="*/ 276225 w 555129"/>
              <a:gd name="connsiteY15" fmla="*/ 410267 h 586480"/>
              <a:gd name="connsiteX16" fmla="*/ 176213 w 555129"/>
              <a:gd name="connsiteY16" fmla="*/ 586480 h 586480"/>
              <a:gd name="connsiteX17" fmla="*/ 73819 w 555129"/>
              <a:gd name="connsiteY17" fmla="*/ 515042 h 586480"/>
              <a:gd name="connsiteX18" fmla="*/ 0 w 555129"/>
              <a:gd name="connsiteY18" fmla="*/ 512660 h 586480"/>
              <a:gd name="connsiteX19" fmla="*/ 111919 w 555129"/>
              <a:gd name="connsiteY19" fmla="*/ 319778 h 586480"/>
              <a:gd name="connsiteX20" fmla="*/ 166688 w 555129"/>
              <a:gd name="connsiteY20" fmla="*/ 122135 h 586480"/>
              <a:gd name="connsiteX0" fmla="*/ 166688 w 555129"/>
              <a:gd name="connsiteY0" fmla="*/ 122595 h 586940"/>
              <a:gd name="connsiteX1" fmla="*/ 204788 w 555129"/>
              <a:gd name="connsiteY1" fmla="*/ 20201 h 586940"/>
              <a:gd name="connsiteX2" fmla="*/ 254794 w 555129"/>
              <a:gd name="connsiteY2" fmla="*/ 89257 h 586940"/>
              <a:gd name="connsiteX3" fmla="*/ 235744 w 555129"/>
              <a:gd name="connsiteY3" fmla="*/ 167838 h 586940"/>
              <a:gd name="connsiteX4" fmla="*/ 409575 w 555129"/>
              <a:gd name="connsiteY4" fmla="*/ 8295 h 586940"/>
              <a:gd name="connsiteX5" fmla="*/ 450057 w 555129"/>
              <a:gd name="connsiteY5" fmla="*/ 27345 h 586940"/>
              <a:gd name="connsiteX6" fmla="*/ 352426 w 555129"/>
              <a:gd name="connsiteY6" fmla="*/ 177364 h 586940"/>
              <a:gd name="connsiteX7" fmla="*/ 464344 w 555129"/>
              <a:gd name="connsiteY7" fmla="*/ 39251 h 586940"/>
              <a:gd name="connsiteX8" fmla="*/ 497681 w 555129"/>
              <a:gd name="connsiteY8" fmla="*/ 53539 h 586940"/>
              <a:gd name="connsiteX9" fmla="*/ 438150 w 555129"/>
              <a:gd name="connsiteY9" fmla="*/ 160696 h 586940"/>
              <a:gd name="connsiteX10" fmla="*/ 521494 w 555129"/>
              <a:gd name="connsiteY10" fmla="*/ 84494 h 586940"/>
              <a:gd name="connsiteX11" fmla="*/ 545307 w 555129"/>
              <a:gd name="connsiteY11" fmla="*/ 105926 h 586940"/>
              <a:gd name="connsiteX12" fmla="*/ 450058 w 555129"/>
              <a:gd name="connsiteY12" fmla="*/ 234514 h 586940"/>
              <a:gd name="connsiteX13" fmla="*/ 538162 w 555129"/>
              <a:gd name="connsiteY13" fmla="*/ 167839 h 586940"/>
              <a:gd name="connsiteX14" fmla="*/ 526256 w 555129"/>
              <a:gd name="connsiteY14" fmla="*/ 236894 h 586940"/>
              <a:gd name="connsiteX15" fmla="*/ 276225 w 555129"/>
              <a:gd name="connsiteY15" fmla="*/ 410727 h 586940"/>
              <a:gd name="connsiteX16" fmla="*/ 176213 w 555129"/>
              <a:gd name="connsiteY16" fmla="*/ 586940 h 586940"/>
              <a:gd name="connsiteX17" fmla="*/ 73819 w 555129"/>
              <a:gd name="connsiteY17" fmla="*/ 515502 h 586940"/>
              <a:gd name="connsiteX18" fmla="*/ 0 w 555129"/>
              <a:gd name="connsiteY18" fmla="*/ 513120 h 586940"/>
              <a:gd name="connsiteX19" fmla="*/ 111919 w 555129"/>
              <a:gd name="connsiteY19" fmla="*/ 320238 h 586940"/>
              <a:gd name="connsiteX20" fmla="*/ 166688 w 555129"/>
              <a:gd name="connsiteY20" fmla="*/ 122595 h 586940"/>
              <a:gd name="connsiteX0" fmla="*/ 166688 w 555129"/>
              <a:gd name="connsiteY0" fmla="*/ 118297 h 582642"/>
              <a:gd name="connsiteX1" fmla="*/ 204788 w 555129"/>
              <a:gd name="connsiteY1" fmla="*/ 15903 h 582642"/>
              <a:gd name="connsiteX2" fmla="*/ 254794 w 555129"/>
              <a:gd name="connsiteY2" fmla="*/ 84959 h 582642"/>
              <a:gd name="connsiteX3" fmla="*/ 235744 w 555129"/>
              <a:gd name="connsiteY3" fmla="*/ 163540 h 582642"/>
              <a:gd name="connsiteX4" fmla="*/ 409575 w 555129"/>
              <a:gd name="connsiteY4" fmla="*/ 3997 h 582642"/>
              <a:gd name="connsiteX5" fmla="*/ 450057 w 555129"/>
              <a:gd name="connsiteY5" fmla="*/ 23047 h 582642"/>
              <a:gd name="connsiteX6" fmla="*/ 352426 w 555129"/>
              <a:gd name="connsiteY6" fmla="*/ 173066 h 582642"/>
              <a:gd name="connsiteX7" fmla="*/ 464344 w 555129"/>
              <a:gd name="connsiteY7" fmla="*/ 34953 h 582642"/>
              <a:gd name="connsiteX8" fmla="*/ 497681 w 555129"/>
              <a:gd name="connsiteY8" fmla="*/ 49241 h 582642"/>
              <a:gd name="connsiteX9" fmla="*/ 438150 w 555129"/>
              <a:gd name="connsiteY9" fmla="*/ 156398 h 582642"/>
              <a:gd name="connsiteX10" fmla="*/ 521494 w 555129"/>
              <a:gd name="connsiteY10" fmla="*/ 80196 h 582642"/>
              <a:gd name="connsiteX11" fmla="*/ 545307 w 555129"/>
              <a:gd name="connsiteY11" fmla="*/ 101628 h 582642"/>
              <a:gd name="connsiteX12" fmla="*/ 450058 w 555129"/>
              <a:gd name="connsiteY12" fmla="*/ 230216 h 582642"/>
              <a:gd name="connsiteX13" fmla="*/ 538162 w 555129"/>
              <a:gd name="connsiteY13" fmla="*/ 163541 h 582642"/>
              <a:gd name="connsiteX14" fmla="*/ 526256 w 555129"/>
              <a:gd name="connsiteY14" fmla="*/ 232596 h 582642"/>
              <a:gd name="connsiteX15" fmla="*/ 276225 w 555129"/>
              <a:gd name="connsiteY15" fmla="*/ 406429 h 582642"/>
              <a:gd name="connsiteX16" fmla="*/ 176213 w 555129"/>
              <a:gd name="connsiteY16" fmla="*/ 582642 h 582642"/>
              <a:gd name="connsiteX17" fmla="*/ 73819 w 555129"/>
              <a:gd name="connsiteY17" fmla="*/ 511204 h 582642"/>
              <a:gd name="connsiteX18" fmla="*/ 0 w 555129"/>
              <a:gd name="connsiteY18" fmla="*/ 508822 h 582642"/>
              <a:gd name="connsiteX19" fmla="*/ 111919 w 555129"/>
              <a:gd name="connsiteY19" fmla="*/ 315940 h 582642"/>
              <a:gd name="connsiteX20" fmla="*/ 166688 w 555129"/>
              <a:gd name="connsiteY20" fmla="*/ 118297 h 582642"/>
              <a:gd name="connsiteX0" fmla="*/ 166688 w 555129"/>
              <a:gd name="connsiteY0" fmla="*/ 118140 h 582485"/>
              <a:gd name="connsiteX1" fmla="*/ 204788 w 555129"/>
              <a:gd name="connsiteY1" fmla="*/ 15746 h 582485"/>
              <a:gd name="connsiteX2" fmla="*/ 254794 w 555129"/>
              <a:gd name="connsiteY2" fmla="*/ 84802 h 582485"/>
              <a:gd name="connsiteX3" fmla="*/ 235744 w 555129"/>
              <a:gd name="connsiteY3" fmla="*/ 163383 h 582485"/>
              <a:gd name="connsiteX4" fmla="*/ 409575 w 555129"/>
              <a:gd name="connsiteY4" fmla="*/ 3840 h 582485"/>
              <a:gd name="connsiteX5" fmla="*/ 446797 w 555129"/>
              <a:gd name="connsiteY5" fmla="*/ 23977 h 582485"/>
              <a:gd name="connsiteX6" fmla="*/ 352426 w 555129"/>
              <a:gd name="connsiteY6" fmla="*/ 172909 h 582485"/>
              <a:gd name="connsiteX7" fmla="*/ 464344 w 555129"/>
              <a:gd name="connsiteY7" fmla="*/ 34796 h 582485"/>
              <a:gd name="connsiteX8" fmla="*/ 497681 w 555129"/>
              <a:gd name="connsiteY8" fmla="*/ 49084 h 582485"/>
              <a:gd name="connsiteX9" fmla="*/ 438150 w 555129"/>
              <a:gd name="connsiteY9" fmla="*/ 156241 h 582485"/>
              <a:gd name="connsiteX10" fmla="*/ 521494 w 555129"/>
              <a:gd name="connsiteY10" fmla="*/ 80039 h 582485"/>
              <a:gd name="connsiteX11" fmla="*/ 545307 w 555129"/>
              <a:gd name="connsiteY11" fmla="*/ 101471 h 582485"/>
              <a:gd name="connsiteX12" fmla="*/ 450058 w 555129"/>
              <a:gd name="connsiteY12" fmla="*/ 230059 h 582485"/>
              <a:gd name="connsiteX13" fmla="*/ 538162 w 555129"/>
              <a:gd name="connsiteY13" fmla="*/ 163384 h 582485"/>
              <a:gd name="connsiteX14" fmla="*/ 526256 w 555129"/>
              <a:gd name="connsiteY14" fmla="*/ 232439 h 582485"/>
              <a:gd name="connsiteX15" fmla="*/ 276225 w 555129"/>
              <a:gd name="connsiteY15" fmla="*/ 406272 h 582485"/>
              <a:gd name="connsiteX16" fmla="*/ 176213 w 555129"/>
              <a:gd name="connsiteY16" fmla="*/ 582485 h 582485"/>
              <a:gd name="connsiteX17" fmla="*/ 73819 w 555129"/>
              <a:gd name="connsiteY17" fmla="*/ 511047 h 582485"/>
              <a:gd name="connsiteX18" fmla="*/ 0 w 555129"/>
              <a:gd name="connsiteY18" fmla="*/ 508665 h 582485"/>
              <a:gd name="connsiteX19" fmla="*/ 111919 w 555129"/>
              <a:gd name="connsiteY19" fmla="*/ 315783 h 582485"/>
              <a:gd name="connsiteX20" fmla="*/ 166688 w 555129"/>
              <a:gd name="connsiteY20" fmla="*/ 118140 h 582485"/>
              <a:gd name="connsiteX0" fmla="*/ 166688 w 555129"/>
              <a:gd name="connsiteY0" fmla="*/ 120422 h 584767"/>
              <a:gd name="connsiteX1" fmla="*/ 204788 w 555129"/>
              <a:gd name="connsiteY1" fmla="*/ 18028 h 584767"/>
              <a:gd name="connsiteX2" fmla="*/ 254794 w 555129"/>
              <a:gd name="connsiteY2" fmla="*/ 87084 h 584767"/>
              <a:gd name="connsiteX3" fmla="*/ 235744 w 555129"/>
              <a:gd name="connsiteY3" fmla="*/ 165665 h 584767"/>
              <a:gd name="connsiteX4" fmla="*/ 409575 w 555129"/>
              <a:gd name="connsiteY4" fmla="*/ 6122 h 584767"/>
              <a:gd name="connsiteX5" fmla="*/ 446797 w 555129"/>
              <a:gd name="connsiteY5" fmla="*/ 26259 h 584767"/>
              <a:gd name="connsiteX6" fmla="*/ 352426 w 555129"/>
              <a:gd name="connsiteY6" fmla="*/ 175191 h 584767"/>
              <a:gd name="connsiteX7" fmla="*/ 464344 w 555129"/>
              <a:gd name="connsiteY7" fmla="*/ 37078 h 584767"/>
              <a:gd name="connsiteX8" fmla="*/ 497681 w 555129"/>
              <a:gd name="connsiteY8" fmla="*/ 51366 h 584767"/>
              <a:gd name="connsiteX9" fmla="*/ 438150 w 555129"/>
              <a:gd name="connsiteY9" fmla="*/ 158523 h 584767"/>
              <a:gd name="connsiteX10" fmla="*/ 521494 w 555129"/>
              <a:gd name="connsiteY10" fmla="*/ 82321 h 584767"/>
              <a:gd name="connsiteX11" fmla="*/ 545307 w 555129"/>
              <a:gd name="connsiteY11" fmla="*/ 103753 h 584767"/>
              <a:gd name="connsiteX12" fmla="*/ 450058 w 555129"/>
              <a:gd name="connsiteY12" fmla="*/ 232341 h 584767"/>
              <a:gd name="connsiteX13" fmla="*/ 538162 w 555129"/>
              <a:gd name="connsiteY13" fmla="*/ 165666 h 584767"/>
              <a:gd name="connsiteX14" fmla="*/ 526256 w 555129"/>
              <a:gd name="connsiteY14" fmla="*/ 234721 h 584767"/>
              <a:gd name="connsiteX15" fmla="*/ 276225 w 555129"/>
              <a:gd name="connsiteY15" fmla="*/ 408554 h 584767"/>
              <a:gd name="connsiteX16" fmla="*/ 176213 w 555129"/>
              <a:gd name="connsiteY16" fmla="*/ 584767 h 584767"/>
              <a:gd name="connsiteX17" fmla="*/ 73819 w 555129"/>
              <a:gd name="connsiteY17" fmla="*/ 513329 h 584767"/>
              <a:gd name="connsiteX18" fmla="*/ 0 w 555129"/>
              <a:gd name="connsiteY18" fmla="*/ 510947 h 584767"/>
              <a:gd name="connsiteX19" fmla="*/ 111919 w 555129"/>
              <a:gd name="connsiteY19" fmla="*/ 318065 h 584767"/>
              <a:gd name="connsiteX20" fmla="*/ 166688 w 555129"/>
              <a:gd name="connsiteY20" fmla="*/ 120422 h 584767"/>
              <a:gd name="connsiteX0" fmla="*/ 166688 w 555129"/>
              <a:gd name="connsiteY0" fmla="*/ 120422 h 584767"/>
              <a:gd name="connsiteX1" fmla="*/ 204788 w 555129"/>
              <a:gd name="connsiteY1" fmla="*/ 18028 h 584767"/>
              <a:gd name="connsiteX2" fmla="*/ 254794 w 555129"/>
              <a:gd name="connsiteY2" fmla="*/ 87084 h 584767"/>
              <a:gd name="connsiteX3" fmla="*/ 235744 w 555129"/>
              <a:gd name="connsiteY3" fmla="*/ 165665 h 584767"/>
              <a:gd name="connsiteX4" fmla="*/ 409575 w 555129"/>
              <a:gd name="connsiteY4" fmla="*/ 6122 h 584767"/>
              <a:gd name="connsiteX5" fmla="*/ 446797 w 555129"/>
              <a:gd name="connsiteY5" fmla="*/ 26259 h 584767"/>
              <a:gd name="connsiteX6" fmla="*/ 352426 w 555129"/>
              <a:gd name="connsiteY6" fmla="*/ 175191 h 584767"/>
              <a:gd name="connsiteX7" fmla="*/ 464344 w 555129"/>
              <a:gd name="connsiteY7" fmla="*/ 37078 h 584767"/>
              <a:gd name="connsiteX8" fmla="*/ 497681 w 555129"/>
              <a:gd name="connsiteY8" fmla="*/ 51366 h 584767"/>
              <a:gd name="connsiteX9" fmla="*/ 438150 w 555129"/>
              <a:gd name="connsiteY9" fmla="*/ 158523 h 584767"/>
              <a:gd name="connsiteX10" fmla="*/ 521494 w 555129"/>
              <a:gd name="connsiteY10" fmla="*/ 82321 h 584767"/>
              <a:gd name="connsiteX11" fmla="*/ 545307 w 555129"/>
              <a:gd name="connsiteY11" fmla="*/ 103753 h 584767"/>
              <a:gd name="connsiteX12" fmla="*/ 450058 w 555129"/>
              <a:gd name="connsiteY12" fmla="*/ 232341 h 584767"/>
              <a:gd name="connsiteX13" fmla="*/ 538162 w 555129"/>
              <a:gd name="connsiteY13" fmla="*/ 165666 h 584767"/>
              <a:gd name="connsiteX14" fmla="*/ 526256 w 555129"/>
              <a:gd name="connsiteY14" fmla="*/ 234721 h 584767"/>
              <a:gd name="connsiteX15" fmla="*/ 276225 w 555129"/>
              <a:gd name="connsiteY15" fmla="*/ 408554 h 584767"/>
              <a:gd name="connsiteX16" fmla="*/ 176213 w 555129"/>
              <a:gd name="connsiteY16" fmla="*/ 584767 h 584767"/>
              <a:gd name="connsiteX17" fmla="*/ 73819 w 555129"/>
              <a:gd name="connsiteY17" fmla="*/ 513329 h 584767"/>
              <a:gd name="connsiteX18" fmla="*/ 0 w 555129"/>
              <a:gd name="connsiteY18" fmla="*/ 510947 h 584767"/>
              <a:gd name="connsiteX19" fmla="*/ 111919 w 555129"/>
              <a:gd name="connsiteY19" fmla="*/ 318065 h 584767"/>
              <a:gd name="connsiteX20" fmla="*/ 166688 w 555129"/>
              <a:gd name="connsiteY20" fmla="*/ 120422 h 584767"/>
              <a:gd name="connsiteX0" fmla="*/ 166688 w 555129"/>
              <a:gd name="connsiteY0" fmla="*/ 120422 h 584767"/>
              <a:gd name="connsiteX1" fmla="*/ 204788 w 555129"/>
              <a:gd name="connsiteY1" fmla="*/ 18028 h 584767"/>
              <a:gd name="connsiteX2" fmla="*/ 254794 w 555129"/>
              <a:gd name="connsiteY2" fmla="*/ 87084 h 584767"/>
              <a:gd name="connsiteX3" fmla="*/ 235744 w 555129"/>
              <a:gd name="connsiteY3" fmla="*/ 165665 h 584767"/>
              <a:gd name="connsiteX4" fmla="*/ 409575 w 555129"/>
              <a:gd name="connsiteY4" fmla="*/ 6122 h 584767"/>
              <a:gd name="connsiteX5" fmla="*/ 446797 w 555129"/>
              <a:gd name="connsiteY5" fmla="*/ 26259 h 584767"/>
              <a:gd name="connsiteX6" fmla="*/ 352426 w 555129"/>
              <a:gd name="connsiteY6" fmla="*/ 175191 h 584767"/>
              <a:gd name="connsiteX7" fmla="*/ 464344 w 555129"/>
              <a:gd name="connsiteY7" fmla="*/ 37078 h 584767"/>
              <a:gd name="connsiteX8" fmla="*/ 497681 w 555129"/>
              <a:gd name="connsiteY8" fmla="*/ 51366 h 584767"/>
              <a:gd name="connsiteX9" fmla="*/ 438150 w 555129"/>
              <a:gd name="connsiteY9" fmla="*/ 158523 h 584767"/>
              <a:gd name="connsiteX10" fmla="*/ 521494 w 555129"/>
              <a:gd name="connsiteY10" fmla="*/ 82321 h 584767"/>
              <a:gd name="connsiteX11" fmla="*/ 545307 w 555129"/>
              <a:gd name="connsiteY11" fmla="*/ 103753 h 584767"/>
              <a:gd name="connsiteX12" fmla="*/ 450058 w 555129"/>
              <a:gd name="connsiteY12" fmla="*/ 232341 h 584767"/>
              <a:gd name="connsiteX13" fmla="*/ 538162 w 555129"/>
              <a:gd name="connsiteY13" fmla="*/ 165666 h 584767"/>
              <a:gd name="connsiteX14" fmla="*/ 526256 w 555129"/>
              <a:gd name="connsiteY14" fmla="*/ 234721 h 584767"/>
              <a:gd name="connsiteX15" fmla="*/ 276225 w 555129"/>
              <a:gd name="connsiteY15" fmla="*/ 408554 h 584767"/>
              <a:gd name="connsiteX16" fmla="*/ 176213 w 555129"/>
              <a:gd name="connsiteY16" fmla="*/ 584767 h 584767"/>
              <a:gd name="connsiteX17" fmla="*/ 73819 w 555129"/>
              <a:gd name="connsiteY17" fmla="*/ 513329 h 584767"/>
              <a:gd name="connsiteX18" fmla="*/ 0 w 555129"/>
              <a:gd name="connsiteY18" fmla="*/ 510947 h 584767"/>
              <a:gd name="connsiteX19" fmla="*/ 111919 w 555129"/>
              <a:gd name="connsiteY19" fmla="*/ 318065 h 584767"/>
              <a:gd name="connsiteX20" fmla="*/ 166688 w 555129"/>
              <a:gd name="connsiteY20" fmla="*/ 120422 h 584767"/>
              <a:gd name="connsiteX0" fmla="*/ 166688 w 555129"/>
              <a:gd name="connsiteY0" fmla="*/ 120422 h 584767"/>
              <a:gd name="connsiteX1" fmla="*/ 204788 w 555129"/>
              <a:gd name="connsiteY1" fmla="*/ 18028 h 584767"/>
              <a:gd name="connsiteX2" fmla="*/ 254794 w 555129"/>
              <a:gd name="connsiteY2" fmla="*/ 87084 h 584767"/>
              <a:gd name="connsiteX3" fmla="*/ 235744 w 555129"/>
              <a:gd name="connsiteY3" fmla="*/ 165665 h 584767"/>
              <a:gd name="connsiteX4" fmla="*/ 409575 w 555129"/>
              <a:gd name="connsiteY4" fmla="*/ 6122 h 584767"/>
              <a:gd name="connsiteX5" fmla="*/ 446797 w 555129"/>
              <a:gd name="connsiteY5" fmla="*/ 26259 h 584767"/>
              <a:gd name="connsiteX6" fmla="*/ 352426 w 555129"/>
              <a:gd name="connsiteY6" fmla="*/ 175191 h 584767"/>
              <a:gd name="connsiteX7" fmla="*/ 464344 w 555129"/>
              <a:gd name="connsiteY7" fmla="*/ 37078 h 584767"/>
              <a:gd name="connsiteX8" fmla="*/ 497681 w 555129"/>
              <a:gd name="connsiteY8" fmla="*/ 51366 h 584767"/>
              <a:gd name="connsiteX9" fmla="*/ 438150 w 555129"/>
              <a:gd name="connsiteY9" fmla="*/ 158523 h 584767"/>
              <a:gd name="connsiteX10" fmla="*/ 521494 w 555129"/>
              <a:gd name="connsiteY10" fmla="*/ 82321 h 584767"/>
              <a:gd name="connsiteX11" fmla="*/ 545307 w 555129"/>
              <a:gd name="connsiteY11" fmla="*/ 103753 h 584767"/>
              <a:gd name="connsiteX12" fmla="*/ 450058 w 555129"/>
              <a:gd name="connsiteY12" fmla="*/ 232341 h 584767"/>
              <a:gd name="connsiteX13" fmla="*/ 538162 w 555129"/>
              <a:gd name="connsiteY13" fmla="*/ 165666 h 584767"/>
              <a:gd name="connsiteX14" fmla="*/ 526256 w 555129"/>
              <a:gd name="connsiteY14" fmla="*/ 234721 h 584767"/>
              <a:gd name="connsiteX15" fmla="*/ 276225 w 555129"/>
              <a:gd name="connsiteY15" fmla="*/ 408554 h 584767"/>
              <a:gd name="connsiteX16" fmla="*/ 176213 w 555129"/>
              <a:gd name="connsiteY16" fmla="*/ 584767 h 584767"/>
              <a:gd name="connsiteX17" fmla="*/ 73819 w 555129"/>
              <a:gd name="connsiteY17" fmla="*/ 513329 h 584767"/>
              <a:gd name="connsiteX18" fmla="*/ 0 w 555129"/>
              <a:gd name="connsiteY18" fmla="*/ 510947 h 584767"/>
              <a:gd name="connsiteX19" fmla="*/ 111919 w 555129"/>
              <a:gd name="connsiteY19" fmla="*/ 318065 h 584767"/>
              <a:gd name="connsiteX20" fmla="*/ 166688 w 555129"/>
              <a:gd name="connsiteY20" fmla="*/ 120422 h 584767"/>
              <a:gd name="connsiteX0" fmla="*/ 166688 w 555129"/>
              <a:gd name="connsiteY0" fmla="*/ 120422 h 584767"/>
              <a:gd name="connsiteX1" fmla="*/ 204788 w 555129"/>
              <a:gd name="connsiteY1" fmla="*/ 18028 h 584767"/>
              <a:gd name="connsiteX2" fmla="*/ 254794 w 555129"/>
              <a:gd name="connsiteY2" fmla="*/ 87084 h 584767"/>
              <a:gd name="connsiteX3" fmla="*/ 235744 w 555129"/>
              <a:gd name="connsiteY3" fmla="*/ 165665 h 584767"/>
              <a:gd name="connsiteX4" fmla="*/ 409575 w 555129"/>
              <a:gd name="connsiteY4" fmla="*/ 6122 h 584767"/>
              <a:gd name="connsiteX5" fmla="*/ 446797 w 555129"/>
              <a:gd name="connsiteY5" fmla="*/ 26259 h 584767"/>
              <a:gd name="connsiteX6" fmla="*/ 352426 w 555129"/>
              <a:gd name="connsiteY6" fmla="*/ 175191 h 584767"/>
              <a:gd name="connsiteX7" fmla="*/ 464344 w 555129"/>
              <a:gd name="connsiteY7" fmla="*/ 37078 h 584767"/>
              <a:gd name="connsiteX8" fmla="*/ 497681 w 555129"/>
              <a:gd name="connsiteY8" fmla="*/ 51366 h 584767"/>
              <a:gd name="connsiteX9" fmla="*/ 438150 w 555129"/>
              <a:gd name="connsiteY9" fmla="*/ 158523 h 584767"/>
              <a:gd name="connsiteX10" fmla="*/ 521494 w 555129"/>
              <a:gd name="connsiteY10" fmla="*/ 82321 h 584767"/>
              <a:gd name="connsiteX11" fmla="*/ 545307 w 555129"/>
              <a:gd name="connsiteY11" fmla="*/ 103753 h 584767"/>
              <a:gd name="connsiteX12" fmla="*/ 450058 w 555129"/>
              <a:gd name="connsiteY12" fmla="*/ 232341 h 584767"/>
              <a:gd name="connsiteX13" fmla="*/ 538162 w 555129"/>
              <a:gd name="connsiteY13" fmla="*/ 165666 h 584767"/>
              <a:gd name="connsiteX14" fmla="*/ 526256 w 555129"/>
              <a:gd name="connsiteY14" fmla="*/ 234721 h 584767"/>
              <a:gd name="connsiteX15" fmla="*/ 276225 w 555129"/>
              <a:gd name="connsiteY15" fmla="*/ 408554 h 584767"/>
              <a:gd name="connsiteX16" fmla="*/ 176213 w 555129"/>
              <a:gd name="connsiteY16" fmla="*/ 584767 h 584767"/>
              <a:gd name="connsiteX17" fmla="*/ 73819 w 555129"/>
              <a:gd name="connsiteY17" fmla="*/ 513329 h 584767"/>
              <a:gd name="connsiteX18" fmla="*/ 0 w 555129"/>
              <a:gd name="connsiteY18" fmla="*/ 510947 h 584767"/>
              <a:gd name="connsiteX19" fmla="*/ 111919 w 555129"/>
              <a:gd name="connsiteY19" fmla="*/ 318065 h 584767"/>
              <a:gd name="connsiteX20" fmla="*/ 166688 w 555129"/>
              <a:gd name="connsiteY20" fmla="*/ 120422 h 584767"/>
              <a:gd name="connsiteX0" fmla="*/ 166688 w 555129"/>
              <a:gd name="connsiteY0" fmla="*/ 120422 h 584767"/>
              <a:gd name="connsiteX1" fmla="*/ 204788 w 555129"/>
              <a:gd name="connsiteY1" fmla="*/ 18028 h 584767"/>
              <a:gd name="connsiteX2" fmla="*/ 254794 w 555129"/>
              <a:gd name="connsiteY2" fmla="*/ 87084 h 584767"/>
              <a:gd name="connsiteX3" fmla="*/ 235744 w 555129"/>
              <a:gd name="connsiteY3" fmla="*/ 165665 h 584767"/>
              <a:gd name="connsiteX4" fmla="*/ 409575 w 555129"/>
              <a:gd name="connsiteY4" fmla="*/ 6122 h 584767"/>
              <a:gd name="connsiteX5" fmla="*/ 446797 w 555129"/>
              <a:gd name="connsiteY5" fmla="*/ 26259 h 584767"/>
              <a:gd name="connsiteX6" fmla="*/ 352426 w 555129"/>
              <a:gd name="connsiteY6" fmla="*/ 175191 h 584767"/>
              <a:gd name="connsiteX7" fmla="*/ 464344 w 555129"/>
              <a:gd name="connsiteY7" fmla="*/ 37078 h 584767"/>
              <a:gd name="connsiteX8" fmla="*/ 497681 w 555129"/>
              <a:gd name="connsiteY8" fmla="*/ 51366 h 584767"/>
              <a:gd name="connsiteX9" fmla="*/ 438150 w 555129"/>
              <a:gd name="connsiteY9" fmla="*/ 158523 h 584767"/>
              <a:gd name="connsiteX10" fmla="*/ 521494 w 555129"/>
              <a:gd name="connsiteY10" fmla="*/ 82321 h 584767"/>
              <a:gd name="connsiteX11" fmla="*/ 545307 w 555129"/>
              <a:gd name="connsiteY11" fmla="*/ 103753 h 584767"/>
              <a:gd name="connsiteX12" fmla="*/ 450058 w 555129"/>
              <a:gd name="connsiteY12" fmla="*/ 232341 h 584767"/>
              <a:gd name="connsiteX13" fmla="*/ 538162 w 555129"/>
              <a:gd name="connsiteY13" fmla="*/ 165666 h 584767"/>
              <a:gd name="connsiteX14" fmla="*/ 526256 w 555129"/>
              <a:gd name="connsiteY14" fmla="*/ 234721 h 584767"/>
              <a:gd name="connsiteX15" fmla="*/ 276225 w 555129"/>
              <a:gd name="connsiteY15" fmla="*/ 408554 h 584767"/>
              <a:gd name="connsiteX16" fmla="*/ 176213 w 555129"/>
              <a:gd name="connsiteY16" fmla="*/ 584767 h 584767"/>
              <a:gd name="connsiteX17" fmla="*/ 73819 w 555129"/>
              <a:gd name="connsiteY17" fmla="*/ 513329 h 584767"/>
              <a:gd name="connsiteX18" fmla="*/ 0 w 555129"/>
              <a:gd name="connsiteY18" fmla="*/ 510947 h 584767"/>
              <a:gd name="connsiteX19" fmla="*/ 111919 w 555129"/>
              <a:gd name="connsiteY19" fmla="*/ 318065 h 584767"/>
              <a:gd name="connsiteX20" fmla="*/ 166688 w 555129"/>
              <a:gd name="connsiteY20" fmla="*/ 120422 h 584767"/>
              <a:gd name="connsiteX0" fmla="*/ 166688 w 555129"/>
              <a:gd name="connsiteY0" fmla="*/ 120422 h 584767"/>
              <a:gd name="connsiteX1" fmla="*/ 204788 w 555129"/>
              <a:gd name="connsiteY1" fmla="*/ 18028 h 584767"/>
              <a:gd name="connsiteX2" fmla="*/ 254794 w 555129"/>
              <a:gd name="connsiteY2" fmla="*/ 87084 h 584767"/>
              <a:gd name="connsiteX3" fmla="*/ 235744 w 555129"/>
              <a:gd name="connsiteY3" fmla="*/ 165665 h 584767"/>
              <a:gd name="connsiteX4" fmla="*/ 409575 w 555129"/>
              <a:gd name="connsiteY4" fmla="*/ 6122 h 584767"/>
              <a:gd name="connsiteX5" fmla="*/ 446797 w 555129"/>
              <a:gd name="connsiteY5" fmla="*/ 26259 h 584767"/>
              <a:gd name="connsiteX6" fmla="*/ 352426 w 555129"/>
              <a:gd name="connsiteY6" fmla="*/ 175191 h 584767"/>
              <a:gd name="connsiteX7" fmla="*/ 464344 w 555129"/>
              <a:gd name="connsiteY7" fmla="*/ 37078 h 584767"/>
              <a:gd name="connsiteX8" fmla="*/ 497681 w 555129"/>
              <a:gd name="connsiteY8" fmla="*/ 51366 h 584767"/>
              <a:gd name="connsiteX9" fmla="*/ 438150 w 555129"/>
              <a:gd name="connsiteY9" fmla="*/ 158523 h 584767"/>
              <a:gd name="connsiteX10" fmla="*/ 514974 w 555129"/>
              <a:gd name="connsiteY10" fmla="*/ 83408 h 584767"/>
              <a:gd name="connsiteX11" fmla="*/ 545307 w 555129"/>
              <a:gd name="connsiteY11" fmla="*/ 103753 h 584767"/>
              <a:gd name="connsiteX12" fmla="*/ 450058 w 555129"/>
              <a:gd name="connsiteY12" fmla="*/ 232341 h 584767"/>
              <a:gd name="connsiteX13" fmla="*/ 538162 w 555129"/>
              <a:gd name="connsiteY13" fmla="*/ 165666 h 584767"/>
              <a:gd name="connsiteX14" fmla="*/ 526256 w 555129"/>
              <a:gd name="connsiteY14" fmla="*/ 234721 h 584767"/>
              <a:gd name="connsiteX15" fmla="*/ 276225 w 555129"/>
              <a:gd name="connsiteY15" fmla="*/ 408554 h 584767"/>
              <a:gd name="connsiteX16" fmla="*/ 176213 w 555129"/>
              <a:gd name="connsiteY16" fmla="*/ 584767 h 584767"/>
              <a:gd name="connsiteX17" fmla="*/ 73819 w 555129"/>
              <a:gd name="connsiteY17" fmla="*/ 513329 h 584767"/>
              <a:gd name="connsiteX18" fmla="*/ 0 w 555129"/>
              <a:gd name="connsiteY18" fmla="*/ 510947 h 584767"/>
              <a:gd name="connsiteX19" fmla="*/ 111919 w 555129"/>
              <a:gd name="connsiteY19" fmla="*/ 318065 h 584767"/>
              <a:gd name="connsiteX20" fmla="*/ 166688 w 555129"/>
              <a:gd name="connsiteY20" fmla="*/ 120422 h 584767"/>
              <a:gd name="connsiteX0" fmla="*/ 166688 w 555129"/>
              <a:gd name="connsiteY0" fmla="*/ 120422 h 584767"/>
              <a:gd name="connsiteX1" fmla="*/ 204788 w 555129"/>
              <a:gd name="connsiteY1" fmla="*/ 18028 h 584767"/>
              <a:gd name="connsiteX2" fmla="*/ 254794 w 555129"/>
              <a:gd name="connsiteY2" fmla="*/ 87084 h 584767"/>
              <a:gd name="connsiteX3" fmla="*/ 235744 w 555129"/>
              <a:gd name="connsiteY3" fmla="*/ 165665 h 584767"/>
              <a:gd name="connsiteX4" fmla="*/ 409575 w 555129"/>
              <a:gd name="connsiteY4" fmla="*/ 6122 h 584767"/>
              <a:gd name="connsiteX5" fmla="*/ 446797 w 555129"/>
              <a:gd name="connsiteY5" fmla="*/ 26259 h 584767"/>
              <a:gd name="connsiteX6" fmla="*/ 352426 w 555129"/>
              <a:gd name="connsiteY6" fmla="*/ 175191 h 584767"/>
              <a:gd name="connsiteX7" fmla="*/ 464344 w 555129"/>
              <a:gd name="connsiteY7" fmla="*/ 37078 h 584767"/>
              <a:gd name="connsiteX8" fmla="*/ 497681 w 555129"/>
              <a:gd name="connsiteY8" fmla="*/ 51366 h 584767"/>
              <a:gd name="connsiteX9" fmla="*/ 438150 w 555129"/>
              <a:gd name="connsiteY9" fmla="*/ 158523 h 584767"/>
              <a:gd name="connsiteX10" fmla="*/ 514974 w 555129"/>
              <a:gd name="connsiteY10" fmla="*/ 83408 h 584767"/>
              <a:gd name="connsiteX11" fmla="*/ 545307 w 555129"/>
              <a:gd name="connsiteY11" fmla="*/ 103753 h 584767"/>
              <a:gd name="connsiteX12" fmla="*/ 450058 w 555129"/>
              <a:gd name="connsiteY12" fmla="*/ 232341 h 584767"/>
              <a:gd name="connsiteX13" fmla="*/ 538162 w 555129"/>
              <a:gd name="connsiteY13" fmla="*/ 165666 h 584767"/>
              <a:gd name="connsiteX14" fmla="*/ 526256 w 555129"/>
              <a:gd name="connsiteY14" fmla="*/ 234721 h 584767"/>
              <a:gd name="connsiteX15" fmla="*/ 276225 w 555129"/>
              <a:gd name="connsiteY15" fmla="*/ 408554 h 584767"/>
              <a:gd name="connsiteX16" fmla="*/ 176213 w 555129"/>
              <a:gd name="connsiteY16" fmla="*/ 584767 h 584767"/>
              <a:gd name="connsiteX17" fmla="*/ 73819 w 555129"/>
              <a:gd name="connsiteY17" fmla="*/ 513329 h 584767"/>
              <a:gd name="connsiteX18" fmla="*/ 0 w 555129"/>
              <a:gd name="connsiteY18" fmla="*/ 510947 h 584767"/>
              <a:gd name="connsiteX19" fmla="*/ 111919 w 555129"/>
              <a:gd name="connsiteY19" fmla="*/ 318065 h 584767"/>
              <a:gd name="connsiteX20" fmla="*/ 166688 w 555129"/>
              <a:gd name="connsiteY20" fmla="*/ 120422 h 584767"/>
              <a:gd name="connsiteX0" fmla="*/ 166688 w 555129"/>
              <a:gd name="connsiteY0" fmla="*/ 120422 h 584767"/>
              <a:gd name="connsiteX1" fmla="*/ 204788 w 555129"/>
              <a:gd name="connsiteY1" fmla="*/ 18028 h 584767"/>
              <a:gd name="connsiteX2" fmla="*/ 254794 w 555129"/>
              <a:gd name="connsiteY2" fmla="*/ 87084 h 584767"/>
              <a:gd name="connsiteX3" fmla="*/ 235744 w 555129"/>
              <a:gd name="connsiteY3" fmla="*/ 165665 h 584767"/>
              <a:gd name="connsiteX4" fmla="*/ 409575 w 555129"/>
              <a:gd name="connsiteY4" fmla="*/ 6122 h 584767"/>
              <a:gd name="connsiteX5" fmla="*/ 446797 w 555129"/>
              <a:gd name="connsiteY5" fmla="*/ 26259 h 584767"/>
              <a:gd name="connsiteX6" fmla="*/ 352426 w 555129"/>
              <a:gd name="connsiteY6" fmla="*/ 175191 h 584767"/>
              <a:gd name="connsiteX7" fmla="*/ 464344 w 555129"/>
              <a:gd name="connsiteY7" fmla="*/ 37078 h 584767"/>
              <a:gd name="connsiteX8" fmla="*/ 497681 w 555129"/>
              <a:gd name="connsiteY8" fmla="*/ 51366 h 584767"/>
              <a:gd name="connsiteX9" fmla="*/ 438150 w 555129"/>
              <a:gd name="connsiteY9" fmla="*/ 158523 h 584767"/>
              <a:gd name="connsiteX10" fmla="*/ 514974 w 555129"/>
              <a:gd name="connsiteY10" fmla="*/ 83408 h 584767"/>
              <a:gd name="connsiteX11" fmla="*/ 545307 w 555129"/>
              <a:gd name="connsiteY11" fmla="*/ 103753 h 584767"/>
              <a:gd name="connsiteX12" fmla="*/ 450058 w 555129"/>
              <a:gd name="connsiteY12" fmla="*/ 232341 h 584767"/>
              <a:gd name="connsiteX13" fmla="*/ 538162 w 555129"/>
              <a:gd name="connsiteY13" fmla="*/ 165666 h 584767"/>
              <a:gd name="connsiteX14" fmla="*/ 526256 w 555129"/>
              <a:gd name="connsiteY14" fmla="*/ 234721 h 584767"/>
              <a:gd name="connsiteX15" fmla="*/ 276225 w 555129"/>
              <a:gd name="connsiteY15" fmla="*/ 408554 h 584767"/>
              <a:gd name="connsiteX16" fmla="*/ 176213 w 555129"/>
              <a:gd name="connsiteY16" fmla="*/ 584767 h 584767"/>
              <a:gd name="connsiteX17" fmla="*/ 73819 w 555129"/>
              <a:gd name="connsiteY17" fmla="*/ 513329 h 584767"/>
              <a:gd name="connsiteX18" fmla="*/ 0 w 555129"/>
              <a:gd name="connsiteY18" fmla="*/ 510947 h 584767"/>
              <a:gd name="connsiteX19" fmla="*/ 111919 w 555129"/>
              <a:gd name="connsiteY19" fmla="*/ 318065 h 584767"/>
              <a:gd name="connsiteX20" fmla="*/ 166688 w 555129"/>
              <a:gd name="connsiteY20" fmla="*/ 120422 h 584767"/>
              <a:gd name="connsiteX0" fmla="*/ 166688 w 555129"/>
              <a:gd name="connsiteY0" fmla="*/ 120422 h 584767"/>
              <a:gd name="connsiteX1" fmla="*/ 204788 w 555129"/>
              <a:gd name="connsiteY1" fmla="*/ 18028 h 584767"/>
              <a:gd name="connsiteX2" fmla="*/ 254794 w 555129"/>
              <a:gd name="connsiteY2" fmla="*/ 87084 h 584767"/>
              <a:gd name="connsiteX3" fmla="*/ 235744 w 555129"/>
              <a:gd name="connsiteY3" fmla="*/ 165665 h 584767"/>
              <a:gd name="connsiteX4" fmla="*/ 409575 w 555129"/>
              <a:gd name="connsiteY4" fmla="*/ 6122 h 584767"/>
              <a:gd name="connsiteX5" fmla="*/ 446797 w 555129"/>
              <a:gd name="connsiteY5" fmla="*/ 26259 h 584767"/>
              <a:gd name="connsiteX6" fmla="*/ 352426 w 555129"/>
              <a:gd name="connsiteY6" fmla="*/ 175191 h 584767"/>
              <a:gd name="connsiteX7" fmla="*/ 464344 w 555129"/>
              <a:gd name="connsiteY7" fmla="*/ 37078 h 584767"/>
              <a:gd name="connsiteX8" fmla="*/ 499854 w 555129"/>
              <a:gd name="connsiteY8" fmla="*/ 63319 h 584767"/>
              <a:gd name="connsiteX9" fmla="*/ 438150 w 555129"/>
              <a:gd name="connsiteY9" fmla="*/ 158523 h 584767"/>
              <a:gd name="connsiteX10" fmla="*/ 514974 w 555129"/>
              <a:gd name="connsiteY10" fmla="*/ 83408 h 584767"/>
              <a:gd name="connsiteX11" fmla="*/ 545307 w 555129"/>
              <a:gd name="connsiteY11" fmla="*/ 103753 h 584767"/>
              <a:gd name="connsiteX12" fmla="*/ 450058 w 555129"/>
              <a:gd name="connsiteY12" fmla="*/ 232341 h 584767"/>
              <a:gd name="connsiteX13" fmla="*/ 538162 w 555129"/>
              <a:gd name="connsiteY13" fmla="*/ 165666 h 584767"/>
              <a:gd name="connsiteX14" fmla="*/ 526256 w 555129"/>
              <a:gd name="connsiteY14" fmla="*/ 234721 h 584767"/>
              <a:gd name="connsiteX15" fmla="*/ 276225 w 555129"/>
              <a:gd name="connsiteY15" fmla="*/ 408554 h 584767"/>
              <a:gd name="connsiteX16" fmla="*/ 176213 w 555129"/>
              <a:gd name="connsiteY16" fmla="*/ 584767 h 584767"/>
              <a:gd name="connsiteX17" fmla="*/ 73819 w 555129"/>
              <a:gd name="connsiteY17" fmla="*/ 513329 h 584767"/>
              <a:gd name="connsiteX18" fmla="*/ 0 w 555129"/>
              <a:gd name="connsiteY18" fmla="*/ 510947 h 584767"/>
              <a:gd name="connsiteX19" fmla="*/ 111919 w 555129"/>
              <a:gd name="connsiteY19" fmla="*/ 318065 h 584767"/>
              <a:gd name="connsiteX20" fmla="*/ 166688 w 555129"/>
              <a:gd name="connsiteY20" fmla="*/ 120422 h 584767"/>
              <a:gd name="connsiteX0" fmla="*/ 166688 w 555129"/>
              <a:gd name="connsiteY0" fmla="*/ 120422 h 584767"/>
              <a:gd name="connsiteX1" fmla="*/ 204788 w 555129"/>
              <a:gd name="connsiteY1" fmla="*/ 18028 h 584767"/>
              <a:gd name="connsiteX2" fmla="*/ 254794 w 555129"/>
              <a:gd name="connsiteY2" fmla="*/ 87084 h 584767"/>
              <a:gd name="connsiteX3" fmla="*/ 235744 w 555129"/>
              <a:gd name="connsiteY3" fmla="*/ 165665 h 584767"/>
              <a:gd name="connsiteX4" fmla="*/ 409575 w 555129"/>
              <a:gd name="connsiteY4" fmla="*/ 6122 h 584767"/>
              <a:gd name="connsiteX5" fmla="*/ 446797 w 555129"/>
              <a:gd name="connsiteY5" fmla="*/ 26259 h 584767"/>
              <a:gd name="connsiteX6" fmla="*/ 352426 w 555129"/>
              <a:gd name="connsiteY6" fmla="*/ 175191 h 584767"/>
              <a:gd name="connsiteX7" fmla="*/ 464344 w 555129"/>
              <a:gd name="connsiteY7" fmla="*/ 37078 h 584767"/>
              <a:gd name="connsiteX8" fmla="*/ 499854 w 555129"/>
              <a:gd name="connsiteY8" fmla="*/ 63319 h 584767"/>
              <a:gd name="connsiteX9" fmla="*/ 438150 w 555129"/>
              <a:gd name="connsiteY9" fmla="*/ 158523 h 584767"/>
              <a:gd name="connsiteX10" fmla="*/ 514974 w 555129"/>
              <a:gd name="connsiteY10" fmla="*/ 83408 h 584767"/>
              <a:gd name="connsiteX11" fmla="*/ 545307 w 555129"/>
              <a:gd name="connsiteY11" fmla="*/ 103753 h 584767"/>
              <a:gd name="connsiteX12" fmla="*/ 450058 w 555129"/>
              <a:gd name="connsiteY12" fmla="*/ 232341 h 584767"/>
              <a:gd name="connsiteX13" fmla="*/ 538162 w 555129"/>
              <a:gd name="connsiteY13" fmla="*/ 165666 h 584767"/>
              <a:gd name="connsiteX14" fmla="*/ 526256 w 555129"/>
              <a:gd name="connsiteY14" fmla="*/ 234721 h 584767"/>
              <a:gd name="connsiteX15" fmla="*/ 276225 w 555129"/>
              <a:gd name="connsiteY15" fmla="*/ 408554 h 584767"/>
              <a:gd name="connsiteX16" fmla="*/ 176213 w 555129"/>
              <a:gd name="connsiteY16" fmla="*/ 584767 h 584767"/>
              <a:gd name="connsiteX17" fmla="*/ 73819 w 555129"/>
              <a:gd name="connsiteY17" fmla="*/ 513329 h 584767"/>
              <a:gd name="connsiteX18" fmla="*/ 0 w 555129"/>
              <a:gd name="connsiteY18" fmla="*/ 510947 h 584767"/>
              <a:gd name="connsiteX19" fmla="*/ 111919 w 555129"/>
              <a:gd name="connsiteY19" fmla="*/ 318065 h 584767"/>
              <a:gd name="connsiteX20" fmla="*/ 166688 w 555129"/>
              <a:gd name="connsiteY20" fmla="*/ 120422 h 584767"/>
              <a:gd name="connsiteX0" fmla="*/ 166688 w 555129"/>
              <a:gd name="connsiteY0" fmla="*/ 120422 h 584767"/>
              <a:gd name="connsiteX1" fmla="*/ 204788 w 555129"/>
              <a:gd name="connsiteY1" fmla="*/ 18028 h 584767"/>
              <a:gd name="connsiteX2" fmla="*/ 254794 w 555129"/>
              <a:gd name="connsiteY2" fmla="*/ 87084 h 584767"/>
              <a:gd name="connsiteX3" fmla="*/ 235744 w 555129"/>
              <a:gd name="connsiteY3" fmla="*/ 165665 h 584767"/>
              <a:gd name="connsiteX4" fmla="*/ 409575 w 555129"/>
              <a:gd name="connsiteY4" fmla="*/ 6122 h 584767"/>
              <a:gd name="connsiteX5" fmla="*/ 446797 w 555129"/>
              <a:gd name="connsiteY5" fmla="*/ 26259 h 584767"/>
              <a:gd name="connsiteX6" fmla="*/ 352426 w 555129"/>
              <a:gd name="connsiteY6" fmla="*/ 175191 h 584767"/>
              <a:gd name="connsiteX7" fmla="*/ 464344 w 555129"/>
              <a:gd name="connsiteY7" fmla="*/ 37078 h 584767"/>
              <a:gd name="connsiteX8" fmla="*/ 499854 w 555129"/>
              <a:gd name="connsiteY8" fmla="*/ 63319 h 584767"/>
              <a:gd name="connsiteX9" fmla="*/ 438150 w 555129"/>
              <a:gd name="connsiteY9" fmla="*/ 158523 h 584767"/>
              <a:gd name="connsiteX10" fmla="*/ 514974 w 555129"/>
              <a:gd name="connsiteY10" fmla="*/ 83408 h 584767"/>
              <a:gd name="connsiteX11" fmla="*/ 545307 w 555129"/>
              <a:gd name="connsiteY11" fmla="*/ 103753 h 584767"/>
              <a:gd name="connsiteX12" fmla="*/ 450058 w 555129"/>
              <a:gd name="connsiteY12" fmla="*/ 232341 h 584767"/>
              <a:gd name="connsiteX13" fmla="*/ 538162 w 555129"/>
              <a:gd name="connsiteY13" fmla="*/ 165666 h 584767"/>
              <a:gd name="connsiteX14" fmla="*/ 526256 w 555129"/>
              <a:gd name="connsiteY14" fmla="*/ 234721 h 584767"/>
              <a:gd name="connsiteX15" fmla="*/ 276225 w 555129"/>
              <a:gd name="connsiteY15" fmla="*/ 408554 h 584767"/>
              <a:gd name="connsiteX16" fmla="*/ 176213 w 555129"/>
              <a:gd name="connsiteY16" fmla="*/ 584767 h 584767"/>
              <a:gd name="connsiteX17" fmla="*/ 73819 w 555129"/>
              <a:gd name="connsiteY17" fmla="*/ 513329 h 584767"/>
              <a:gd name="connsiteX18" fmla="*/ 0 w 555129"/>
              <a:gd name="connsiteY18" fmla="*/ 510947 h 584767"/>
              <a:gd name="connsiteX19" fmla="*/ 111919 w 555129"/>
              <a:gd name="connsiteY19" fmla="*/ 318065 h 584767"/>
              <a:gd name="connsiteX20" fmla="*/ 166688 w 555129"/>
              <a:gd name="connsiteY20" fmla="*/ 120422 h 584767"/>
              <a:gd name="connsiteX0" fmla="*/ 166688 w 555129"/>
              <a:gd name="connsiteY0" fmla="*/ 120422 h 584767"/>
              <a:gd name="connsiteX1" fmla="*/ 204788 w 555129"/>
              <a:gd name="connsiteY1" fmla="*/ 18028 h 584767"/>
              <a:gd name="connsiteX2" fmla="*/ 254794 w 555129"/>
              <a:gd name="connsiteY2" fmla="*/ 87084 h 584767"/>
              <a:gd name="connsiteX3" fmla="*/ 235744 w 555129"/>
              <a:gd name="connsiteY3" fmla="*/ 165665 h 584767"/>
              <a:gd name="connsiteX4" fmla="*/ 409575 w 555129"/>
              <a:gd name="connsiteY4" fmla="*/ 6122 h 584767"/>
              <a:gd name="connsiteX5" fmla="*/ 446797 w 555129"/>
              <a:gd name="connsiteY5" fmla="*/ 26259 h 584767"/>
              <a:gd name="connsiteX6" fmla="*/ 352426 w 555129"/>
              <a:gd name="connsiteY6" fmla="*/ 175191 h 584767"/>
              <a:gd name="connsiteX7" fmla="*/ 464344 w 555129"/>
              <a:gd name="connsiteY7" fmla="*/ 37078 h 584767"/>
              <a:gd name="connsiteX8" fmla="*/ 499854 w 555129"/>
              <a:gd name="connsiteY8" fmla="*/ 63319 h 584767"/>
              <a:gd name="connsiteX9" fmla="*/ 438150 w 555129"/>
              <a:gd name="connsiteY9" fmla="*/ 158523 h 584767"/>
              <a:gd name="connsiteX10" fmla="*/ 514974 w 555129"/>
              <a:gd name="connsiteY10" fmla="*/ 83408 h 584767"/>
              <a:gd name="connsiteX11" fmla="*/ 545307 w 555129"/>
              <a:gd name="connsiteY11" fmla="*/ 103753 h 584767"/>
              <a:gd name="connsiteX12" fmla="*/ 450058 w 555129"/>
              <a:gd name="connsiteY12" fmla="*/ 232341 h 584767"/>
              <a:gd name="connsiteX13" fmla="*/ 538162 w 555129"/>
              <a:gd name="connsiteY13" fmla="*/ 165666 h 584767"/>
              <a:gd name="connsiteX14" fmla="*/ 526256 w 555129"/>
              <a:gd name="connsiteY14" fmla="*/ 234721 h 584767"/>
              <a:gd name="connsiteX15" fmla="*/ 276225 w 555129"/>
              <a:gd name="connsiteY15" fmla="*/ 408554 h 584767"/>
              <a:gd name="connsiteX16" fmla="*/ 176213 w 555129"/>
              <a:gd name="connsiteY16" fmla="*/ 584767 h 584767"/>
              <a:gd name="connsiteX17" fmla="*/ 73819 w 555129"/>
              <a:gd name="connsiteY17" fmla="*/ 513329 h 584767"/>
              <a:gd name="connsiteX18" fmla="*/ 0 w 555129"/>
              <a:gd name="connsiteY18" fmla="*/ 510947 h 584767"/>
              <a:gd name="connsiteX19" fmla="*/ 111919 w 555129"/>
              <a:gd name="connsiteY19" fmla="*/ 318065 h 584767"/>
              <a:gd name="connsiteX20" fmla="*/ 166688 w 555129"/>
              <a:gd name="connsiteY20" fmla="*/ 120422 h 584767"/>
              <a:gd name="connsiteX0" fmla="*/ 166688 w 555129"/>
              <a:gd name="connsiteY0" fmla="*/ 120422 h 584767"/>
              <a:gd name="connsiteX1" fmla="*/ 204788 w 555129"/>
              <a:gd name="connsiteY1" fmla="*/ 18028 h 584767"/>
              <a:gd name="connsiteX2" fmla="*/ 254794 w 555129"/>
              <a:gd name="connsiteY2" fmla="*/ 87084 h 584767"/>
              <a:gd name="connsiteX3" fmla="*/ 235744 w 555129"/>
              <a:gd name="connsiteY3" fmla="*/ 165665 h 584767"/>
              <a:gd name="connsiteX4" fmla="*/ 409575 w 555129"/>
              <a:gd name="connsiteY4" fmla="*/ 6122 h 584767"/>
              <a:gd name="connsiteX5" fmla="*/ 446797 w 555129"/>
              <a:gd name="connsiteY5" fmla="*/ 26259 h 584767"/>
              <a:gd name="connsiteX6" fmla="*/ 352426 w 555129"/>
              <a:gd name="connsiteY6" fmla="*/ 175191 h 584767"/>
              <a:gd name="connsiteX7" fmla="*/ 464344 w 555129"/>
              <a:gd name="connsiteY7" fmla="*/ 37078 h 584767"/>
              <a:gd name="connsiteX8" fmla="*/ 499854 w 555129"/>
              <a:gd name="connsiteY8" fmla="*/ 63319 h 584767"/>
              <a:gd name="connsiteX9" fmla="*/ 438150 w 555129"/>
              <a:gd name="connsiteY9" fmla="*/ 158523 h 584767"/>
              <a:gd name="connsiteX10" fmla="*/ 514974 w 555129"/>
              <a:gd name="connsiteY10" fmla="*/ 83408 h 584767"/>
              <a:gd name="connsiteX11" fmla="*/ 545307 w 555129"/>
              <a:gd name="connsiteY11" fmla="*/ 103753 h 584767"/>
              <a:gd name="connsiteX12" fmla="*/ 450058 w 555129"/>
              <a:gd name="connsiteY12" fmla="*/ 232341 h 584767"/>
              <a:gd name="connsiteX13" fmla="*/ 538162 w 555129"/>
              <a:gd name="connsiteY13" fmla="*/ 165666 h 584767"/>
              <a:gd name="connsiteX14" fmla="*/ 526256 w 555129"/>
              <a:gd name="connsiteY14" fmla="*/ 234721 h 584767"/>
              <a:gd name="connsiteX15" fmla="*/ 276225 w 555129"/>
              <a:gd name="connsiteY15" fmla="*/ 408554 h 584767"/>
              <a:gd name="connsiteX16" fmla="*/ 176213 w 555129"/>
              <a:gd name="connsiteY16" fmla="*/ 584767 h 584767"/>
              <a:gd name="connsiteX17" fmla="*/ 73819 w 555129"/>
              <a:gd name="connsiteY17" fmla="*/ 513329 h 584767"/>
              <a:gd name="connsiteX18" fmla="*/ 0 w 555129"/>
              <a:gd name="connsiteY18" fmla="*/ 510947 h 584767"/>
              <a:gd name="connsiteX19" fmla="*/ 111919 w 555129"/>
              <a:gd name="connsiteY19" fmla="*/ 318065 h 584767"/>
              <a:gd name="connsiteX20" fmla="*/ 166688 w 555129"/>
              <a:gd name="connsiteY20" fmla="*/ 120422 h 584767"/>
              <a:gd name="connsiteX0" fmla="*/ 166688 w 551981"/>
              <a:gd name="connsiteY0" fmla="*/ 120422 h 584767"/>
              <a:gd name="connsiteX1" fmla="*/ 204788 w 551981"/>
              <a:gd name="connsiteY1" fmla="*/ 18028 h 584767"/>
              <a:gd name="connsiteX2" fmla="*/ 254794 w 551981"/>
              <a:gd name="connsiteY2" fmla="*/ 87084 h 584767"/>
              <a:gd name="connsiteX3" fmla="*/ 235744 w 551981"/>
              <a:gd name="connsiteY3" fmla="*/ 165665 h 584767"/>
              <a:gd name="connsiteX4" fmla="*/ 409575 w 551981"/>
              <a:gd name="connsiteY4" fmla="*/ 6122 h 584767"/>
              <a:gd name="connsiteX5" fmla="*/ 446797 w 551981"/>
              <a:gd name="connsiteY5" fmla="*/ 26259 h 584767"/>
              <a:gd name="connsiteX6" fmla="*/ 352426 w 551981"/>
              <a:gd name="connsiteY6" fmla="*/ 175191 h 584767"/>
              <a:gd name="connsiteX7" fmla="*/ 464344 w 551981"/>
              <a:gd name="connsiteY7" fmla="*/ 37078 h 584767"/>
              <a:gd name="connsiteX8" fmla="*/ 499854 w 551981"/>
              <a:gd name="connsiteY8" fmla="*/ 63319 h 584767"/>
              <a:gd name="connsiteX9" fmla="*/ 438150 w 551981"/>
              <a:gd name="connsiteY9" fmla="*/ 158523 h 584767"/>
              <a:gd name="connsiteX10" fmla="*/ 514974 w 551981"/>
              <a:gd name="connsiteY10" fmla="*/ 83408 h 584767"/>
              <a:gd name="connsiteX11" fmla="*/ 545307 w 551981"/>
              <a:gd name="connsiteY11" fmla="*/ 103753 h 584767"/>
              <a:gd name="connsiteX12" fmla="*/ 450058 w 551981"/>
              <a:gd name="connsiteY12" fmla="*/ 232341 h 584767"/>
              <a:gd name="connsiteX13" fmla="*/ 538162 w 551981"/>
              <a:gd name="connsiteY13" fmla="*/ 165666 h 584767"/>
              <a:gd name="connsiteX14" fmla="*/ 526256 w 551981"/>
              <a:gd name="connsiteY14" fmla="*/ 234721 h 584767"/>
              <a:gd name="connsiteX15" fmla="*/ 276225 w 551981"/>
              <a:gd name="connsiteY15" fmla="*/ 408554 h 584767"/>
              <a:gd name="connsiteX16" fmla="*/ 176213 w 551981"/>
              <a:gd name="connsiteY16" fmla="*/ 584767 h 584767"/>
              <a:gd name="connsiteX17" fmla="*/ 73819 w 551981"/>
              <a:gd name="connsiteY17" fmla="*/ 513329 h 584767"/>
              <a:gd name="connsiteX18" fmla="*/ 0 w 551981"/>
              <a:gd name="connsiteY18" fmla="*/ 510947 h 584767"/>
              <a:gd name="connsiteX19" fmla="*/ 111919 w 551981"/>
              <a:gd name="connsiteY19" fmla="*/ 318065 h 584767"/>
              <a:gd name="connsiteX20" fmla="*/ 166688 w 551981"/>
              <a:gd name="connsiteY20" fmla="*/ 120422 h 584767"/>
              <a:gd name="connsiteX0" fmla="*/ 166688 w 551981"/>
              <a:gd name="connsiteY0" fmla="*/ 120422 h 584767"/>
              <a:gd name="connsiteX1" fmla="*/ 204788 w 551981"/>
              <a:gd name="connsiteY1" fmla="*/ 18028 h 584767"/>
              <a:gd name="connsiteX2" fmla="*/ 254794 w 551981"/>
              <a:gd name="connsiteY2" fmla="*/ 87084 h 584767"/>
              <a:gd name="connsiteX3" fmla="*/ 235744 w 551981"/>
              <a:gd name="connsiteY3" fmla="*/ 165665 h 584767"/>
              <a:gd name="connsiteX4" fmla="*/ 409575 w 551981"/>
              <a:gd name="connsiteY4" fmla="*/ 6122 h 584767"/>
              <a:gd name="connsiteX5" fmla="*/ 446797 w 551981"/>
              <a:gd name="connsiteY5" fmla="*/ 26259 h 584767"/>
              <a:gd name="connsiteX6" fmla="*/ 352426 w 551981"/>
              <a:gd name="connsiteY6" fmla="*/ 175191 h 584767"/>
              <a:gd name="connsiteX7" fmla="*/ 464344 w 551981"/>
              <a:gd name="connsiteY7" fmla="*/ 37078 h 584767"/>
              <a:gd name="connsiteX8" fmla="*/ 499854 w 551981"/>
              <a:gd name="connsiteY8" fmla="*/ 63319 h 584767"/>
              <a:gd name="connsiteX9" fmla="*/ 438150 w 551981"/>
              <a:gd name="connsiteY9" fmla="*/ 158523 h 584767"/>
              <a:gd name="connsiteX10" fmla="*/ 514974 w 551981"/>
              <a:gd name="connsiteY10" fmla="*/ 83408 h 584767"/>
              <a:gd name="connsiteX11" fmla="*/ 545307 w 551981"/>
              <a:gd name="connsiteY11" fmla="*/ 103753 h 584767"/>
              <a:gd name="connsiteX12" fmla="*/ 450058 w 551981"/>
              <a:gd name="connsiteY12" fmla="*/ 232341 h 584767"/>
              <a:gd name="connsiteX13" fmla="*/ 538162 w 551981"/>
              <a:gd name="connsiteY13" fmla="*/ 165666 h 584767"/>
              <a:gd name="connsiteX14" fmla="*/ 526256 w 551981"/>
              <a:gd name="connsiteY14" fmla="*/ 234721 h 584767"/>
              <a:gd name="connsiteX15" fmla="*/ 276225 w 551981"/>
              <a:gd name="connsiteY15" fmla="*/ 408554 h 584767"/>
              <a:gd name="connsiteX16" fmla="*/ 176213 w 551981"/>
              <a:gd name="connsiteY16" fmla="*/ 584767 h 584767"/>
              <a:gd name="connsiteX17" fmla="*/ 73819 w 551981"/>
              <a:gd name="connsiteY17" fmla="*/ 513329 h 584767"/>
              <a:gd name="connsiteX18" fmla="*/ 0 w 551981"/>
              <a:gd name="connsiteY18" fmla="*/ 510947 h 584767"/>
              <a:gd name="connsiteX19" fmla="*/ 111919 w 551981"/>
              <a:gd name="connsiteY19" fmla="*/ 318065 h 584767"/>
              <a:gd name="connsiteX20" fmla="*/ 166688 w 551981"/>
              <a:gd name="connsiteY20" fmla="*/ 120422 h 584767"/>
              <a:gd name="connsiteX0" fmla="*/ 166688 w 555570"/>
              <a:gd name="connsiteY0" fmla="*/ 120422 h 584767"/>
              <a:gd name="connsiteX1" fmla="*/ 204788 w 555570"/>
              <a:gd name="connsiteY1" fmla="*/ 18028 h 584767"/>
              <a:gd name="connsiteX2" fmla="*/ 254794 w 555570"/>
              <a:gd name="connsiteY2" fmla="*/ 87084 h 584767"/>
              <a:gd name="connsiteX3" fmla="*/ 235744 w 555570"/>
              <a:gd name="connsiteY3" fmla="*/ 165665 h 584767"/>
              <a:gd name="connsiteX4" fmla="*/ 409575 w 555570"/>
              <a:gd name="connsiteY4" fmla="*/ 6122 h 584767"/>
              <a:gd name="connsiteX5" fmla="*/ 446797 w 555570"/>
              <a:gd name="connsiteY5" fmla="*/ 26259 h 584767"/>
              <a:gd name="connsiteX6" fmla="*/ 352426 w 555570"/>
              <a:gd name="connsiteY6" fmla="*/ 175191 h 584767"/>
              <a:gd name="connsiteX7" fmla="*/ 464344 w 555570"/>
              <a:gd name="connsiteY7" fmla="*/ 37078 h 584767"/>
              <a:gd name="connsiteX8" fmla="*/ 499854 w 555570"/>
              <a:gd name="connsiteY8" fmla="*/ 63319 h 584767"/>
              <a:gd name="connsiteX9" fmla="*/ 438150 w 555570"/>
              <a:gd name="connsiteY9" fmla="*/ 158523 h 584767"/>
              <a:gd name="connsiteX10" fmla="*/ 514974 w 555570"/>
              <a:gd name="connsiteY10" fmla="*/ 83408 h 584767"/>
              <a:gd name="connsiteX11" fmla="*/ 545307 w 555570"/>
              <a:gd name="connsiteY11" fmla="*/ 103753 h 584767"/>
              <a:gd name="connsiteX12" fmla="*/ 450058 w 555570"/>
              <a:gd name="connsiteY12" fmla="*/ 232341 h 584767"/>
              <a:gd name="connsiteX13" fmla="*/ 538162 w 555570"/>
              <a:gd name="connsiteY13" fmla="*/ 165666 h 584767"/>
              <a:gd name="connsiteX14" fmla="*/ 551869 w 555570"/>
              <a:gd name="connsiteY14" fmla="*/ 181935 h 584767"/>
              <a:gd name="connsiteX15" fmla="*/ 526256 w 555570"/>
              <a:gd name="connsiteY15" fmla="*/ 234721 h 584767"/>
              <a:gd name="connsiteX16" fmla="*/ 276225 w 555570"/>
              <a:gd name="connsiteY16" fmla="*/ 408554 h 584767"/>
              <a:gd name="connsiteX17" fmla="*/ 176213 w 555570"/>
              <a:gd name="connsiteY17" fmla="*/ 584767 h 584767"/>
              <a:gd name="connsiteX18" fmla="*/ 73819 w 555570"/>
              <a:gd name="connsiteY18" fmla="*/ 513329 h 584767"/>
              <a:gd name="connsiteX19" fmla="*/ 0 w 555570"/>
              <a:gd name="connsiteY19" fmla="*/ 510947 h 584767"/>
              <a:gd name="connsiteX20" fmla="*/ 111919 w 555570"/>
              <a:gd name="connsiteY20" fmla="*/ 318065 h 584767"/>
              <a:gd name="connsiteX21" fmla="*/ 166688 w 555570"/>
              <a:gd name="connsiteY21" fmla="*/ 120422 h 584767"/>
              <a:gd name="connsiteX0" fmla="*/ 166688 w 552990"/>
              <a:gd name="connsiteY0" fmla="*/ 120422 h 584767"/>
              <a:gd name="connsiteX1" fmla="*/ 204788 w 552990"/>
              <a:gd name="connsiteY1" fmla="*/ 18028 h 584767"/>
              <a:gd name="connsiteX2" fmla="*/ 254794 w 552990"/>
              <a:gd name="connsiteY2" fmla="*/ 87084 h 584767"/>
              <a:gd name="connsiteX3" fmla="*/ 235744 w 552990"/>
              <a:gd name="connsiteY3" fmla="*/ 165665 h 584767"/>
              <a:gd name="connsiteX4" fmla="*/ 409575 w 552990"/>
              <a:gd name="connsiteY4" fmla="*/ 6122 h 584767"/>
              <a:gd name="connsiteX5" fmla="*/ 446797 w 552990"/>
              <a:gd name="connsiteY5" fmla="*/ 26259 h 584767"/>
              <a:gd name="connsiteX6" fmla="*/ 352426 w 552990"/>
              <a:gd name="connsiteY6" fmla="*/ 175191 h 584767"/>
              <a:gd name="connsiteX7" fmla="*/ 464344 w 552990"/>
              <a:gd name="connsiteY7" fmla="*/ 37078 h 584767"/>
              <a:gd name="connsiteX8" fmla="*/ 499854 w 552990"/>
              <a:gd name="connsiteY8" fmla="*/ 63319 h 584767"/>
              <a:gd name="connsiteX9" fmla="*/ 438150 w 552990"/>
              <a:gd name="connsiteY9" fmla="*/ 158523 h 584767"/>
              <a:gd name="connsiteX10" fmla="*/ 514974 w 552990"/>
              <a:gd name="connsiteY10" fmla="*/ 83408 h 584767"/>
              <a:gd name="connsiteX11" fmla="*/ 545307 w 552990"/>
              <a:gd name="connsiteY11" fmla="*/ 103753 h 584767"/>
              <a:gd name="connsiteX12" fmla="*/ 450058 w 552990"/>
              <a:gd name="connsiteY12" fmla="*/ 232341 h 584767"/>
              <a:gd name="connsiteX13" fmla="*/ 538162 w 552990"/>
              <a:gd name="connsiteY13" fmla="*/ 165666 h 584767"/>
              <a:gd name="connsiteX14" fmla="*/ 551869 w 552990"/>
              <a:gd name="connsiteY14" fmla="*/ 181935 h 584767"/>
              <a:gd name="connsiteX15" fmla="*/ 518650 w 552990"/>
              <a:gd name="connsiteY15" fmla="*/ 239067 h 584767"/>
              <a:gd name="connsiteX16" fmla="*/ 276225 w 552990"/>
              <a:gd name="connsiteY16" fmla="*/ 408554 h 584767"/>
              <a:gd name="connsiteX17" fmla="*/ 176213 w 552990"/>
              <a:gd name="connsiteY17" fmla="*/ 584767 h 584767"/>
              <a:gd name="connsiteX18" fmla="*/ 73819 w 552990"/>
              <a:gd name="connsiteY18" fmla="*/ 513329 h 584767"/>
              <a:gd name="connsiteX19" fmla="*/ 0 w 552990"/>
              <a:gd name="connsiteY19" fmla="*/ 510947 h 584767"/>
              <a:gd name="connsiteX20" fmla="*/ 111919 w 552990"/>
              <a:gd name="connsiteY20" fmla="*/ 318065 h 584767"/>
              <a:gd name="connsiteX21" fmla="*/ 166688 w 552990"/>
              <a:gd name="connsiteY21" fmla="*/ 120422 h 584767"/>
              <a:gd name="connsiteX0" fmla="*/ 166688 w 552990"/>
              <a:gd name="connsiteY0" fmla="*/ 120422 h 584767"/>
              <a:gd name="connsiteX1" fmla="*/ 204788 w 552990"/>
              <a:gd name="connsiteY1" fmla="*/ 18028 h 584767"/>
              <a:gd name="connsiteX2" fmla="*/ 254794 w 552990"/>
              <a:gd name="connsiteY2" fmla="*/ 87084 h 584767"/>
              <a:gd name="connsiteX3" fmla="*/ 235744 w 552990"/>
              <a:gd name="connsiteY3" fmla="*/ 165665 h 584767"/>
              <a:gd name="connsiteX4" fmla="*/ 409575 w 552990"/>
              <a:gd name="connsiteY4" fmla="*/ 6122 h 584767"/>
              <a:gd name="connsiteX5" fmla="*/ 446797 w 552990"/>
              <a:gd name="connsiteY5" fmla="*/ 26259 h 584767"/>
              <a:gd name="connsiteX6" fmla="*/ 352426 w 552990"/>
              <a:gd name="connsiteY6" fmla="*/ 175191 h 584767"/>
              <a:gd name="connsiteX7" fmla="*/ 464344 w 552990"/>
              <a:gd name="connsiteY7" fmla="*/ 37078 h 584767"/>
              <a:gd name="connsiteX8" fmla="*/ 499854 w 552990"/>
              <a:gd name="connsiteY8" fmla="*/ 63319 h 584767"/>
              <a:gd name="connsiteX9" fmla="*/ 438150 w 552990"/>
              <a:gd name="connsiteY9" fmla="*/ 158523 h 584767"/>
              <a:gd name="connsiteX10" fmla="*/ 514974 w 552990"/>
              <a:gd name="connsiteY10" fmla="*/ 83408 h 584767"/>
              <a:gd name="connsiteX11" fmla="*/ 545307 w 552990"/>
              <a:gd name="connsiteY11" fmla="*/ 103753 h 584767"/>
              <a:gd name="connsiteX12" fmla="*/ 450058 w 552990"/>
              <a:gd name="connsiteY12" fmla="*/ 232341 h 584767"/>
              <a:gd name="connsiteX13" fmla="*/ 538162 w 552990"/>
              <a:gd name="connsiteY13" fmla="*/ 165666 h 584767"/>
              <a:gd name="connsiteX14" fmla="*/ 551869 w 552990"/>
              <a:gd name="connsiteY14" fmla="*/ 181935 h 584767"/>
              <a:gd name="connsiteX15" fmla="*/ 518650 w 552990"/>
              <a:gd name="connsiteY15" fmla="*/ 239067 h 584767"/>
              <a:gd name="connsiteX16" fmla="*/ 276225 w 552990"/>
              <a:gd name="connsiteY16" fmla="*/ 408554 h 584767"/>
              <a:gd name="connsiteX17" fmla="*/ 176213 w 552990"/>
              <a:gd name="connsiteY17" fmla="*/ 584767 h 584767"/>
              <a:gd name="connsiteX18" fmla="*/ 73819 w 552990"/>
              <a:gd name="connsiteY18" fmla="*/ 513329 h 584767"/>
              <a:gd name="connsiteX19" fmla="*/ 0 w 552990"/>
              <a:gd name="connsiteY19" fmla="*/ 510947 h 584767"/>
              <a:gd name="connsiteX20" fmla="*/ 111919 w 552990"/>
              <a:gd name="connsiteY20" fmla="*/ 318065 h 584767"/>
              <a:gd name="connsiteX21" fmla="*/ 166688 w 552990"/>
              <a:gd name="connsiteY21" fmla="*/ 120422 h 584767"/>
              <a:gd name="connsiteX0" fmla="*/ 166688 w 559826"/>
              <a:gd name="connsiteY0" fmla="*/ 120422 h 584767"/>
              <a:gd name="connsiteX1" fmla="*/ 204788 w 559826"/>
              <a:gd name="connsiteY1" fmla="*/ 18028 h 584767"/>
              <a:gd name="connsiteX2" fmla="*/ 254794 w 559826"/>
              <a:gd name="connsiteY2" fmla="*/ 87084 h 584767"/>
              <a:gd name="connsiteX3" fmla="*/ 235744 w 559826"/>
              <a:gd name="connsiteY3" fmla="*/ 165665 h 584767"/>
              <a:gd name="connsiteX4" fmla="*/ 409575 w 559826"/>
              <a:gd name="connsiteY4" fmla="*/ 6122 h 584767"/>
              <a:gd name="connsiteX5" fmla="*/ 446797 w 559826"/>
              <a:gd name="connsiteY5" fmla="*/ 26259 h 584767"/>
              <a:gd name="connsiteX6" fmla="*/ 352426 w 559826"/>
              <a:gd name="connsiteY6" fmla="*/ 175191 h 584767"/>
              <a:gd name="connsiteX7" fmla="*/ 464344 w 559826"/>
              <a:gd name="connsiteY7" fmla="*/ 37078 h 584767"/>
              <a:gd name="connsiteX8" fmla="*/ 499854 w 559826"/>
              <a:gd name="connsiteY8" fmla="*/ 63319 h 584767"/>
              <a:gd name="connsiteX9" fmla="*/ 438150 w 559826"/>
              <a:gd name="connsiteY9" fmla="*/ 158523 h 584767"/>
              <a:gd name="connsiteX10" fmla="*/ 514974 w 559826"/>
              <a:gd name="connsiteY10" fmla="*/ 83408 h 584767"/>
              <a:gd name="connsiteX11" fmla="*/ 545307 w 559826"/>
              <a:gd name="connsiteY11" fmla="*/ 103753 h 584767"/>
              <a:gd name="connsiteX12" fmla="*/ 450058 w 559826"/>
              <a:gd name="connsiteY12" fmla="*/ 232341 h 584767"/>
              <a:gd name="connsiteX13" fmla="*/ 538162 w 559826"/>
              <a:gd name="connsiteY13" fmla="*/ 165666 h 584767"/>
              <a:gd name="connsiteX14" fmla="*/ 559475 w 559826"/>
              <a:gd name="connsiteY14" fmla="*/ 191714 h 584767"/>
              <a:gd name="connsiteX15" fmla="*/ 518650 w 559826"/>
              <a:gd name="connsiteY15" fmla="*/ 239067 h 584767"/>
              <a:gd name="connsiteX16" fmla="*/ 276225 w 559826"/>
              <a:gd name="connsiteY16" fmla="*/ 408554 h 584767"/>
              <a:gd name="connsiteX17" fmla="*/ 176213 w 559826"/>
              <a:gd name="connsiteY17" fmla="*/ 584767 h 584767"/>
              <a:gd name="connsiteX18" fmla="*/ 73819 w 559826"/>
              <a:gd name="connsiteY18" fmla="*/ 513329 h 584767"/>
              <a:gd name="connsiteX19" fmla="*/ 0 w 559826"/>
              <a:gd name="connsiteY19" fmla="*/ 510947 h 584767"/>
              <a:gd name="connsiteX20" fmla="*/ 111919 w 559826"/>
              <a:gd name="connsiteY20" fmla="*/ 318065 h 584767"/>
              <a:gd name="connsiteX21" fmla="*/ 166688 w 559826"/>
              <a:gd name="connsiteY21" fmla="*/ 120422 h 584767"/>
              <a:gd name="connsiteX0" fmla="*/ 166688 w 564058"/>
              <a:gd name="connsiteY0" fmla="*/ 120422 h 584767"/>
              <a:gd name="connsiteX1" fmla="*/ 204788 w 564058"/>
              <a:gd name="connsiteY1" fmla="*/ 18028 h 584767"/>
              <a:gd name="connsiteX2" fmla="*/ 254794 w 564058"/>
              <a:gd name="connsiteY2" fmla="*/ 87084 h 584767"/>
              <a:gd name="connsiteX3" fmla="*/ 235744 w 564058"/>
              <a:gd name="connsiteY3" fmla="*/ 165665 h 584767"/>
              <a:gd name="connsiteX4" fmla="*/ 409575 w 564058"/>
              <a:gd name="connsiteY4" fmla="*/ 6122 h 584767"/>
              <a:gd name="connsiteX5" fmla="*/ 446797 w 564058"/>
              <a:gd name="connsiteY5" fmla="*/ 26259 h 584767"/>
              <a:gd name="connsiteX6" fmla="*/ 352426 w 564058"/>
              <a:gd name="connsiteY6" fmla="*/ 175191 h 584767"/>
              <a:gd name="connsiteX7" fmla="*/ 464344 w 564058"/>
              <a:gd name="connsiteY7" fmla="*/ 37078 h 584767"/>
              <a:gd name="connsiteX8" fmla="*/ 499854 w 564058"/>
              <a:gd name="connsiteY8" fmla="*/ 63319 h 584767"/>
              <a:gd name="connsiteX9" fmla="*/ 438150 w 564058"/>
              <a:gd name="connsiteY9" fmla="*/ 158523 h 584767"/>
              <a:gd name="connsiteX10" fmla="*/ 514974 w 564058"/>
              <a:gd name="connsiteY10" fmla="*/ 83408 h 584767"/>
              <a:gd name="connsiteX11" fmla="*/ 545307 w 564058"/>
              <a:gd name="connsiteY11" fmla="*/ 103753 h 584767"/>
              <a:gd name="connsiteX12" fmla="*/ 450058 w 564058"/>
              <a:gd name="connsiteY12" fmla="*/ 232341 h 584767"/>
              <a:gd name="connsiteX13" fmla="*/ 538162 w 564058"/>
              <a:gd name="connsiteY13" fmla="*/ 165666 h 584767"/>
              <a:gd name="connsiteX14" fmla="*/ 563822 w 564058"/>
              <a:gd name="connsiteY14" fmla="*/ 175414 h 584767"/>
              <a:gd name="connsiteX15" fmla="*/ 518650 w 564058"/>
              <a:gd name="connsiteY15" fmla="*/ 239067 h 584767"/>
              <a:gd name="connsiteX16" fmla="*/ 276225 w 564058"/>
              <a:gd name="connsiteY16" fmla="*/ 408554 h 584767"/>
              <a:gd name="connsiteX17" fmla="*/ 176213 w 564058"/>
              <a:gd name="connsiteY17" fmla="*/ 584767 h 584767"/>
              <a:gd name="connsiteX18" fmla="*/ 73819 w 564058"/>
              <a:gd name="connsiteY18" fmla="*/ 513329 h 584767"/>
              <a:gd name="connsiteX19" fmla="*/ 0 w 564058"/>
              <a:gd name="connsiteY19" fmla="*/ 510947 h 584767"/>
              <a:gd name="connsiteX20" fmla="*/ 111919 w 564058"/>
              <a:gd name="connsiteY20" fmla="*/ 318065 h 584767"/>
              <a:gd name="connsiteX21" fmla="*/ 166688 w 564058"/>
              <a:gd name="connsiteY21" fmla="*/ 120422 h 584767"/>
              <a:gd name="connsiteX0" fmla="*/ 166688 w 560876"/>
              <a:gd name="connsiteY0" fmla="*/ 120422 h 584767"/>
              <a:gd name="connsiteX1" fmla="*/ 204788 w 560876"/>
              <a:gd name="connsiteY1" fmla="*/ 18028 h 584767"/>
              <a:gd name="connsiteX2" fmla="*/ 254794 w 560876"/>
              <a:gd name="connsiteY2" fmla="*/ 87084 h 584767"/>
              <a:gd name="connsiteX3" fmla="*/ 235744 w 560876"/>
              <a:gd name="connsiteY3" fmla="*/ 165665 h 584767"/>
              <a:gd name="connsiteX4" fmla="*/ 409575 w 560876"/>
              <a:gd name="connsiteY4" fmla="*/ 6122 h 584767"/>
              <a:gd name="connsiteX5" fmla="*/ 446797 w 560876"/>
              <a:gd name="connsiteY5" fmla="*/ 26259 h 584767"/>
              <a:gd name="connsiteX6" fmla="*/ 352426 w 560876"/>
              <a:gd name="connsiteY6" fmla="*/ 175191 h 584767"/>
              <a:gd name="connsiteX7" fmla="*/ 464344 w 560876"/>
              <a:gd name="connsiteY7" fmla="*/ 37078 h 584767"/>
              <a:gd name="connsiteX8" fmla="*/ 499854 w 560876"/>
              <a:gd name="connsiteY8" fmla="*/ 63319 h 584767"/>
              <a:gd name="connsiteX9" fmla="*/ 438150 w 560876"/>
              <a:gd name="connsiteY9" fmla="*/ 158523 h 584767"/>
              <a:gd name="connsiteX10" fmla="*/ 514974 w 560876"/>
              <a:gd name="connsiteY10" fmla="*/ 83408 h 584767"/>
              <a:gd name="connsiteX11" fmla="*/ 545307 w 560876"/>
              <a:gd name="connsiteY11" fmla="*/ 103753 h 584767"/>
              <a:gd name="connsiteX12" fmla="*/ 450058 w 560876"/>
              <a:gd name="connsiteY12" fmla="*/ 232341 h 584767"/>
              <a:gd name="connsiteX13" fmla="*/ 538162 w 560876"/>
              <a:gd name="connsiteY13" fmla="*/ 165666 h 584767"/>
              <a:gd name="connsiteX14" fmla="*/ 560563 w 560876"/>
              <a:gd name="connsiteY14" fmla="*/ 183020 h 584767"/>
              <a:gd name="connsiteX15" fmla="*/ 518650 w 560876"/>
              <a:gd name="connsiteY15" fmla="*/ 239067 h 584767"/>
              <a:gd name="connsiteX16" fmla="*/ 276225 w 560876"/>
              <a:gd name="connsiteY16" fmla="*/ 408554 h 584767"/>
              <a:gd name="connsiteX17" fmla="*/ 176213 w 560876"/>
              <a:gd name="connsiteY17" fmla="*/ 584767 h 584767"/>
              <a:gd name="connsiteX18" fmla="*/ 73819 w 560876"/>
              <a:gd name="connsiteY18" fmla="*/ 513329 h 584767"/>
              <a:gd name="connsiteX19" fmla="*/ 0 w 560876"/>
              <a:gd name="connsiteY19" fmla="*/ 510947 h 584767"/>
              <a:gd name="connsiteX20" fmla="*/ 111919 w 560876"/>
              <a:gd name="connsiteY20" fmla="*/ 318065 h 584767"/>
              <a:gd name="connsiteX21" fmla="*/ 166688 w 560876"/>
              <a:gd name="connsiteY21" fmla="*/ 120422 h 584767"/>
              <a:gd name="connsiteX0" fmla="*/ 166688 w 560876"/>
              <a:gd name="connsiteY0" fmla="*/ 119247 h 583592"/>
              <a:gd name="connsiteX1" fmla="*/ 204788 w 560876"/>
              <a:gd name="connsiteY1" fmla="*/ 16853 h 583592"/>
              <a:gd name="connsiteX2" fmla="*/ 254794 w 560876"/>
              <a:gd name="connsiteY2" fmla="*/ 85909 h 583592"/>
              <a:gd name="connsiteX3" fmla="*/ 235744 w 560876"/>
              <a:gd name="connsiteY3" fmla="*/ 164490 h 583592"/>
              <a:gd name="connsiteX4" fmla="*/ 409575 w 560876"/>
              <a:gd name="connsiteY4" fmla="*/ 4947 h 583592"/>
              <a:gd name="connsiteX5" fmla="*/ 441364 w 560876"/>
              <a:gd name="connsiteY5" fmla="*/ 33777 h 583592"/>
              <a:gd name="connsiteX6" fmla="*/ 352426 w 560876"/>
              <a:gd name="connsiteY6" fmla="*/ 174016 h 583592"/>
              <a:gd name="connsiteX7" fmla="*/ 464344 w 560876"/>
              <a:gd name="connsiteY7" fmla="*/ 35903 h 583592"/>
              <a:gd name="connsiteX8" fmla="*/ 499854 w 560876"/>
              <a:gd name="connsiteY8" fmla="*/ 62144 h 583592"/>
              <a:gd name="connsiteX9" fmla="*/ 438150 w 560876"/>
              <a:gd name="connsiteY9" fmla="*/ 157348 h 583592"/>
              <a:gd name="connsiteX10" fmla="*/ 514974 w 560876"/>
              <a:gd name="connsiteY10" fmla="*/ 82233 h 583592"/>
              <a:gd name="connsiteX11" fmla="*/ 545307 w 560876"/>
              <a:gd name="connsiteY11" fmla="*/ 102578 h 583592"/>
              <a:gd name="connsiteX12" fmla="*/ 450058 w 560876"/>
              <a:gd name="connsiteY12" fmla="*/ 231166 h 583592"/>
              <a:gd name="connsiteX13" fmla="*/ 538162 w 560876"/>
              <a:gd name="connsiteY13" fmla="*/ 164491 h 583592"/>
              <a:gd name="connsiteX14" fmla="*/ 560563 w 560876"/>
              <a:gd name="connsiteY14" fmla="*/ 181845 h 583592"/>
              <a:gd name="connsiteX15" fmla="*/ 518650 w 560876"/>
              <a:gd name="connsiteY15" fmla="*/ 237892 h 583592"/>
              <a:gd name="connsiteX16" fmla="*/ 276225 w 560876"/>
              <a:gd name="connsiteY16" fmla="*/ 407379 h 583592"/>
              <a:gd name="connsiteX17" fmla="*/ 176213 w 560876"/>
              <a:gd name="connsiteY17" fmla="*/ 583592 h 583592"/>
              <a:gd name="connsiteX18" fmla="*/ 73819 w 560876"/>
              <a:gd name="connsiteY18" fmla="*/ 512154 h 583592"/>
              <a:gd name="connsiteX19" fmla="*/ 0 w 560876"/>
              <a:gd name="connsiteY19" fmla="*/ 509772 h 583592"/>
              <a:gd name="connsiteX20" fmla="*/ 111919 w 560876"/>
              <a:gd name="connsiteY20" fmla="*/ 316890 h 583592"/>
              <a:gd name="connsiteX21" fmla="*/ 166688 w 560876"/>
              <a:gd name="connsiteY21" fmla="*/ 119247 h 583592"/>
              <a:gd name="connsiteX0" fmla="*/ 166688 w 560876"/>
              <a:gd name="connsiteY0" fmla="*/ 109934 h 574279"/>
              <a:gd name="connsiteX1" fmla="*/ 204788 w 560876"/>
              <a:gd name="connsiteY1" fmla="*/ 7540 h 574279"/>
              <a:gd name="connsiteX2" fmla="*/ 254794 w 560876"/>
              <a:gd name="connsiteY2" fmla="*/ 76596 h 574279"/>
              <a:gd name="connsiteX3" fmla="*/ 235744 w 560876"/>
              <a:gd name="connsiteY3" fmla="*/ 155177 h 574279"/>
              <a:gd name="connsiteX4" fmla="*/ 404142 w 560876"/>
              <a:gd name="connsiteY4" fmla="*/ 6501 h 574279"/>
              <a:gd name="connsiteX5" fmla="*/ 441364 w 560876"/>
              <a:gd name="connsiteY5" fmla="*/ 24464 h 574279"/>
              <a:gd name="connsiteX6" fmla="*/ 352426 w 560876"/>
              <a:gd name="connsiteY6" fmla="*/ 164703 h 574279"/>
              <a:gd name="connsiteX7" fmla="*/ 464344 w 560876"/>
              <a:gd name="connsiteY7" fmla="*/ 26590 h 574279"/>
              <a:gd name="connsiteX8" fmla="*/ 499854 w 560876"/>
              <a:gd name="connsiteY8" fmla="*/ 52831 h 574279"/>
              <a:gd name="connsiteX9" fmla="*/ 438150 w 560876"/>
              <a:gd name="connsiteY9" fmla="*/ 148035 h 574279"/>
              <a:gd name="connsiteX10" fmla="*/ 514974 w 560876"/>
              <a:gd name="connsiteY10" fmla="*/ 72920 h 574279"/>
              <a:gd name="connsiteX11" fmla="*/ 545307 w 560876"/>
              <a:gd name="connsiteY11" fmla="*/ 93265 h 574279"/>
              <a:gd name="connsiteX12" fmla="*/ 450058 w 560876"/>
              <a:gd name="connsiteY12" fmla="*/ 221853 h 574279"/>
              <a:gd name="connsiteX13" fmla="*/ 538162 w 560876"/>
              <a:gd name="connsiteY13" fmla="*/ 155178 h 574279"/>
              <a:gd name="connsiteX14" fmla="*/ 560563 w 560876"/>
              <a:gd name="connsiteY14" fmla="*/ 172532 h 574279"/>
              <a:gd name="connsiteX15" fmla="*/ 518650 w 560876"/>
              <a:gd name="connsiteY15" fmla="*/ 228579 h 574279"/>
              <a:gd name="connsiteX16" fmla="*/ 276225 w 560876"/>
              <a:gd name="connsiteY16" fmla="*/ 398066 h 574279"/>
              <a:gd name="connsiteX17" fmla="*/ 176213 w 560876"/>
              <a:gd name="connsiteY17" fmla="*/ 574279 h 574279"/>
              <a:gd name="connsiteX18" fmla="*/ 73819 w 560876"/>
              <a:gd name="connsiteY18" fmla="*/ 502841 h 574279"/>
              <a:gd name="connsiteX19" fmla="*/ 0 w 560876"/>
              <a:gd name="connsiteY19" fmla="*/ 500459 h 574279"/>
              <a:gd name="connsiteX20" fmla="*/ 111919 w 560876"/>
              <a:gd name="connsiteY20" fmla="*/ 307577 h 574279"/>
              <a:gd name="connsiteX21" fmla="*/ 166688 w 560876"/>
              <a:gd name="connsiteY21" fmla="*/ 109934 h 574279"/>
              <a:gd name="connsiteX0" fmla="*/ 166688 w 560876"/>
              <a:gd name="connsiteY0" fmla="*/ 110826 h 575171"/>
              <a:gd name="connsiteX1" fmla="*/ 204788 w 560876"/>
              <a:gd name="connsiteY1" fmla="*/ 8432 h 575171"/>
              <a:gd name="connsiteX2" fmla="*/ 254794 w 560876"/>
              <a:gd name="connsiteY2" fmla="*/ 77488 h 575171"/>
              <a:gd name="connsiteX3" fmla="*/ 235744 w 560876"/>
              <a:gd name="connsiteY3" fmla="*/ 156069 h 575171"/>
              <a:gd name="connsiteX4" fmla="*/ 399796 w 560876"/>
              <a:gd name="connsiteY4" fmla="*/ 6306 h 575171"/>
              <a:gd name="connsiteX5" fmla="*/ 441364 w 560876"/>
              <a:gd name="connsiteY5" fmla="*/ 25356 h 575171"/>
              <a:gd name="connsiteX6" fmla="*/ 352426 w 560876"/>
              <a:gd name="connsiteY6" fmla="*/ 165595 h 575171"/>
              <a:gd name="connsiteX7" fmla="*/ 464344 w 560876"/>
              <a:gd name="connsiteY7" fmla="*/ 27482 h 575171"/>
              <a:gd name="connsiteX8" fmla="*/ 499854 w 560876"/>
              <a:gd name="connsiteY8" fmla="*/ 53723 h 575171"/>
              <a:gd name="connsiteX9" fmla="*/ 438150 w 560876"/>
              <a:gd name="connsiteY9" fmla="*/ 148927 h 575171"/>
              <a:gd name="connsiteX10" fmla="*/ 514974 w 560876"/>
              <a:gd name="connsiteY10" fmla="*/ 73812 h 575171"/>
              <a:gd name="connsiteX11" fmla="*/ 545307 w 560876"/>
              <a:gd name="connsiteY11" fmla="*/ 94157 h 575171"/>
              <a:gd name="connsiteX12" fmla="*/ 450058 w 560876"/>
              <a:gd name="connsiteY12" fmla="*/ 222745 h 575171"/>
              <a:gd name="connsiteX13" fmla="*/ 538162 w 560876"/>
              <a:gd name="connsiteY13" fmla="*/ 156070 h 575171"/>
              <a:gd name="connsiteX14" fmla="*/ 560563 w 560876"/>
              <a:gd name="connsiteY14" fmla="*/ 173424 h 575171"/>
              <a:gd name="connsiteX15" fmla="*/ 518650 w 560876"/>
              <a:gd name="connsiteY15" fmla="*/ 229471 h 575171"/>
              <a:gd name="connsiteX16" fmla="*/ 276225 w 560876"/>
              <a:gd name="connsiteY16" fmla="*/ 398958 h 575171"/>
              <a:gd name="connsiteX17" fmla="*/ 176213 w 560876"/>
              <a:gd name="connsiteY17" fmla="*/ 575171 h 575171"/>
              <a:gd name="connsiteX18" fmla="*/ 73819 w 560876"/>
              <a:gd name="connsiteY18" fmla="*/ 503733 h 575171"/>
              <a:gd name="connsiteX19" fmla="*/ 0 w 560876"/>
              <a:gd name="connsiteY19" fmla="*/ 501351 h 575171"/>
              <a:gd name="connsiteX20" fmla="*/ 111919 w 560876"/>
              <a:gd name="connsiteY20" fmla="*/ 308469 h 575171"/>
              <a:gd name="connsiteX21" fmla="*/ 166688 w 560876"/>
              <a:gd name="connsiteY21" fmla="*/ 110826 h 575171"/>
              <a:gd name="connsiteX0" fmla="*/ 166688 w 560876"/>
              <a:gd name="connsiteY0" fmla="*/ 117451 h 581796"/>
              <a:gd name="connsiteX1" fmla="*/ 204788 w 560876"/>
              <a:gd name="connsiteY1" fmla="*/ 15057 h 581796"/>
              <a:gd name="connsiteX2" fmla="*/ 254794 w 560876"/>
              <a:gd name="connsiteY2" fmla="*/ 84113 h 581796"/>
              <a:gd name="connsiteX3" fmla="*/ 235744 w 560876"/>
              <a:gd name="connsiteY3" fmla="*/ 162694 h 581796"/>
              <a:gd name="connsiteX4" fmla="*/ 399796 w 560876"/>
              <a:gd name="connsiteY4" fmla="*/ 12931 h 581796"/>
              <a:gd name="connsiteX5" fmla="*/ 441364 w 560876"/>
              <a:gd name="connsiteY5" fmla="*/ 31981 h 581796"/>
              <a:gd name="connsiteX6" fmla="*/ 352426 w 560876"/>
              <a:gd name="connsiteY6" fmla="*/ 172220 h 581796"/>
              <a:gd name="connsiteX7" fmla="*/ 464344 w 560876"/>
              <a:gd name="connsiteY7" fmla="*/ 34107 h 581796"/>
              <a:gd name="connsiteX8" fmla="*/ 499854 w 560876"/>
              <a:gd name="connsiteY8" fmla="*/ 60348 h 581796"/>
              <a:gd name="connsiteX9" fmla="*/ 438150 w 560876"/>
              <a:gd name="connsiteY9" fmla="*/ 155552 h 581796"/>
              <a:gd name="connsiteX10" fmla="*/ 514974 w 560876"/>
              <a:gd name="connsiteY10" fmla="*/ 80437 h 581796"/>
              <a:gd name="connsiteX11" fmla="*/ 545307 w 560876"/>
              <a:gd name="connsiteY11" fmla="*/ 100782 h 581796"/>
              <a:gd name="connsiteX12" fmla="*/ 450058 w 560876"/>
              <a:gd name="connsiteY12" fmla="*/ 229370 h 581796"/>
              <a:gd name="connsiteX13" fmla="*/ 538162 w 560876"/>
              <a:gd name="connsiteY13" fmla="*/ 162695 h 581796"/>
              <a:gd name="connsiteX14" fmla="*/ 560563 w 560876"/>
              <a:gd name="connsiteY14" fmla="*/ 180049 h 581796"/>
              <a:gd name="connsiteX15" fmla="*/ 518650 w 560876"/>
              <a:gd name="connsiteY15" fmla="*/ 236096 h 581796"/>
              <a:gd name="connsiteX16" fmla="*/ 276225 w 560876"/>
              <a:gd name="connsiteY16" fmla="*/ 405583 h 581796"/>
              <a:gd name="connsiteX17" fmla="*/ 176213 w 560876"/>
              <a:gd name="connsiteY17" fmla="*/ 581796 h 581796"/>
              <a:gd name="connsiteX18" fmla="*/ 73819 w 560876"/>
              <a:gd name="connsiteY18" fmla="*/ 510358 h 581796"/>
              <a:gd name="connsiteX19" fmla="*/ 0 w 560876"/>
              <a:gd name="connsiteY19" fmla="*/ 507976 h 581796"/>
              <a:gd name="connsiteX20" fmla="*/ 111919 w 560876"/>
              <a:gd name="connsiteY20" fmla="*/ 315094 h 581796"/>
              <a:gd name="connsiteX21" fmla="*/ 166688 w 560876"/>
              <a:gd name="connsiteY21" fmla="*/ 117451 h 581796"/>
              <a:gd name="connsiteX0" fmla="*/ 166688 w 560876"/>
              <a:gd name="connsiteY0" fmla="*/ 118715 h 583060"/>
              <a:gd name="connsiteX1" fmla="*/ 204788 w 560876"/>
              <a:gd name="connsiteY1" fmla="*/ 16321 h 583060"/>
              <a:gd name="connsiteX2" fmla="*/ 254794 w 560876"/>
              <a:gd name="connsiteY2" fmla="*/ 85377 h 583060"/>
              <a:gd name="connsiteX3" fmla="*/ 235744 w 560876"/>
              <a:gd name="connsiteY3" fmla="*/ 163958 h 583060"/>
              <a:gd name="connsiteX4" fmla="*/ 399796 w 560876"/>
              <a:gd name="connsiteY4" fmla="*/ 14195 h 583060"/>
              <a:gd name="connsiteX5" fmla="*/ 441364 w 560876"/>
              <a:gd name="connsiteY5" fmla="*/ 33245 h 583060"/>
              <a:gd name="connsiteX6" fmla="*/ 352426 w 560876"/>
              <a:gd name="connsiteY6" fmla="*/ 173484 h 583060"/>
              <a:gd name="connsiteX7" fmla="*/ 464344 w 560876"/>
              <a:gd name="connsiteY7" fmla="*/ 35371 h 583060"/>
              <a:gd name="connsiteX8" fmla="*/ 499854 w 560876"/>
              <a:gd name="connsiteY8" fmla="*/ 61612 h 583060"/>
              <a:gd name="connsiteX9" fmla="*/ 438150 w 560876"/>
              <a:gd name="connsiteY9" fmla="*/ 156816 h 583060"/>
              <a:gd name="connsiteX10" fmla="*/ 514974 w 560876"/>
              <a:gd name="connsiteY10" fmla="*/ 81701 h 583060"/>
              <a:gd name="connsiteX11" fmla="*/ 545307 w 560876"/>
              <a:gd name="connsiteY11" fmla="*/ 102046 h 583060"/>
              <a:gd name="connsiteX12" fmla="*/ 450058 w 560876"/>
              <a:gd name="connsiteY12" fmla="*/ 230634 h 583060"/>
              <a:gd name="connsiteX13" fmla="*/ 538162 w 560876"/>
              <a:gd name="connsiteY13" fmla="*/ 163959 h 583060"/>
              <a:gd name="connsiteX14" fmla="*/ 560563 w 560876"/>
              <a:gd name="connsiteY14" fmla="*/ 181313 h 583060"/>
              <a:gd name="connsiteX15" fmla="*/ 518650 w 560876"/>
              <a:gd name="connsiteY15" fmla="*/ 237360 h 583060"/>
              <a:gd name="connsiteX16" fmla="*/ 276225 w 560876"/>
              <a:gd name="connsiteY16" fmla="*/ 406847 h 583060"/>
              <a:gd name="connsiteX17" fmla="*/ 176213 w 560876"/>
              <a:gd name="connsiteY17" fmla="*/ 583060 h 583060"/>
              <a:gd name="connsiteX18" fmla="*/ 73819 w 560876"/>
              <a:gd name="connsiteY18" fmla="*/ 511622 h 583060"/>
              <a:gd name="connsiteX19" fmla="*/ 0 w 560876"/>
              <a:gd name="connsiteY19" fmla="*/ 509240 h 583060"/>
              <a:gd name="connsiteX20" fmla="*/ 111919 w 560876"/>
              <a:gd name="connsiteY20" fmla="*/ 316358 h 583060"/>
              <a:gd name="connsiteX21" fmla="*/ 166688 w 560876"/>
              <a:gd name="connsiteY21" fmla="*/ 118715 h 583060"/>
              <a:gd name="connsiteX0" fmla="*/ 166688 w 560876"/>
              <a:gd name="connsiteY0" fmla="*/ 119546 h 583891"/>
              <a:gd name="connsiteX1" fmla="*/ 204788 w 560876"/>
              <a:gd name="connsiteY1" fmla="*/ 17152 h 583891"/>
              <a:gd name="connsiteX2" fmla="*/ 254794 w 560876"/>
              <a:gd name="connsiteY2" fmla="*/ 86208 h 583891"/>
              <a:gd name="connsiteX3" fmla="*/ 235744 w 560876"/>
              <a:gd name="connsiteY3" fmla="*/ 164789 h 583891"/>
              <a:gd name="connsiteX4" fmla="*/ 401969 w 560876"/>
              <a:gd name="connsiteY4" fmla="*/ 13939 h 583891"/>
              <a:gd name="connsiteX5" fmla="*/ 441364 w 560876"/>
              <a:gd name="connsiteY5" fmla="*/ 34076 h 583891"/>
              <a:gd name="connsiteX6" fmla="*/ 352426 w 560876"/>
              <a:gd name="connsiteY6" fmla="*/ 174315 h 583891"/>
              <a:gd name="connsiteX7" fmla="*/ 464344 w 560876"/>
              <a:gd name="connsiteY7" fmla="*/ 36202 h 583891"/>
              <a:gd name="connsiteX8" fmla="*/ 499854 w 560876"/>
              <a:gd name="connsiteY8" fmla="*/ 62443 h 583891"/>
              <a:gd name="connsiteX9" fmla="*/ 438150 w 560876"/>
              <a:gd name="connsiteY9" fmla="*/ 157647 h 583891"/>
              <a:gd name="connsiteX10" fmla="*/ 514974 w 560876"/>
              <a:gd name="connsiteY10" fmla="*/ 82532 h 583891"/>
              <a:gd name="connsiteX11" fmla="*/ 545307 w 560876"/>
              <a:gd name="connsiteY11" fmla="*/ 102877 h 583891"/>
              <a:gd name="connsiteX12" fmla="*/ 450058 w 560876"/>
              <a:gd name="connsiteY12" fmla="*/ 231465 h 583891"/>
              <a:gd name="connsiteX13" fmla="*/ 538162 w 560876"/>
              <a:gd name="connsiteY13" fmla="*/ 164790 h 583891"/>
              <a:gd name="connsiteX14" fmla="*/ 560563 w 560876"/>
              <a:gd name="connsiteY14" fmla="*/ 182144 h 583891"/>
              <a:gd name="connsiteX15" fmla="*/ 518650 w 560876"/>
              <a:gd name="connsiteY15" fmla="*/ 238191 h 583891"/>
              <a:gd name="connsiteX16" fmla="*/ 276225 w 560876"/>
              <a:gd name="connsiteY16" fmla="*/ 407678 h 583891"/>
              <a:gd name="connsiteX17" fmla="*/ 176213 w 560876"/>
              <a:gd name="connsiteY17" fmla="*/ 583891 h 583891"/>
              <a:gd name="connsiteX18" fmla="*/ 73819 w 560876"/>
              <a:gd name="connsiteY18" fmla="*/ 512453 h 583891"/>
              <a:gd name="connsiteX19" fmla="*/ 0 w 560876"/>
              <a:gd name="connsiteY19" fmla="*/ 510071 h 583891"/>
              <a:gd name="connsiteX20" fmla="*/ 111919 w 560876"/>
              <a:gd name="connsiteY20" fmla="*/ 317189 h 583891"/>
              <a:gd name="connsiteX21" fmla="*/ 166688 w 560876"/>
              <a:gd name="connsiteY21" fmla="*/ 119546 h 58389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</a:cxnLst>
            <a:rect l="l" t="t" r="r" b="b"/>
            <a:pathLst>
              <a:path w="560876" h="583891">
                <a:moveTo>
                  <a:pt x="166688" y="119546"/>
                </a:moveTo>
                <a:cubicBezTo>
                  <a:pt x="216298" y="88590"/>
                  <a:pt x="188914" y="52870"/>
                  <a:pt x="204788" y="17152"/>
                </a:cubicBezTo>
                <a:cubicBezTo>
                  <a:pt x="210676" y="11293"/>
                  <a:pt x="257969" y="20328"/>
                  <a:pt x="254794" y="86208"/>
                </a:cubicBezTo>
                <a:lnTo>
                  <a:pt x="235744" y="164789"/>
                </a:lnTo>
                <a:cubicBezTo>
                  <a:pt x="291306" y="136215"/>
                  <a:pt x="332120" y="121095"/>
                  <a:pt x="401969" y="13939"/>
                </a:cubicBezTo>
                <a:cubicBezTo>
                  <a:pt x="420432" y="-18111"/>
                  <a:pt x="457416" y="12190"/>
                  <a:pt x="441364" y="34076"/>
                </a:cubicBezTo>
                <a:lnTo>
                  <a:pt x="352426" y="174315"/>
                </a:lnTo>
                <a:cubicBezTo>
                  <a:pt x="389732" y="128277"/>
                  <a:pt x="431801" y="84782"/>
                  <a:pt x="464344" y="36202"/>
                </a:cubicBezTo>
                <a:cubicBezTo>
                  <a:pt x="480889" y="8366"/>
                  <a:pt x="524600" y="21823"/>
                  <a:pt x="499854" y="62443"/>
                </a:cubicBezTo>
                <a:lnTo>
                  <a:pt x="438150" y="157647"/>
                </a:lnTo>
                <a:cubicBezTo>
                  <a:pt x="431800" y="181062"/>
                  <a:pt x="491473" y="97707"/>
                  <a:pt x="514974" y="82532"/>
                </a:cubicBezTo>
                <a:cubicBezTo>
                  <a:pt x="532833" y="73404"/>
                  <a:pt x="549823" y="84706"/>
                  <a:pt x="545307" y="102877"/>
                </a:cubicBezTo>
                <a:cubicBezTo>
                  <a:pt x="546829" y="117939"/>
                  <a:pt x="447677" y="213606"/>
                  <a:pt x="450058" y="231465"/>
                </a:cubicBezTo>
                <a:cubicBezTo>
                  <a:pt x="448074" y="249721"/>
                  <a:pt x="519906" y="168362"/>
                  <a:pt x="538162" y="164790"/>
                </a:cubicBezTo>
                <a:cubicBezTo>
                  <a:pt x="555131" y="156389"/>
                  <a:pt x="562547" y="170635"/>
                  <a:pt x="560563" y="182144"/>
                </a:cubicBezTo>
                <a:cubicBezTo>
                  <a:pt x="558579" y="193653"/>
                  <a:pt x="541772" y="211288"/>
                  <a:pt x="518650" y="238191"/>
                </a:cubicBezTo>
                <a:cubicBezTo>
                  <a:pt x="471025" y="307644"/>
                  <a:pt x="371078" y="388230"/>
                  <a:pt x="276225" y="407678"/>
                </a:cubicBezTo>
                <a:lnTo>
                  <a:pt x="176213" y="583891"/>
                </a:lnTo>
                <a:cubicBezTo>
                  <a:pt x="134144" y="572778"/>
                  <a:pt x="101600" y="533091"/>
                  <a:pt x="73819" y="512453"/>
                </a:cubicBezTo>
                <a:lnTo>
                  <a:pt x="0" y="510071"/>
                </a:lnTo>
                <a:lnTo>
                  <a:pt x="111919" y="317189"/>
                </a:lnTo>
                <a:cubicBezTo>
                  <a:pt x="119857" y="258055"/>
                  <a:pt x="119063" y="147724"/>
                  <a:pt x="166688" y="119546"/>
                </a:cubicBezTo>
                <a:close/>
              </a:path>
            </a:pathLst>
          </a:custGeom>
          <a:solidFill>
            <a:srgbClr val="ECC5AA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103" name="Group 83"/>
          <p:cNvGrpSpPr/>
          <p:nvPr/>
        </p:nvGrpSpPr>
        <p:grpSpPr>
          <a:xfrm rot="1304201" flipH="1">
            <a:off x="1192563" y="3546685"/>
            <a:ext cx="868851" cy="1699354"/>
            <a:chOff x="5674058" y="2197224"/>
            <a:chExt cx="868851" cy="1699354"/>
          </a:xfrm>
        </p:grpSpPr>
        <p:sp>
          <p:nvSpPr>
            <p:cNvPr id="104" name="Freeform 84"/>
            <p:cNvSpPr/>
            <p:nvPr/>
          </p:nvSpPr>
          <p:spPr>
            <a:xfrm rot="521420" flipH="1">
              <a:off x="5838014" y="3301147"/>
              <a:ext cx="211270" cy="169188"/>
            </a:xfrm>
            <a:custGeom>
              <a:avLst/>
              <a:gdLst>
                <a:gd name="connsiteX0" fmla="*/ 10080 w 212804"/>
                <a:gd name="connsiteY0" fmla="*/ 80422 h 170970"/>
                <a:gd name="connsiteX1" fmla="*/ 112473 w 212804"/>
                <a:gd name="connsiteY1" fmla="*/ 13747 h 170970"/>
                <a:gd name="connsiteX2" fmla="*/ 186292 w 212804"/>
                <a:gd name="connsiteY2" fmla="*/ 1841 h 170970"/>
                <a:gd name="connsiteX3" fmla="*/ 207723 w 212804"/>
                <a:gd name="connsiteY3" fmla="*/ 39941 h 170970"/>
                <a:gd name="connsiteX4" fmla="*/ 98186 w 212804"/>
                <a:gd name="connsiteY4" fmla="*/ 139953 h 170970"/>
                <a:gd name="connsiteX5" fmla="*/ 14842 w 212804"/>
                <a:gd name="connsiteY5" fmla="*/ 168528 h 170970"/>
                <a:gd name="connsiteX6" fmla="*/ 10080 w 212804"/>
                <a:gd name="connsiteY6" fmla="*/ 80422 h 170970"/>
                <a:gd name="connsiteX0" fmla="*/ 7636 w 211270"/>
                <a:gd name="connsiteY0" fmla="*/ 78685 h 169233"/>
                <a:gd name="connsiteX1" fmla="*/ 74310 w 211270"/>
                <a:gd name="connsiteY1" fmla="*/ 28679 h 169233"/>
                <a:gd name="connsiteX2" fmla="*/ 183848 w 211270"/>
                <a:gd name="connsiteY2" fmla="*/ 104 h 169233"/>
                <a:gd name="connsiteX3" fmla="*/ 205279 w 211270"/>
                <a:gd name="connsiteY3" fmla="*/ 38204 h 169233"/>
                <a:gd name="connsiteX4" fmla="*/ 95742 w 211270"/>
                <a:gd name="connsiteY4" fmla="*/ 138216 h 169233"/>
                <a:gd name="connsiteX5" fmla="*/ 12398 w 211270"/>
                <a:gd name="connsiteY5" fmla="*/ 166791 h 169233"/>
                <a:gd name="connsiteX6" fmla="*/ 7636 w 211270"/>
                <a:gd name="connsiteY6" fmla="*/ 78685 h 169233"/>
                <a:gd name="connsiteX0" fmla="*/ 7636 w 211270"/>
                <a:gd name="connsiteY0" fmla="*/ 78640 h 169188"/>
                <a:gd name="connsiteX1" fmla="*/ 74310 w 211270"/>
                <a:gd name="connsiteY1" fmla="*/ 28634 h 169188"/>
                <a:gd name="connsiteX2" fmla="*/ 183848 w 211270"/>
                <a:gd name="connsiteY2" fmla="*/ 59 h 169188"/>
                <a:gd name="connsiteX3" fmla="*/ 205279 w 211270"/>
                <a:gd name="connsiteY3" fmla="*/ 38159 h 169188"/>
                <a:gd name="connsiteX4" fmla="*/ 95742 w 211270"/>
                <a:gd name="connsiteY4" fmla="*/ 138171 h 169188"/>
                <a:gd name="connsiteX5" fmla="*/ 12398 w 211270"/>
                <a:gd name="connsiteY5" fmla="*/ 166746 h 169188"/>
                <a:gd name="connsiteX6" fmla="*/ 7636 w 211270"/>
                <a:gd name="connsiteY6" fmla="*/ 78640 h 169188"/>
                <a:gd name="connsiteX0" fmla="*/ 7636 w 211270"/>
                <a:gd name="connsiteY0" fmla="*/ 78640 h 169188"/>
                <a:gd name="connsiteX1" fmla="*/ 74310 w 211270"/>
                <a:gd name="connsiteY1" fmla="*/ 28634 h 169188"/>
                <a:gd name="connsiteX2" fmla="*/ 183848 w 211270"/>
                <a:gd name="connsiteY2" fmla="*/ 59 h 169188"/>
                <a:gd name="connsiteX3" fmla="*/ 205279 w 211270"/>
                <a:gd name="connsiteY3" fmla="*/ 38159 h 169188"/>
                <a:gd name="connsiteX4" fmla="*/ 95742 w 211270"/>
                <a:gd name="connsiteY4" fmla="*/ 138171 h 169188"/>
                <a:gd name="connsiteX5" fmla="*/ 12398 w 211270"/>
                <a:gd name="connsiteY5" fmla="*/ 166746 h 169188"/>
                <a:gd name="connsiteX6" fmla="*/ 7636 w 211270"/>
                <a:gd name="connsiteY6" fmla="*/ 78640 h 16918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11270" h="169188">
                  <a:moveTo>
                    <a:pt x="7636" y="78640"/>
                  </a:moveTo>
                  <a:cubicBezTo>
                    <a:pt x="17955" y="55621"/>
                    <a:pt x="56847" y="39351"/>
                    <a:pt x="74310" y="28634"/>
                  </a:cubicBezTo>
                  <a:cubicBezTo>
                    <a:pt x="125110" y="29824"/>
                    <a:pt x="162020" y="-1528"/>
                    <a:pt x="183848" y="59"/>
                  </a:cubicBezTo>
                  <a:cubicBezTo>
                    <a:pt x="205676" y="1646"/>
                    <a:pt x="219963" y="15140"/>
                    <a:pt x="205279" y="38159"/>
                  </a:cubicBezTo>
                  <a:cubicBezTo>
                    <a:pt x="190595" y="61178"/>
                    <a:pt x="127889" y="116740"/>
                    <a:pt x="95742" y="138171"/>
                  </a:cubicBezTo>
                  <a:cubicBezTo>
                    <a:pt x="63595" y="159602"/>
                    <a:pt x="28670" y="175477"/>
                    <a:pt x="12398" y="166746"/>
                  </a:cubicBezTo>
                  <a:cubicBezTo>
                    <a:pt x="-3874" y="158015"/>
                    <a:pt x="-2683" y="101659"/>
                    <a:pt x="7636" y="78640"/>
                  </a:cubicBezTo>
                  <a:close/>
                </a:path>
              </a:pathLst>
            </a:custGeom>
            <a:solidFill>
              <a:sysClr val="windowText" lastClr="000000">
                <a:lumMod val="65000"/>
                <a:lumOff val="35000"/>
              </a:sys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5" name="Freeform 85"/>
            <p:cNvSpPr/>
            <p:nvPr/>
          </p:nvSpPr>
          <p:spPr>
            <a:xfrm rot="521420" flipH="1">
              <a:off x="6119001" y="3727390"/>
              <a:ext cx="211270" cy="169188"/>
            </a:xfrm>
            <a:custGeom>
              <a:avLst/>
              <a:gdLst>
                <a:gd name="connsiteX0" fmla="*/ 10080 w 212804"/>
                <a:gd name="connsiteY0" fmla="*/ 80422 h 170970"/>
                <a:gd name="connsiteX1" fmla="*/ 112473 w 212804"/>
                <a:gd name="connsiteY1" fmla="*/ 13747 h 170970"/>
                <a:gd name="connsiteX2" fmla="*/ 186292 w 212804"/>
                <a:gd name="connsiteY2" fmla="*/ 1841 h 170970"/>
                <a:gd name="connsiteX3" fmla="*/ 207723 w 212804"/>
                <a:gd name="connsiteY3" fmla="*/ 39941 h 170970"/>
                <a:gd name="connsiteX4" fmla="*/ 98186 w 212804"/>
                <a:gd name="connsiteY4" fmla="*/ 139953 h 170970"/>
                <a:gd name="connsiteX5" fmla="*/ 14842 w 212804"/>
                <a:gd name="connsiteY5" fmla="*/ 168528 h 170970"/>
                <a:gd name="connsiteX6" fmla="*/ 10080 w 212804"/>
                <a:gd name="connsiteY6" fmla="*/ 80422 h 170970"/>
                <a:gd name="connsiteX0" fmla="*/ 7636 w 211270"/>
                <a:gd name="connsiteY0" fmla="*/ 78685 h 169233"/>
                <a:gd name="connsiteX1" fmla="*/ 74310 w 211270"/>
                <a:gd name="connsiteY1" fmla="*/ 28679 h 169233"/>
                <a:gd name="connsiteX2" fmla="*/ 183848 w 211270"/>
                <a:gd name="connsiteY2" fmla="*/ 104 h 169233"/>
                <a:gd name="connsiteX3" fmla="*/ 205279 w 211270"/>
                <a:gd name="connsiteY3" fmla="*/ 38204 h 169233"/>
                <a:gd name="connsiteX4" fmla="*/ 95742 w 211270"/>
                <a:gd name="connsiteY4" fmla="*/ 138216 h 169233"/>
                <a:gd name="connsiteX5" fmla="*/ 12398 w 211270"/>
                <a:gd name="connsiteY5" fmla="*/ 166791 h 169233"/>
                <a:gd name="connsiteX6" fmla="*/ 7636 w 211270"/>
                <a:gd name="connsiteY6" fmla="*/ 78685 h 169233"/>
                <a:gd name="connsiteX0" fmla="*/ 7636 w 211270"/>
                <a:gd name="connsiteY0" fmla="*/ 78640 h 169188"/>
                <a:gd name="connsiteX1" fmla="*/ 74310 w 211270"/>
                <a:gd name="connsiteY1" fmla="*/ 28634 h 169188"/>
                <a:gd name="connsiteX2" fmla="*/ 183848 w 211270"/>
                <a:gd name="connsiteY2" fmla="*/ 59 h 169188"/>
                <a:gd name="connsiteX3" fmla="*/ 205279 w 211270"/>
                <a:gd name="connsiteY3" fmla="*/ 38159 h 169188"/>
                <a:gd name="connsiteX4" fmla="*/ 95742 w 211270"/>
                <a:gd name="connsiteY4" fmla="*/ 138171 h 169188"/>
                <a:gd name="connsiteX5" fmla="*/ 12398 w 211270"/>
                <a:gd name="connsiteY5" fmla="*/ 166746 h 169188"/>
                <a:gd name="connsiteX6" fmla="*/ 7636 w 211270"/>
                <a:gd name="connsiteY6" fmla="*/ 78640 h 169188"/>
                <a:gd name="connsiteX0" fmla="*/ 7636 w 211270"/>
                <a:gd name="connsiteY0" fmla="*/ 78640 h 169188"/>
                <a:gd name="connsiteX1" fmla="*/ 74310 w 211270"/>
                <a:gd name="connsiteY1" fmla="*/ 28634 h 169188"/>
                <a:gd name="connsiteX2" fmla="*/ 183848 w 211270"/>
                <a:gd name="connsiteY2" fmla="*/ 59 h 169188"/>
                <a:gd name="connsiteX3" fmla="*/ 205279 w 211270"/>
                <a:gd name="connsiteY3" fmla="*/ 38159 h 169188"/>
                <a:gd name="connsiteX4" fmla="*/ 95742 w 211270"/>
                <a:gd name="connsiteY4" fmla="*/ 138171 h 169188"/>
                <a:gd name="connsiteX5" fmla="*/ 12398 w 211270"/>
                <a:gd name="connsiteY5" fmla="*/ 166746 h 169188"/>
                <a:gd name="connsiteX6" fmla="*/ 7636 w 211270"/>
                <a:gd name="connsiteY6" fmla="*/ 78640 h 16918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11270" h="169188">
                  <a:moveTo>
                    <a:pt x="7636" y="78640"/>
                  </a:moveTo>
                  <a:cubicBezTo>
                    <a:pt x="17955" y="55621"/>
                    <a:pt x="56847" y="39351"/>
                    <a:pt x="74310" y="28634"/>
                  </a:cubicBezTo>
                  <a:cubicBezTo>
                    <a:pt x="125110" y="29824"/>
                    <a:pt x="162020" y="-1528"/>
                    <a:pt x="183848" y="59"/>
                  </a:cubicBezTo>
                  <a:cubicBezTo>
                    <a:pt x="205676" y="1646"/>
                    <a:pt x="219963" y="15140"/>
                    <a:pt x="205279" y="38159"/>
                  </a:cubicBezTo>
                  <a:cubicBezTo>
                    <a:pt x="190595" y="61178"/>
                    <a:pt x="127889" y="116740"/>
                    <a:pt x="95742" y="138171"/>
                  </a:cubicBezTo>
                  <a:cubicBezTo>
                    <a:pt x="63595" y="159602"/>
                    <a:pt x="28670" y="175477"/>
                    <a:pt x="12398" y="166746"/>
                  </a:cubicBezTo>
                  <a:cubicBezTo>
                    <a:pt x="-3874" y="158015"/>
                    <a:pt x="-2683" y="101659"/>
                    <a:pt x="7636" y="78640"/>
                  </a:cubicBezTo>
                  <a:close/>
                </a:path>
              </a:pathLst>
            </a:custGeom>
            <a:solidFill>
              <a:sysClr val="windowText" lastClr="000000">
                <a:lumMod val="65000"/>
                <a:lumOff val="35000"/>
              </a:sys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6" name="Rectangle 5"/>
            <p:cNvSpPr/>
            <p:nvPr/>
          </p:nvSpPr>
          <p:spPr>
            <a:xfrm>
              <a:off x="5923047" y="2929895"/>
              <a:ext cx="515852" cy="894393"/>
            </a:xfrm>
            <a:custGeom>
              <a:avLst/>
              <a:gdLst>
                <a:gd name="connsiteX0" fmla="*/ 0 w 597695"/>
                <a:gd name="connsiteY0" fmla="*/ 0 h 876300"/>
                <a:gd name="connsiteX1" fmla="*/ 597695 w 597695"/>
                <a:gd name="connsiteY1" fmla="*/ 0 h 876300"/>
                <a:gd name="connsiteX2" fmla="*/ 597695 w 597695"/>
                <a:gd name="connsiteY2" fmla="*/ 876300 h 876300"/>
                <a:gd name="connsiteX3" fmla="*/ 0 w 597695"/>
                <a:gd name="connsiteY3" fmla="*/ 876300 h 876300"/>
                <a:gd name="connsiteX4" fmla="*/ 0 w 597695"/>
                <a:gd name="connsiteY4" fmla="*/ 0 h 876300"/>
                <a:gd name="connsiteX0" fmla="*/ 0 w 597695"/>
                <a:gd name="connsiteY0" fmla="*/ 0 h 876300"/>
                <a:gd name="connsiteX1" fmla="*/ 597695 w 597695"/>
                <a:gd name="connsiteY1" fmla="*/ 0 h 876300"/>
                <a:gd name="connsiteX2" fmla="*/ 595314 w 597695"/>
                <a:gd name="connsiteY2" fmla="*/ 147639 h 876300"/>
                <a:gd name="connsiteX3" fmla="*/ 597695 w 597695"/>
                <a:gd name="connsiteY3" fmla="*/ 876300 h 876300"/>
                <a:gd name="connsiteX4" fmla="*/ 0 w 597695"/>
                <a:gd name="connsiteY4" fmla="*/ 876300 h 876300"/>
                <a:gd name="connsiteX5" fmla="*/ 0 w 597695"/>
                <a:gd name="connsiteY5" fmla="*/ 0 h 876300"/>
                <a:gd name="connsiteX0" fmla="*/ 0 w 597695"/>
                <a:gd name="connsiteY0" fmla="*/ 2380 h 878680"/>
                <a:gd name="connsiteX1" fmla="*/ 397670 w 597695"/>
                <a:gd name="connsiteY1" fmla="*/ 0 h 878680"/>
                <a:gd name="connsiteX2" fmla="*/ 597695 w 597695"/>
                <a:gd name="connsiteY2" fmla="*/ 2380 h 878680"/>
                <a:gd name="connsiteX3" fmla="*/ 595314 w 597695"/>
                <a:gd name="connsiteY3" fmla="*/ 150019 h 878680"/>
                <a:gd name="connsiteX4" fmla="*/ 597695 w 597695"/>
                <a:gd name="connsiteY4" fmla="*/ 878680 h 878680"/>
                <a:gd name="connsiteX5" fmla="*/ 0 w 597695"/>
                <a:gd name="connsiteY5" fmla="*/ 878680 h 878680"/>
                <a:gd name="connsiteX6" fmla="*/ 0 w 597695"/>
                <a:gd name="connsiteY6" fmla="*/ 2380 h 878680"/>
                <a:gd name="connsiteX0" fmla="*/ 0 w 597695"/>
                <a:gd name="connsiteY0" fmla="*/ 2380 h 878680"/>
                <a:gd name="connsiteX1" fmla="*/ 397670 w 597695"/>
                <a:gd name="connsiteY1" fmla="*/ 0 h 878680"/>
                <a:gd name="connsiteX2" fmla="*/ 595314 w 597695"/>
                <a:gd name="connsiteY2" fmla="*/ 150019 h 878680"/>
                <a:gd name="connsiteX3" fmla="*/ 597695 w 597695"/>
                <a:gd name="connsiteY3" fmla="*/ 878680 h 878680"/>
                <a:gd name="connsiteX4" fmla="*/ 0 w 597695"/>
                <a:gd name="connsiteY4" fmla="*/ 878680 h 878680"/>
                <a:gd name="connsiteX5" fmla="*/ 0 w 597695"/>
                <a:gd name="connsiteY5" fmla="*/ 2380 h 878680"/>
                <a:gd name="connsiteX0" fmla="*/ 0 w 597695"/>
                <a:gd name="connsiteY0" fmla="*/ 2380 h 878680"/>
                <a:gd name="connsiteX1" fmla="*/ 116683 w 597695"/>
                <a:gd name="connsiteY1" fmla="*/ 2381 h 878680"/>
                <a:gd name="connsiteX2" fmla="*/ 397670 w 597695"/>
                <a:gd name="connsiteY2" fmla="*/ 0 h 878680"/>
                <a:gd name="connsiteX3" fmla="*/ 595314 w 597695"/>
                <a:gd name="connsiteY3" fmla="*/ 150019 h 878680"/>
                <a:gd name="connsiteX4" fmla="*/ 597695 w 597695"/>
                <a:gd name="connsiteY4" fmla="*/ 878680 h 878680"/>
                <a:gd name="connsiteX5" fmla="*/ 0 w 597695"/>
                <a:gd name="connsiteY5" fmla="*/ 878680 h 878680"/>
                <a:gd name="connsiteX6" fmla="*/ 0 w 597695"/>
                <a:gd name="connsiteY6" fmla="*/ 2380 h 878680"/>
                <a:gd name="connsiteX0" fmla="*/ 0 w 641269"/>
                <a:gd name="connsiteY0" fmla="*/ 2380 h 878680"/>
                <a:gd name="connsiteX1" fmla="*/ 116683 w 641269"/>
                <a:gd name="connsiteY1" fmla="*/ 2381 h 878680"/>
                <a:gd name="connsiteX2" fmla="*/ 397670 w 641269"/>
                <a:gd name="connsiteY2" fmla="*/ 0 h 878680"/>
                <a:gd name="connsiteX3" fmla="*/ 595314 w 641269"/>
                <a:gd name="connsiteY3" fmla="*/ 150019 h 878680"/>
                <a:gd name="connsiteX4" fmla="*/ 595314 w 641269"/>
                <a:gd name="connsiteY4" fmla="*/ 440531 h 878680"/>
                <a:gd name="connsiteX5" fmla="*/ 597695 w 641269"/>
                <a:gd name="connsiteY5" fmla="*/ 878680 h 878680"/>
                <a:gd name="connsiteX6" fmla="*/ 0 w 641269"/>
                <a:gd name="connsiteY6" fmla="*/ 878680 h 878680"/>
                <a:gd name="connsiteX7" fmla="*/ 0 w 641269"/>
                <a:gd name="connsiteY7" fmla="*/ 2380 h 878680"/>
                <a:gd name="connsiteX0" fmla="*/ 0 w 623587"/>
                <a:gd name="connsiteY0" fmla="*/ 2380 h 878680"/>
                <a:gd name="connsiteX1" fmla="*/ 116683 w 623587"/>
                <a:gd name="connsiteY1" fmla="*/ 2381 h 878680"/>
                <a:gd name="connsiteX2" fmla="*/ 397670 w 623587"/>
                <a:gd name="connsiteY2" fmla="*/ 0 h 878680"/>
                <a:gd name="connsiteX3" fmla="*/ 595314 w 623587"/>
                <a:gd name="connsiteY3" fmla="*/ 150019 h 878680"/>
                <a:gd name="connsiteX4" fmla="*/ 478633 w 623587"/>
                <a:gd name="connsiteY4" fmla="*/ 390524 h 878680"/>
                <a:gd name="connsiteX5" fmla="*/ 597695 w 623587"/>
                <a:gd name="connsiteY5" fmla="*/ 878680 h 878680"/>
                <a:gd name="connsiteX6" fmla="*/ 0 w 623587"/>
                <a:gd name="connsiteY6" fmla="*/ 878680 h 878680"/>
                <a:gd name="connsiteX7" fmla="*/ 0 w 623587"/>
                <a:gd name="connsiteY7" fmla="*/ 2380 h 878680"/>
                <a:gd name="connsiteX0" fmla="*/ 0 w 623587"/>
                <a:gd name="connsiteY0" fmla="*/ 2380 h 878680"/>
                <a:gd name="connsiteX1" fmla="*/ 116683 w 623587"/>
                <a:gd name="connsiteY1" fmla="*/ 2381 h 878680"/>
                <a:gd name="connsiteX2" fmla="*/ 397670 w 623587"/>
                <a:gd name="connsiteY2" fmla="*/ 0 h 878680"/>
                <a:gd name="connsiteX3" fmla="*/ 595314 w 623587"/>
                <a:gd name="connsiteY3" fmla="*/ 150019 h 878680"/>
                <a:gd name="connsiteX4" fmla="*/ 478633 w 623587"/>
                <a:gd name="connsiteY4" fmla="*/ 390524 h 878680"/>
                <a:gd name="connsiteX5" fmla="*/ 597695 w 623587"/>
                <a:gd name="connsiteY5" fmla="*/ 878680 h 878680"/>
                <a:gd name="connsiteX6" fmla="*/ 0 w 623587"/>
                <a:gd name="connsiteY6" fmla="*/ 878680 h 878680"/>
                <a:gd name="connsiteX7" fmla="*/ 0 w 623587"/>
                <a:gd name="connsiteY7" fmla="*/ 2380 h 878680"/>
                <a:gd name="connsiteX0" fmla="*/ 0 w 623587"/>
                <a:gd name="connsiteY0" fmla="*/ 2380 h 878680"/>
                <a:gd name="connsiteX1" fmla="*/ 116683 w 623587"/>
                <a:gd name="connsiteY1" fmla="*/ 2381 h 878680"/>
                <a:gd name="connsiteX2" fmla="*/ 397670 w 623587"/>
                <a:gd name="connsiteY2" fmla="*/ 0 h 878680"/>
                <a:gd name="connsiteX3" fmla="*/ 595314 w 623587"/>
                <a:gd name="connsiteY3" fmla="*/ 150019 h 878680"/>
                <a:gd name="connsiteX4" fmla="*/ 478633 w 623587"/>
                <a:gd name="connsiteY4" fmla="*/ 390524 h 878680"/>
                <a:gd name="connsiteX5" fmla="*/ 597695 w 623587"/>
                <a:gd name="connsiteY5" fmla="*/ 878680 h 878680"/>
                <a:gd name="connsiteX6" fmla="*/ 0 w 623587"/>
                <a:gd name="connsiteY6" fmla="*/ 878680 h 878680"/>
                <a:gd name="connsiteX7" fmla="*/ 0 w 623587"/>
                <a:gd name="connsiteY7" fmla="*/ 2380 h 878680"/>
                <a:gd name="connsiteX0" fmla="*/ 0 w 623587"/>
                <a:gd name="connsiteY0" fmla="*/ 2380 h 878680"/>
                <a:gd name="connsiteX1" fmla="*/ 116683 w 623587"/>
                <a:gd name="connsiteY1" fmla="*/ 2381 h 878680"/>
                <a:gd name="connsiteX2" fmla="*/ 397670 w 623587"/>
                <a:gd name="connsiteY2" fmla="*/ 0 h 878680"/>
                <a:gd name="connsiteX3" fmla="*/ 595314 w 623587"/>
                <a:gd name="connsiteY3" fmla="*/ 150019 h 878680"/>
                <a:gd name="connsiteX4" fmla="*/ 478633 w 623587"/>
                <a:gd name="connsiteY4" fmla="*/ 390524 h 878680"/>
                <a:gd name="connsiteX5" fmla="*/ 597695 w 623587"/>
                <a:gd name="connsiteY5" fmla="*/ 878680 h 878680"/>
                <a:gd name="connsiteX6" fmla="*/ 500064 w 623587"/>
                <a:gd name="connsiteY6" fmla="*/ 876300 h 878680"/>
                <a:gd name="connsiteX7" fmla="*/ 0 w 623587"/>
                <a:gd name="connsiteY7" fmla="*/ 878680 h 878680"/>
                <a:gd name="connsiteX8" fmla="*/ 0 w 623587"/>
                <a:gd name="connsiteY8" fmla="*/ 2380 h 878680"/>
                <a:gd name="connsiteX0" fmla="*/ 0 w 595314"/>
                <a:gd name="connsiteY0" fmla="*/ 2380 h 878680"/>
                <a:gd name="connsiteX1" fmla="*/ 116683 w 595314"/>
                <a:gd name="connsiteY1" fmla="*/ 2381 h 878680"/>
                <a:gd name="connsiteX2" fmla="*/ 397670 w 595314"/>
                <a:gd name="connsiteY2" fmla="*/ 0 h 878680"/>
                <a:gd name="connsiteX3" fmla="*/ 595314 w 595314"/>
                <a:gd name="connsiteY3" fmla="*/ 150019 h 878680"/>
                <a:gd name="connsiteX4" fmla="*/ 478633 w 595314"/>
                <a:gd name="connsiteY4" fmla="*/ 390524 h 878680"/>
                <a:gd name="connsiteX5" fmla="*/ 500064 w 595314"/>
                <a:gd name="connsiteY5" fmla="*/ 876300 h 878680"/>
                <a:gd name="connsiteX6" fmla="*/ 0 w 595314"/>
                <a:gd name="connsiteY6" fmla="*/ 878680 h 878680"/>
                <a:gd name="connsiteX7" fmla="*/ 0 w 595314"/>
                <a:gd name="connsiteY7" fmla="*/ 2380 h 878680"/>
                <a:gd name="connsiteX0" fmla="*/ 0 w 595314"/>
                <a:gd name="connsiteY0" fmla="*/ 2380 h 878680"/>
                <a:gd name="connsiteX1" fmla="*/ 116683 w 595314"/>
                <a:gd name="connsiteY1" fmla="*/ 2381 h 878680"/>
                <a:gd name="connsiteX2" fmla="*/ 397670 w 595314"/>
                <a:gd name="connsiteY2" fmla="*/ 0 h 878680"/>
                <a:gd name="connsiteX3" fmla="*/ 595314 w 595314"/>
                <a:gd name="connsiteY3" fmla="*/ 150019 h 878680"/>
                <a:gd name="connsiteX4" fmla="*/ 478633 w 595314"/>
                <a:gd name="connsiteY4" fmla="*/ 390524 h 878680"/>
                <a:gd name="connsiteX5" fmla="*/ 500064 w 595314"/>
                <a:gd name="connsiteY5" fmla="*/ 876300 h 878680"/>
                <a:gd name="connsiteX6" fmla="*/ 0 w 595314"/>
                <a:gd name="connsiteY6" fmla="*/ 878680 h 878680"/>
                <a:gd name="connsiteX7" fmla="*/ 0 w 595314"/>
                <a:gd name="connsiteY7" fmla="*/ 2380 h 878680"/>
                <a:gd name="connsiteX0" fmla="*/ 0 w 595314"/>
                <a:gd name="connsiteY0" fmla="*/ 2380 h 878680"/>
                <a:gd name="connsiteX1" fmla="*/ 116683 w 595314"/>
                <a:gd name="connsiteY1" fmla="*/ 2381 h 878680"/>
                <a:gd name="connsiteX2" fmla="*/ 397670 w 595314"/>
                <a:gd name="connsiteY2" fmla="*/ 0 h 878680"/>
                <a:gd name="connsiteX3" fmla="*/ 595314 w 595314"/>
                <a:gd name="connsiteY3" fmla="*/ 150019 h 878680"/>
                <a:gd name="connsiteX4" fmla="*/ 490539 w 595314"/>
                <a:gd name="connsiteY4" fmla="*/ 388143 h 878680"/>
                <a:gd name="connsiteX5" fmla="*/ 500064 w 595314"/>
                <a:gd name="connsiteY5" fmla="*/ 876300 h 878680"/>
                <a:gd name="connsiteX6" fmla="*/ 0 w 595314"/>
                <a:gd name="connsiteY6" fmla="*/ 878680 h 878680"/>
                <a:gd name="connsiteX7" fmla="*/ 0 w 595314"/>
                <a:gd name="connsiteY7" fmla="*/ 2380 h 878680"/>
                <a:gd name="connsiteX0" fmla="*/ 0 w 595314"/>
                <a:gd name="connsiteY0" fmla="*/ 2380 h 878680"/>
                <a:gd name="connsiteX1" fmla="*/ 116683 w 595314"/>
                <a:gd name="connsiteY1" fmla="*/ 2381 h 878680"/>
                <a:gd name="connsiteX2" fmla="*/ 397670 w 595314"/>
                <a:gd name="connsiteY2" fmla="*/ 0 h 878680"/>
                <a:gd name="connsiteX3" fmla="*/ 595314 w 595314"/>
                <a:gd name="connsiteY3" fmla="*/ 150019 h 878680"/>
                <a:gd name="connsiteX4" fmla="*/ 490539 w 595314"/>
                <a:gd name="connsiteY4" fmla="*/ 388143 h 878680"/>
                <a:gd name="connsiteX5" fmla="*/ 500064 w 595314"/>
                <a:gd name="connsiteY5" fmla="*/ 876300 h 878680"/>
                <a:gd name="connsiteX6" fmla="*/ 397670 w 595314"/>
                <a:gd name="connsiteY6" fmla="*/ 876300 h 878680"/>
                <a:gd name="connsiteX7" fmla="*/ 0 w 595314"/>
                <a:gd name="connsiteY7" fmla="*/ 878680 h 878680"/>
                <a:gd name="connsiteX8" fmla="*/ 0 w 595314"/>
                <a:gd name="connsiteY8" fmla="*/ 2380 h 878680"/>
                <a:gd name="connsiteX0" fmla="*/ 0 w 595314"/>
                <a:gd name="connsiteY0" fmla="*/ 2380 h 878680"/>
                <a:gd name="connsiteX1" fmla="*/ 116683 w 595314"/>
                <a:gd name="connsiteY1" fmla="*/ 2381 h 878680"/>
                <a:gd name="connsiteX2" fmla="*/ 397670 w 595314"/>
                <a:gd name="connsiteY2" fmla="*/ 0 h 878680"/>
                <a:gd name="connsiteX3" fmla="*/ 595314 w 595314"/>
                <a:gd name="connsiteY3" fmla="*/ 150019 h 878680"/>
                <a:gd name="connsiteX4" fmla="*/ 490539 w 595314"/>
                <a:gd name="connsiteY4" fmla="*/ 388143 h 878680"/>
                <a:gd name="connsiteX5" fmla="*/ 500064 w 595314"/>
                <a:gd name="connsiteY5" fmla="*/ 876300 h 878680"/>
                <a:gd name="connsiteX6" fmla="*/ 397670 w 595314"/>
                <a:gd name="connsiteY6" fmla="*/ 876300 h 878680"/>
                <a:gd name="connsiteX7" fmla="*/ 0 w 595314"/>
                <a:gd name="connsiteY7" fmla="*/ 878680 h 878680"/>
                <a:gd name="connsiteX8" fmla="*/ 0 w 595314"/>
                <a:gd name="connsiteY8" fmla="*/ 2380 h 878680"/>
                <a:gd name="connsiteX0" fmla="*/ 2380 w 597694"/>
                <a:gd name="connsiteY0" fmla="*/ 2380 h 878680"/>
                <a:gd name="connsiteX1" fmla="*/ 119063 w 597694"/>
                <a:gd name="connsiteY1" fmla="*/ 2381 h 878680"/>
                <a:gd name="connsiteX2" fmla="*/ 400050 w 597694"/>
                <a:gd name="connsiteY2" fmla="*/ 0 h 878680"/>
                <a:gd name="connsiteX3" fmla="*/ 597694 w 597694"/>
                <a:gd name="connsiteY3" fmla="*/ 150019 h 878680"/>
                <a:gd name="connsiteX4" fmla="*/ 492919 w 597694"/>
                <a:gd name="connsiteY4" fmla="*/ 388143 h 878680"/>
                <a:gd name="connsiteX5" fmla="*/ 502444 w 597694"/>
                <a:gd name="connsiteY5" fmla="*/ 876300 h 878680"/>
                <a:gd name="connsiteX6" fmla="*/ 400050 w 597694"/>
                <a:gd name="connsiteY6" fmla="*/ 876300 h 878680"/>
                <a:gd name="connsiteX7" fmla="*/ 2380 w 597694"/>
                <a:gd name="connsiteY7" fmla="*/ 878680 h 878680"/>
                <a:gd name="connsiteX8" fmla="*/ 0 w 597694"/>
                <a:gd name="connsiteY8" fmla="*/ 573881 h 878680"/>
                <a:gd name="connsiteX9" fmla="*/ 2380 w 597694"/>
                <a:gd name="connsiteY9" fmla="*/ 2380 h 878680"/>
                <a:gd name="connsiteX0" fmla="*/ 2380 w 597694"/>
                <a:gd name="connsiteY0" fmla="*/ 2380 h 876300"/>
                <a:gd name="connsiteX1" fmla="*/ 119063 w 597694"/>
                <a:gd name="connsiteY1" fmla="*/ 2381 h 876300"/>
                <a:gd name="connsiteX2" fmla="*/ 400050 w 597694"/>
                <a:gd name="connsiteY2" fmla="*/ 0 h 876300"/>
                <a:gd name="connsiteX3" fmla="*/ 597694 w 597694"/>
                <a:gd name="connsiteY3" fmla="*/ 150019 h 876300"/>
                <a:gd name="connsiteX4" fmla="*/ 492919 w 597694"/>
                <a:gd name="connsiteY4" fmla="*/ 388143 h 876300"/>
                <a:gd name="connsiteX5" fmla="*/ 502444 w 597694"/>
                <a:gd name="connsiteY5" fmla="*/ 876300 h 876300"/>
                <a:gd name="connsiteX6" fmla="*/ 400050 w 597694"/>
                <a:gd name="connsiteY6" fmla="*/ 876300 h 876300"/>
                <a:gd name="connsiteX7" fmla="*/ 0 w 597694"/>
                <a:gd name="connsiteY7" fmla="*/ 573881 h 876300"/>
                <a:gd name="connsiteX8" fmla="*/ 2380 w 597694"/>
                <a:gd name="connsiteY8" fmla="*/ 2380 h 876300"/>
                <a:gd name="connsiteX0" fmla="*/ 2380 w 597694"/>
                <a:gd name="connsiteY0" fmla="*/ 2380 h 876300"/>
                <a:gd name="connsiteX1" fmla="*/ 119063 w 597694"/>
                <a:gd name="connsiteY1" fmla="*/ 2381 h 876300"/>
                <a:gd name="connsiteX2" fmla="*/ 400050 w 597694"/>
                <a:gd name="connsiteY2" fmla="*/ 0 h 876300"/>
                <a:gd name="connsiteX3" fmla="*/ 597694 w 597694"/>
                <a:gd name="connsiteY3" fmla="*/ 150019 h 876300"/>
                <a:gd name="connsiteX4" fmla="*/ 492919 w 597694"/>
                <a:gd name="connsiteY4" fmla="*/ 388143 h 876300"/>
                <a:gd name="connsiteX5" fmla="*/ 502444 w 597694"/>
                <a:gd name="connsiteY5" fmla="*/ 876300 h 876300"/>
                <a:gd name="connsiteX6" fmla="*/ 411956 w 597694"/>
                <a:gd name="connsiteY6" fmla="*/ 797719 h 876300"/>
                <a:gd name="connsiteX7" fmla="*/ 0 w 597694"/>
                <a:gd name="connsiteY7" fmla="*/ 573881 h 876300"/>
                <a:gd name="connsiteX8" fmla="*/ 2380 w 597694"/>
                <a:gd name="connsiteY8" fmla="*/ 2380 h 876300"/>
                <a:gd name="connsiteX0" fmla="*/ 2 w 595316"/>
                <a:gd name="connsiteY0" fmla="*/ 2380 h 876300"/>
                <a:gd name="connsiteX1" fmla="*/ 116685 w 595316"/>
                <a:gd name="connsiteY1" fmla="*/ 2381 h 876300"/>
                <a:gd name="connsiteX2" fmla="*/ 397672 w 595316"/>
                <a:gd name="connsiteY2" fmla="*/ 0 h 876300"/>
                <a:gd name="connsiteX3" fmla="*/ 595316 w 595316"/>
                <a:gd name="connsiteY3" fmla="*/ 150019 h 876300"/>
                <a:gd name="connsiteX4" fmla="*/ 490541 w 595316"/>
                <a:gd name="connsiteY4" fmla="*/ 388143 h 876300"/>
                <a:gd name="connsiteX5" fmla="*/ 500066 w 595316"/>
                <a:gd name="connsiteY5" fmla="*/ 876300 h 876300"/>
                <a:gd name="connsiteX6" fmla="*/ 409578 w 595316"/>
                <a:gd name="connsiteY6" fmla="*/ 797719 h 876300"/>
                <a:gd name="connsiteX7" fmla="*/ 345284 w 595316"/>
                <a:gd name="connsiteY7" fmla="*/ 416718 h 876300"/>
                <a:gd name="connsiteX8" fmla="*/ 2 w 595316"/>
                <a:gd name="connsiteY8" fmla="*/ 2380 h 876300"/>
                <a:gd name="connsiteX0" fmla="*/ 0 w 595314"/>
                <a:gd name="connsiteY0" fmla="*/ 2380 h 876300"/>
                <a:gd name="connsiteX1" fmla="*/ 116683 w 595314"/>
                <a:gd name="connsiteY1" fmla="*/ 2381 h 876300"/>
                <a:gd name="connsiteX2" fmla="*/ 397670 w 595314"/>
                <a:gd name="connsiteY2" fmla="*/ 0 h 876300"/>
                <a:gd name="connsiteX3" fmla="*/ 595314 w 595314"/>
                <a:gd name="connsiteY3" fmla="*/ 150019 h 876300"/>
                <a:gd name="connsiteX4" fmla="*/ 490539 w 595314"/>
                <a:gd name="connsiteY4" fmla="*/ 388143 h 876300"/>
                <a:gd name="connsiteX5" fmla="*/ 500064 w 595314"/>
                <a:gd name="connsiteY5" fmla="*/ 876300 h 876300"/>
                <a:gd name="connsiteX6" fmla="*/ 409576 w 595314"/>
                <a:gd name="connsiteY6" fmla="*/ 797719 h 876300"/>
                <a:gd name="connsiteX7" fmla="*/ 345282 w 595314"/>
                <a:gd name="connsiteY7" fmla="*/ 416718 h 876300"/>
                <a:gd name="connsiteX8" fmla="*/ 247652 w 595314"/>
                <a:gd name="connsiteY8" fmla="*/ 257175 h 876300"/>
                <a:gd name="connsiteX9" fmla="*/ 0 w 595314"/>
                <a:gd name="connsiteY9" fmla="*/ 2380 h 876300"/>
                <a:gd name="connsiteX0" fmla="*/ 0 w 595314"/>
                <a:gd name="connsiteY0" fmla="*/ 2380 h 876300"/>
                <a:gd name="connsiteX1" fmla="*/ 116683 w 595314"/>
                <a:gd name="connsiteY1" fmla="*/ 2381 h 876300"/>
                <a:gd name="connsiteX2" fmla="*/ 397670 w 595314"/>
                <a:gd name="connsiteY2" fmla="*/ 0 h 876300"/>
                <a:gd name="connsiteX3" fmla="*/ 595314 w 595314"/>
                <a:gd name="connsiteY3" fmla="*/ 150019 h 876300"/>
                <a:gd name="connsiteX4" fmla="*/ 490539 w 595314"/>
                <a:gd name="connsiteY4" fmla="*/ 388143 h 876300"/>
                <a:gd name="connsiteX5" fmla="*/ 500064 w 595314"/>
                <a:gd name="connsiteY5" fmla="*/ 876300 h 876300"/>
                <a:gd name="connsiteX6" fmla="*/ 409576 w 595314"/>
                <a:gd name="connsiteY6" fmla="*/ 797719 h 876300"/>
                <a:gd name="connsiteX7" fmla="*/ 345282 w 595314"/>
                <a:gd name="connsiteY7" fmla="*/ 416718 h 876300"/>
                <a:gd name="connsiteX8" fmla="*/ 445295 w 595314"/>
                <a:gd name="connsiteY8" fmla="*/ 152400 h 876300"/>
                <a:gd name="connsiteX9" fmla="*/ 0 w 595314"/>
                <a:gd name="connsiteY9" fmla="*/ 2380 h 876300"/>
                <a:gd name="connsiteX0" fmla="*/ 0 w 595314"/>
                <a:gd name="connsiteY0" fmla="*/ 2380 h 876300"/>
                <a:gd name="connsiteX1" fmla="*/ 116683 w 595314"/>
                <a:gd name="connsiteY1" fmla="*/ 2381 h 876300"/>
                <a:gd name="connsiteX2" fmla="*/ 397670 w 595314"/>
                <a:gd name="connsiteY2" fmla="*/ 0 h 876300"/>
                <a:gd name="connsiteX3" fmla="*/ 595314 w 595314"/>
                <a:gd name="connsiteY3" fmla="*/ 150019 h 876300"/>
                <a:gd name="connsiteX4" fmla="*/ 490539 w 595314"/>
                <a:gd name="connsiteY4" fmla="*/ 388143 h 876300"/>
                <a:gd name="connsiteX5" fmla="*/ 500064 w 595314"/>
                <a:gd name="connsiteY5" fmla="*/ 876300 h 876300"/>
                <a:gd name="connsiteX6" fmla="*/ 409576 w 595314"/>
                <a:gd name="connsiteY6" fmla="*/ 797719 h 876300"/>
                <a:gd name="connsiteX7" fmla="*/ 345282 w 595314"/>
                <a:gd name="connsiteY7" fmla="*/ 416718 h 876300"/>
                <a:gd name="connsiteX8" fmla="*/ 445295 w 595314"/>
                <a:gd name="connsiteY8" fmla="*/ 152400 h 876300"/>
                <a:gd name="connsiteX9" fmla="*/ 0 w 595314"/>
                <a:gd name="connsiteY9" fmla="*/ 2380 h 876300"/>
                <a:gd name="connsiteX0" fmla="*/ 0 w 595314"/>
                <a:gd name="connsiteY0" fmla="*/ 2380 h 876300"/>
                <a:gd name="connsiteX1" fmla="*/ 116683 w 595314"/>
                <a:gd name="connsiteY1" fmla="*/ 2381 h 876300"/>
                <a:gd name="connsiteX2" fmla="*/ 397670 w 595314"/>
                <a:gd name="connsiteY2" fmla="*/ 0 h 876300"/>
                <a:gd name="connsiteX3" fmla="*/ 595314 w 595314"/>
                <a:gd name="connsiteY3" fmla="*/ 150019 h 876300"/>
                <a:gd name="connsiteX4" fmla="*/ 490539 w 595314"/>
                <a:gd name="connsiteY4" fmla="*/ 388143 h 876300"/>
                <a:gd name="connsiteX5" fmla="*/ 500064 w 595314"/>
                <a:gd name="connsiteY5" fmla="*/ 876300 h 876300"/>
                <a:gd name="connsiteX6" fmla="*/ 409576 w 595314"/>
                <a:gd name="connsiteY6" fmla="*/ 797719 h 876300"/>
                <a:gd name="connsiteX7" fmla="*/ 345282 w 595314"/>
                <a:gd name="connsiteY7" fmla="*/ 416718 h 876300"/>
                <a:gd name="connsiteX8" fmla="*/ 428627 w 595314"/>
                <a:gd name="connsiteY8" fmla="*/ 161925 h 876300"/>
                <a:gd name="connsiteX9" fmla="*/ 0 w 595314"/>
                <a:gd name="connsiteY9" fmla="*/ 2380 h 876300"/>
                <a:gd name="connsiteX0" fmla="*/ 0 w 595314"/>
                <a:gd name="connsiteY0" fmla="*/ 2380 h 876300"/>
                <a:gd name="connsiteX1" fmla="*/ 116683 w 595314"/>
                <a:gd name="connsiteY1" fmla="*/ 2381 h 876300"/>
                <a:gd name="connsiteX2" fmla="*/ 397670 w 595314"/>
                <a:gd name="connsiteY2" fmla="*/ 0 h 876300"/>
                <a:gd name="connsiteX3" fmla="*/ 595314 w 595314"/>
                <a:gd name="connsiteY3" fmla="*/ 150019 h 876300"/>
                <a:gd name="connsiteX4" fmla="*/ 490539 w 595314"/>
                <a:gd name="connsiteY4" fmla="*/ 388143 h 876300"/>
                <a:gd name="connsiteX5" fmla="*/ 500064 w 595314"/>
                <a:gd name="connsiteY5" fmla="*/ 876300 h 876300"/>
                <a:gd name="connsiteX6" fmla="*/ 409576 w 595314"/>
                <a:gd name="connsiteY6" fmla="*/ 797719 h 876300"/>
                <a:gd name="connsiteX7" fmla="*/ 345282 w 595314"/>
                <a:gd name="connsiteY7" fmla="*/ 416718 h 876300"/>
                <a:gd name="connsiteX8" fmla="*/ 428627 w 595314"/>
                <a:gd name="connsiteY8" fmla="*/ 161925 h 876300"/>
                <a:gd name="connsiteX9" fmla="*/ 264320 w 595314"/>
                <a:gd name="connsiteY9" fmla="*/ 85725 h 876300"/>
                <a:gd name="connsiteX10" fmla="*/ 0 w 595314"/>
                <a:gd name="connsiteY10" fmla="*/ 2380 h 876300"/>
                <a:gd name="connsiteX0" fmla="*/ 0 w 595314"/>
                <a:gd name="connsiteY0" fmla="*/ 2380 h 876300"/>
                <a:gd name="connsiteX1" fmla="*/ 116683 w 595314"/>
                <a:gd name="connsiteY1" fmla="*/ 2381 h 876300"/>
                <a:gd name="connsiteX2" fmla="*/ 397670 w 595314"/>
                <a:gd name="connsiteY2" fmla="*/ 0 h 876300"/>
                <a:gd name="connsiteX3" fmla="*/ 595314 w 595314"/>
                <a:gd name="connsiteY3" fmla="*/ 150019 h 876300"/>
                <a:gd name="connsiteX4" fmla="*/ 490539 w 595314"/>
                <a:gd name="connsiteY4" fmla="*/ 388143 h 876300"/>
                <a:gd name="connsiteX5" fmla="*/ 500064 w 595314"/>
                <a:gd name="connsiteY5" fmla="*/ 876300 h 876300"/>
                <a:gd name="connsiteX6" fmla="*/ 409576 w 595314"/>
                <a:gd name="connsiteY6" fmla="*/ 797719 h 876300"/>
                <a:gd name="connsiteX7" fmla="*/ 345282 w 595314"/>
                <a:gd name="connsiteY7" fmla="*/ 416718 h 876300"/>
                <a:gd name="connsiteX8" fmla="*/ 428627 w 595314"/>
                <a:gd name="connsiteY8" fmla="*/ 161925 h 876300"/>
                <a:gd name="connsiteX9" fmla="*/ 190501 w 595314"/>
                <a:gd name="connsiteY9" fmla="*/ 554831 h 876300"/>
                <a:gd name="connsiteX10" fmla="*/ 0 w 595314"/>
                <a:gd name="connsiteY10" fmla="*/ 2380 h 876300"/>
                <a:gd name="connsiteX0" fmla="*/ 0 w 595314"/>
                <a:gd name="connsiteY0" fmla="*/ 2380 h 876300"/>
                <a:gd name="connsiteX1" fmla="*/ 116683 w 595314"/>
                <a:gd name="connsiteY1" fmla="*/ 2381 h 876300"/>
                <a:gd name="connsiteX2" fmla="*/ 397670 w 595314"/>
                <a:gd name="connsiteY2" fmla="*/ 0 h 876300"/>
                <a:gd name="connsiteX3" fmla="*/ 595314 w 595314"/>
                <a:gd name="connsiteY3" fmla="*/ 150019 h 876300"/>
                <a:gd name="connsiteX4" fmla="*/ 490539 w 595314"/>
                <a:gd name="connsiteY4" fmla="*/ 388143 h 876300"/>
                <a:gd name="connsiteX5" fmla="*/ 500064 w 595314"/>
                <a:gd name="connsiteY5" fmla="*/ 876300 h 876300"/>
                <a:gd name="connsiteX6" fmla="*/ 409576 w 595314"/>
                <a:gd name="connsiteY6" fmla="*/ 797719 h 876300"/>
                <a:gd name="connsiteX7" fmla="*/ 345282 w 595314"/>
                <a:gd name="connsiteY7" fmla="*/ 416718 h 876300"/>
                <a:gd name="connsiteX8" fmla="*/ 428627 w 595314"/>
                <a:gd name="connsiteY8" fmla="*/ 161925 h 876300"/>
                <a:gd name="connsiteX9" fmla="*/ 200026 w 595314"/>
                <a:gd name="connsiteY9" fmla="*/ 469106 h 876300"/>
                <a:gd name="connsiteX10" fmla="*/ 0 w 595314"/>
                <a:gd name="connsiteY10" fmla="*/ 2380 h 876300"/>
                <a:gd name="connsiteX0" fmla="*/ 0 w 595314"/>
                <a:gd name="connsiteY0" fmla="*/ 2380 h 876300"/>
                <a:gd name="connsiteX1" fmla="*/ 116683 w 595314"/>
                <a:gd name="connsiteY1" fmla="*/ 2381 h 876300"/>
                <a:gd name="connsiteX2" fmla="*/ 397670 w 595314"/>
                <a:gd name="connsiteY2" fmla="*/ 0 h 876300"/>
                <a:gd name="connsiteX3" fmla="*/ 595314 w 595314"/>
                <a:gd name="connsiteY3" fmla="*/ 150019 h 876300"/>
                <a:gd name="connsiteX4" fmla="*/ 490539 w 595314"/>
                <a:gd name="connsiteY4" fmla="*/ 388143 h 876300"/>
                <a:gd name="connsiteX5" fmla="*/ 500064 w 595314"/>
                <a:gd name="connsiteY5" fmla="*/ 876300 h 876300"/>
                <a:gd name="connsiteX6" fmla="*/ 409576 w 595314"/>
                <a:gd name="connsiteY6" fmla="*/ 797719 h 876300"/>
                <a:gd name="connsiteX7" fmla="*/ 345282 w 595314"/>
                <a:gd name="connsiteY7" fmla="*/ 416718 h 876300"/>
                <a:gd name="connsiteX8" fmla="*/ 428627 w 595314"/>
                <a:gd name="connsiteY8" fmla="*/ 161925 h 876300"/>
                <a:gd name="connsiteX9" fmla="*/ 309564 w 595314"/>
                <a:gd name="connsiteY9" fmla="*/ 347663 h 876300"/>
                <a:gd name="connsiteX10" fmla="*/ 200026 w 595314"/>
                <a:gd name="connsiteY10" fmla="*/ 469106 h 876300"/>
                <a:gd name="connsiteX11" fmla="*/ 0 w 595314"/>
                <a:gd name="connsiteY11" fmla="*/ 2380 h 876300"/>
                <a:gd name="connsiteX0" fmla="*/ 0 w 595314"/>
                <a:gd name="connsiteY0" fmla="*/ 2380 h 876300"/>
                <a:gd name="connsiteX1" fmla="*/ 116683 w 595314"/>
                <a:gd name="connsiteY1" fmla="*/ 2381 h 876300"/>
                <a:gd name="connsiteX2" fmla="*/ 397670 w 595314"/>
                <a:gd name="connsiteY2" fmla="*/ 0 h 876300"/>
                <a:gd name="connsiteX3" fmla="*/ 595314 w 595314"/>
                <a:gd name="connsiteY3" fmla="*/ 150019 h 876300"/>
                <a:gd name="connsiteX4" fmla="*/ 490539 w 595314"/>
                <a:gd name="connsiteY4" fmla="*/ 388143 h 876300"/>
                <a:gd name="connsiteX5" fmla="*/ 500064 w 595314"/>
                <a:gd name="connsiteY5" fmla="*/ 876300 h 876300"/>
                <a:gd name="connsiteX6" fmla="*/ 409576 w 595314"/>
                <a:gd name="connsiteY6" fmla="*/ 797719 h 876300"/>
                <a:gd name="connsiteX7" fmla="*/ 345282 w 595314"/>
                <a:gd name="connsiteY7" fmla="*/ 416718 h 876300"/>
                <a:gd name="connsiteX8" fmla="*/ 428627 w 595314"/>
                <a:gd name="connsiteY8" fmla="*/ 161925 h 876300"/>
                <a:gd name="connsiteX9" fmla="*/ 200026 w 595314"/>
                <a:gd name="connsiteY9" fmla="*/ 119063 h 876300"/>
                <a:gd name="connsiteX10" fmla="*/ 200026 w 595314"/>
                <a:gd name="connsiteY10" fmla="*/ 469106 h 876300"/>
                <a:gd name="connsiteX11" fmla="*/ 0 w 595314"/>
                <a:gd name="connsiteY11" fmla="*/ 2380 h 876300"/>
                <a:gd name="connsiteX0" fmla="*/ 0 w 595314"/>
                <a:gd name="connsiteY0" fmla="*/ 2380 h 876300"/>
                <a:gd name="connsiteX1" fmla="*/ 116683 w 595314"/>
                <a:gd name="connsiteY1" fmla="*/ 2381 h 876300"/>
                <a:gd name="connsiteX2" fmla="*/ 397670 w 595314"/>
                <a:gd name="connsiteY2" fmla="*/ 0 h 876300"/>
                <a:gd name="connsiteX3" fmla="*/ 595314 w 595314"/>
                <a:gd name="connsiteY3" fmla="*/ 150019 h 876300"/>
                <a:gd name="connsiteX4" fmla="*/ 490539 w 595314"/>
                <a:gd name="connsiteY4" fmla="*/ 388143 h 876300"/>
                <a:gd name="connsiteX5" fmla="*/ 500064 w 595314"/>
                <a:gd name="connsiteY5" fmla="*/ 876300 h 876300"/>
                <a:gd name="connsiteX6" fmla="*/ 409576 w 595314"/>
                <a:gd name="connsiteY6" fmla="*/ 797719 h 876300"/>
                <a:gd name="connsiteX7" fmla="*/ 345282 w 595314"/>
                <a:gd name="connsiteY7" fmla="*/ 416718 h 876300"/>
                <a:gd name="connsiteX8" fmla="*/ 428627 w 595314"/>
                <a:gd name="connsiteY8" fmla="*/ 161925 h 876300"/>
                <a:gd name="connsiteX9" fmla="*/ 200026 w 595314"/>
                <a:gd name="connsiteY9" fmla="*/ 119063 h 876300"/>
                <a:gd name="connsiteX10" fmla="*/ 200026 w 595314"/>
                <a:gd name="connsiteY10" fmla="*/ 469106 h 876300"/>
                <a:gd name="connsiteX11" fmla="*/ 0 w 595314"/>
                <a:gd name="connsiteY11" fmla="*/ 2380 h 876300"/>
                <a:gd name="connsiteX0" fmla="*/ 0 w 595314"/>
                <a:gd name="connsiteY0" fmla="*/ 2380 h 876300"/>
                <a:gd name="connsiteX1" fmla="*/ 116683 w 595314"/>
                <a:gd name="connsiteY1" fmla="*/ 2381 h 876300"/>
                <a:gd name="connsiteX2" fmla="*/ 397670 w 595314"/>
                <a:gd name="connsiteY2" fmla="*/ 0 h 876300"/>
                <a:gd name="connsiteX3" fmla="*/ 595314 w 595314"/>
                <a:gd name="connsiteY3" fmla="*/ 150019 h 876300"/>
                <a:gd name="connsiteX4" fmla="*/ 490539 w 595314"/>
                <a:gd name="connsiteY4" fmla="*/ 388143 h 876300"/>
                <a:gd name="connsiteX5" fmla="*/ 500064 w 595314"/>
                <a:gd name="connsiteY5" fmla="*/ 876300 h 876300"/>
                <a:gd name="connsiteX6" fmla="*/ 409576 w 595314"/>
                <a:gd name="connsiteY6" fmla="*/ 797719 h 876300"/>
                <a:gd name="connsiteX7" fmla="*/ 345282 w 595314"/>
                <a:gd name="connsiteY7" fmla="*/ 416718 h 876300"/>
                <a:gd name="connsiteX8" fmla="*/ 428627 w 595314"/>
                <a:gd name="connsiteY8" fmla="*/ 161925 h 876300"/>
                <a:gd name="connsiteX9" fmla="*/ 200026 w 595314"/>
                <a:gd name="connsiteY9" fmla="*/ 119063 h 876300"/>
                <a:gd name="connsiteX10" fmla="*/ 200026 w 595314"/>
                <a:gd name="connsiteY10" fmla="*/ 469106 h 876300"/>
                <a:gd name="connsiteX11" fmla="*/ 128589 w 595314"/>
                <a:gd name="connsiteY11" fmla="*/ 350044 h 876300"/>
                <a:gd name="connsiteX12" fmla="*/ 0 w 595314"/>
                <a:gd name="connsiteY12" fmla="*/ 2380 h 876300"/>
                <a:gd name="connsiteX0" fmla="*/ 0 w 595314"/>
                <a:gd name="connsiteY0" fmla="*/ 2380 h 876300"/>
                <a:gd name="connsiteX1" fmla="*/ 116683 w 595314"/>
                <a:gd name="connsiteY1" fmla="*/ 2381 h 876300"/>
                <a:gd name="connsiteX2" fmla="*/ 397670 w 595314"/>
                <a:gd name="connsiteY2" fmla="*/ 0 h 876300"/>
                <a:gd name="connsiteX3" fmla="*/ 595314 w 595314"/>
                <a:gd name="connsiteY3" fmla="*/ 150019 h 876300"/>
                <a:gd name="connsiteX4" fmla="*/ 490539 w 595314"/>
                <a:gd name="connsiteY4" fmla="*/ 388143 h 876300"/>
                <a:gd name="connsiteX5" fmla="*/ 500064 w 595314"/>
                <a:gd name="connsiteY5" fmla="*/ 876300 h 876300"/>
                <a:gd name="connsiteX6" fmla="*/ 409576 w 595314"/>
                <a:gd name="connsiteY6" fmla="*/ 797719 h 876300"/>
                <a:gd name="connsiteX7" fmla="*/ 345282 w 595314"/>
                <a:gd name="connsiteY7" fmla="*/ 416718 h 876300"/>
                <a:gd name="connsiteX8" fmla="*/ 428627 w 595314"/>
                <a:gd name="connsiteY8" fmla="*/ 161925 h 876300"/>
                <a:gd name="connsiteX9" fmla="*/ 200026 w 595314"/>
                <a:gd name="connsiteY9" fmla="*/ 119063 h 876300"/>
                <a:gd name="connsiteX10" fmla="*/ 200026 w 595314"/>
                <a:gd name="connsiteY10" fmla="*/ 469106 h 876300"/>
                <a:gd name="connsiteX11" fmla="*/ 119064 w 595314"/>
                <a:gd name="connsiteY11" fmla="*/ 383381 h 876300"/>
                <a:gd name="connsiteX12" fmla="*/ 0 w 595314"/>
                <a:gd name="connsiteY12" fmla="*/ 2380 h 876300"/>
                <a:gd name="connsiteX0" fmla="*/ 0 w 595314"/>
                <a:gd name="connsiteY0" fmla="*/ 2380 h 876300"/>
                <a:gd name="connsiteX1" fmla="*/ 116683 w 595314"/>
                <a:gd name="connsiteY1" fmla="*/ 2381 h 876300"/>
                <a:gd name="connsiteX2" fmla="*/ 397670 w 595314"/>
                <a:gd name="connsiteY2" fmla="*/ 0 h 876300"/>
                <a:gd name="connsiteX3" fmla="*/ 595314 w 595314"/>
                <a:gd name="connsiteY3" fmla="*/ 150019 h 876300"/>
                <a:gd name="connsiteX4" fmla="*/ 490539 w 595314"/>
                <a:gd name="connsiteY4" fmla="*/ 388143 h 876300"/>
                <a:gd name="connsiteX5" fmla="*/ 500064 w 595314"/>
                <a:gd name="connsiteY5" fmla="*/ 876300 h 876300"/>
                <a:gd name="connsiteX6" fmla="*/ 409576 w 595314"/>
                <a:gd name="connsiteY6" fmla="*/ 797719 h 876300"/>
                <a:gd name="connsiteX7" fmla="*/ 345282 w 595314"/>
                <a:gd name="connsiteY7" fmla="*/ 416718 h 876300"/>
                <a:gd name="connsiteX8" fmla="*/ 428627 w 595314"/>
                <a:gd name="connsiteY8" fmla="*/ 161925 h 876300"/>
                <a:gd name="connsiteX9" fmla="*/ 200026 w 595314"/>
                <a:gd name="connsiteY9" fmla="*/ 119063 h 876300"/>
                <a:gd name="connsiteX10" fmla="*/ 200026 w 595314"/>
                <a:gd name="connsiteY10" fmla="*/ 469106 h 876300"/>
                <a:gd name="connsiteX11" fmla="*/ 119064 w 595314"/>
                <a:gd name="connsiteY11" fmla="*/ 383381 h 876300"/>
                <a:gd name="connsiteX12" fmla="*/ 0 w 595314"/>
                <a:gd name="connsiteY12" fmla="*/ 2380 h 876300"/>
                <a:gd name="connsiteX0" fmla="*/ 0 w 595314"/>
                <a:gd name="connsiteY0" fmla="*/ 2380 h 876300"/>
                <a:gd name="connsiteX1" fmla="*/ 116683 w 595314"/>
                <a:gd name="connsiteY1" fmla="*/ 2381 h 876300"/>
                <a:gd name="connsiteX2" fmla="*/ 397670 w 595314"/>
                <a:gd name="connsiteY2" fmla="*/ 0 h 876300"/>
                <a:gd name="connsiteX3" fmla="*/ 595314 w 595314"/>
                <a:gd name="connsiteY3" fmla="*/ 150019 h 876300"/>
                <a:gd name="connsiteX4" fmla="*/ 490539 w 595314"/>
                <a:gd name="connsiteY4" fmla="*/ 388143 h 876300"/>
                <a:gd name="connsiteX5" fmla="*/ 500064 w 595314"/>
                <a:gd name="connsiteY5" fmla="*/ 876300 h 876300"/>
                <a:gd name="connsiteX6" fmla="*/ 409576 w 595314"/>
                <a:gd name="connsiteY6" fmla="*/ 797719 h 876300"/>
                <a:gd name="connsiteX7" fmla="*/ 345282 w 595314"/>
                <a:gd name="connsiteY7" fmla="*/ 416718 h 876300"/>
                <a:gd name="connsiteX8" fmla="*/ 428627 w 595314"/>
                <a:gd name="connsiteY8" fmla="*/ 161925 h 876300"/>
                <a:gd name="connsiteX9" fmla="*/ 200026 w 595314"/>
                <a:gd name="connsiteY9" fmla="*/ 119063 h 876300"/>
                <a:gd name="connsiteX10" fmla="*/ 200026 w 595314"/>
                <a:gd name="connsiteY10" fmla="*/ 469106 h 876300"/>
                <a:gd name="connsiteX11" fmla="*/ 119064 w 595314"/>
                <a:gd name="connsiteY11" fmla="*/ 383381 h 876300"/>
                <a:gd name="connsiteX12" fmla="*/ 0 w 595314"/>
                <a:gd name="connsiteY12" fmla="*/ 2380 h 876300"/>
                <a:gd name="connsiteX0" fmla="*/ 0 w 595314"/>
                <a:gd name="connsiteY0" fmla="*/ 2380 h 876300"/>
                <a:gd name="connsiteX1" fmla="*/ 116683 w 595314"/>
                <a:gd name="connsiteY1" fmla="*/ 2381 h 876300"/>
                <a:gd name="connsiteX2" fmla="*/ 397670 w 595314"/>
                <a:gd name="connsiteY2" fmla="*/ 0 h 876300"/>
                <a:gd name="connsiteX3" fmla="*/ 595314 w 595314"/>
                <a:gd name="connsiteY3" fmla="*/ 150019 h 876300"/>
                <a:gd name="connsiteX4" fmla="*/ 490539 w 595314"/>
                <a:gd name="connsiteY4" fmla="*/ 388143 h 876300"/>
                <a:gd name="connsiteX5" fmla="*/ 500064 w 595314"/>
                <a:gd name="connsiteY5" fmla="*/ 876300 h 876300"/>
                <a:gd name="connsiteX6" fmla="*/ 409576 w 595314"/>
                <a:gd name="connsiteY6" fmla="*/ 797719 h 876300"/>
                <a:gd name="connsiteX7" fmla="*/ 345282 w 595314"/>
                <a:gd name="connsiteY7" fmla="*/ 416718 h 876300"/>
                <a:gd name="connsiteX8" fmla="*/ 428627 w 595314"/>
                <a:gd name="connsiteY8" fmla="*/ 161925 h 876300"/>
                <a:gd name="connsiteX9" fmla="*/ 200026 w 595314"/>
                <a:gd name="connsiteY9" fmla="*/ 119063 h 876300"/>
                <a:gd name="connsiteX10" fmla="*/ 200026 w 595314"/>
                <a:gd name="connsiteY10" fmla="*/ 469106 h 876300"/>
                <a:gd name="connsiteX11" fmla="*/ 119064 w 595314"/>
                <a:gd name="connsiteY11" fmla="*/ 383381 h 876300"/>
                <a:gd name="connsiteX12" fmla="*/ 0 w 595314"/>
                <a:gd name="connsiteY12" fmla="*/ 2380 h 876300"/>
                <a:gd name="connsiteX0" fmla="*/ 0 w 595314"/>
                <a:gd name="connsiteY0" fmla="*/ 2380 h 876300"/>
                <a:gd name="connsiteX1" fmla="*/ 116683 w 595314"/>
                <a:gd name="connsiteY1" fmla="*/ 2381 h 876300"/>
                <a:gd name="connsiteX2" fmla="*/ 397670 w 595314"/>
                <a:gd name="connsiteY2" fmla="*/ 0 h 876300"/>
                <a:gd name="connsiteX3" fmla="*/ 595314 w 595314"/>
                <a:gd name="connsiteY3" fmla="*/ 150019 h 876300"/>
                <a:gd name="connsiteX4" fmla="*/ 490539 w 595314"/>
                <a:gd name="connsiteY4" fmla="*/ 388143 h 876300"/>
                <a:gd name="connsiteX5" fmla="*/ 500064 w 595314"/>
                <a:gd name="connsiteY5" fmla="*/ 876300 h 876300"/>
                <a:gd name="connsiteX6" fmla="*/ 409576 w 595314"/>
                <a:gd name="connsiteY6" fmla="*/ 797719 h 876300"/>
                <a:gd name="connsiteX7" fmla="*/ 345282 w 595314"/>
                <a:gd name="connsiteY7" fmla="*/ 416718 h 876300"/>
                <a:gd name="connsiteX8" fmla="*/ 428627 w 595314"/>
                <a:gd name="connsiteY8" fmla="*/ 161925 h 876300"/>
                <a:gd name="connsiteX9" fmla="*/ 200026 w 595314"/>
                <a:gd name="connsiteY9" fmla="*/ 119063 h 876300"/>
                <a:gd name="connsiteX10" fmla="*/ 200026 w 595314"/>
                <a:gd name="connsiteY10" fmla="*/ 442912 h 876300"/>
                <a:gd name="connsiteX11" fmla="*/ 119064 w 595314"/>
                <a:gd name="connsiteY11" fmla="*/ 383381 h 876300"/>
                <a:gd name="connsiteX12" fmla="*/ 0 w 595314"/>
                <a:gd name="connsiteY12" fmla="*/ 2380 h 876300"/>
                <a:gd name="connsiteX0" fmla="*/ 0 w 595314"/>
                <a:gd name="connsiteY0" fmla="*/ 2380 h 876300"/>
                <a:gd name="connsiteX1" fmla="*/ 116683 w 595314"/>
                <a:gd name="connsiteY1" fmla="*/ 2381 h 876300"/>
                <a:gd name="connsiteX2" fmla="*/ 397670 w 595314"/>
                <a:gd name="connsiteY2" fmla="*/ 0 h 876300"/>
                <a:gd name="connsiteX3" fmla="*/ 595314 w 595314"/>
                <a:gd name="connsiteY3" fmla="*/ 150019 h 876300"/>
                <a:gd name="connsiteX4" fmla="*/ 490539 w 595314"/>
                <a:gd name="connsiteY4" fmla="*/ 388143 h 876300"/>
                <a:gd name="connsiteX5" fmla="*/ 500064 w 595314"/>
                <a:gd name="connsiteY5" fmla="*/ 876300 h 876300"/>
                <a:gd name="connsiteX6" fmla="*/ 409576 w 595314"/>
                <a:gd name="connsiteY6" fmla="*/ 797719 h 876300"/>
                <a:gd name="connsiteX7" fmla="*/ 345282 w 595314"/>
                <a:gd name="connsiteY7" fmla="*/ 416718 h 876300"/>
                <a:gd name="connsiteX8" fmla="*/ 428627 w 595314"/>
                <a:gd name="connsiteY8" fmla="*/ 161925 h 876300"/>
                <a:gd name="connsiteX9" fmla="*/ 200026 w 595314"/>
                <a:gd name="connsiteY9" fmla="*/ 119063 h 876300"/>
                <a:gd name="connsiteX10" fmla="*/ 200026 w 595314"/>
                <a:gd name="connsiteY10" fmla="*/ 442912 h 876300"/>
                <a:gd name="connsiteX11" fmla="*/ 119064 w 595314"/>
                <a:gd name="connsiteY11" fmla="*/ 383381 h 876300"/>
                <a:gd name="connsiteX12" fmla="*/ 0 w 595314"/>
                <a:gd name="connsiteY12" fmla="*/ 2380 h 876300"/>
                <a:gd name="connsiteX0" fmla="*/ 0 w 595314"/>
                <a:gd name="connsiteY0" fmla="*/ 2380 h 876300"/>
                <a:gd name="connsiteX1" fmla="*/ 116683 w 595314"/>
                <a:gd name="connsiteY1" fmla="*/ 2381 h 876300"/>
                <a:gd name="connsiteX2" fmla="*/ 397670 w 595314"/>
                <a:gd name="connsiteY2" fmla="*/ 0 h 876300"/>
                <a:gd name="connsiteX3" fmla="*/ 595314 w 595314"/>
                <a:gd name="connsiteY3" fmla="*/ 150019 h 876300"/>
                <a:gd name="connsiteX4" fmla="*/ 490539 w 595314"/>
                <a:gd name="connsiteY4" fmla="*/ 388143 h 876300"/>
                <a:gd name="connsiteX5" fmla="*/ 500064 w 595314"/>
                <a:gd name="connsiteY5" fmla="*/ 876300 h 876300"/>
                <a:gd name="connsiteX6" fmla="*/ 409576 w 595314"/>
                <a:gd name="connsiteY6" fmla="*/ 797719 h 876300"/>
                <a:gd name="connsiteX7" fmla="*/ 345282 w 595314"/>
                <a:gd name="connsiteY7" fmla="*/ 416718 h 876300"/>
                <a:gd name="connsiteX8" fmla="*/ 428627 w 595314"/>
                <a:gd name="connsiteY8" fmla="*/ 161925 h 876300"/>
                <a:gd name="connsiteX9" fmla="*/ 200026 w 595314"/>
                <a:gd name="connsiteY9" fmla="*/ 119063 h 876300"/>
                <a:gd name="connsiteX10" fmla="*/ 200026 w 595314"/>
                <a:gd name="connsiteY10" fmla="*/ 464343 h 876300"/>
                <a:gd name="connsiteX11" fmla="*/ 119064 w 595314"/>
                <a:gd name="connsiteY11" fmla="*/ 383381 h 876300"/>
                <a:gd name="connsiteX12" fmla="*/ 0 w 595314"/>
                <a:gd name="connsiteY12" fmla="*/ 2380 h 876300"/>
                <a:gd name="connsiteX0" fmla="*/ 0 w 516733"/>
                <a:gd name="connsiteY0" fmla="*/ 38099 h 876300"/>
                <a:gd name="connsiteX1" fmla="*/ 38102 w 516733"/>
                <a:gd name="connsiteY1" fmla="*/ 2381 h 876300"/>
                <a:gd name="connsiteX2" fmla="*/ 319089 w 516733"/>
                <a:gd name="connsiteY2" fmla="*/ 0 h 876300"/>
                <a:gd name="connsiteX3" fmla="*/ 516733 w 516733"/>
                <a:gd name="connsiteY3" fmla="*/ 150019 h 876300"/>
                <a:gd name="connsiteX4" fmla="*/ 411958 w 516733"/>
                <a:gd name="connsiteY4" fmla="*/ 388143 h 876300"/>
                <a:gd name="connsiteX5" fmla="*/ 421483 w 516733"/>
                <a:gd name="connsiteY5" fmla="*/ 876300 h 876300"/>
                <a:gd name="connsiteX6" fmla="*/ 330995 w 516733"/>
                <a:gd name="connsiteY6" fmla="*/ 797719 h 876300"/>
                <a:gd name="connsiteX7" fmla="*/ 266701 w 516733"/>
                <a:gd name="connsiteY7" fmla="*/ 416718 h 876300"/>
                <a:gd name="connsiteX8" fmla="*/ 350046 w 516733"/>
                <a:gd name="connsiteY8" fmla="*/ 161925 h 876300"/>
                <a:gd name="connsiteX9" fmla="*/ 121445 w 516733"/>
                <a:gd name="connsiteY9" fmla="*/ 119063 h 876300"/>
                <a:gd name="connsiteX10" fmla="*/ 121445 w 516733"/>
                <a:gd name="connsiteY10" fmla="*/ 464343 h 876300"/>
                <a:gd name="connsiteX11" fmla="*/ 40483 w 516733"/>
                <a:gd name="connsiteY11" fmla="*/ 383381 h 876300"/>
                <a:gd name="connsiteX12" fmla="*/ 0 w 516733"/>
                <a:gd name="connsiteY12" fmla="*/ 38099 h 876300"/>
                <a:gd name="connsiteX0" fmla="*/ 0 w 516733"/>
                <a:gd name="connsiteY0" fmla="*/ 38099 h 876300"/>
                <a:gd name="connsiteX1" fmla="*/ 38102 w 516733"/>
                <a:gd name="connsiteY1" fmla="*/ 2381 h 876300"/>
                <a:gd name="connsiteX2" fmla="*/ 319089 w 516733"/>
                <a:gd name="connsiteY2" fmla="*/ 0 h 876300"/>
                <a:gd name="connsiteX3" fmla="*/ 516733 w 516733"/>
                <a:gd name="connsiteY3" fmla="*/ 150019 h 876300"/>
                <a:gd name="connsiteX4" fmla="*/ 411958 w 516733"/>
                <a:gd name="connsiteY4" fmla="*/ 388143 h 876300"/>
                <a:gd name="connsiteX5" fmla="*/ 421483 w 516733"/>
                <a:gd name="connsiteY5" fmla="*/ 876300 h 876300"/>
                <a:gd name="connsiteX6" fmla="*/ 330995 w 516733"/>
                <a:gd name="connsiteY6" fmla="*/ 797719 h 876300"/>
                <a:gd name="connsiteX7" fmla="*/ 266701 w 516733"/>
                <a:gd name="connsiteY7" fmla="*/ 416718 h 876300"/>
                <a:gd name="connsiteX8" fmla="*/ 350046 w 516733"/>
                <a:gd name="connsiteY8" fmla="*/ 161925 h 876300"/>
                <a:gd name="connsiteX9" fmla="*/ 121445 w 516733"/>
                <a:gd name="connsiteY9" fmla="*/ 119063 h 876300"/>
                <a:gd name="connsiteX10" fmla="*/ 121445 w 516733"/>
                <a:gd name="connsiteY10" fmla="*/ 464343 h 876300"/>
                <a:gd name="connsiteX11" fmla="*/ 40483 w 516733"/>
                <a:gd name="connsiteY11" fmla="*/ 383381 h 876300"/>
                <a:gd name="connsiteX12" fmla="*/ 0 w 516733"/>
                <a:gd name="connsiteY12" fmla="*/ 38099 h 876300"/>
                <a:gd name="connsiteX0" fmla="*/ 2804 w 519537"/>
                <a:gd name="connsiteY0" fmla="*/ 38099 h 876300"/>
                <a:gd name="connsiteX1" fmla="*/ 40906 w 519537"/>
                <a:gd name="connsiteY1" fmla="*/ 2381 h 876300"/>
                <a:gd name="connsiteX2" fmla="*/ 321893 w 519537"/>
                <a:gd name="connsiteY2" fmla="*/ 0 h 876300"/>
                <a:gd name="connsiteX3" fmla="*/ 519537 w 519537"/>
                <a:gd name="connsiteY3" fmla="*/ 150019 h 876300"/>
                <a:gd name="connsiteX4" fmla="*/ 414762 w 519537"/>
                <a:gd name="connsiteY4" fmla="*/ 388143 h 876300"/>
                <a:gd name="connsiteX5" fmla="*/ 424287 w 519537"/>
                <a:gd name="connsiteY5" fmla="*/ 876300 h 876300"/>
                <a:gd name="connsiteX6" fmla="*/ 333799 w 519537"/>
                <a:gd name="connsiteY6" fmla="*/ 797719 h 876300"/>
                <a:gd name="connsiteX7" fmla="*/ 269505 w 519537"/>
                <a:gd name="connsiteY7" fmla="*/ 416718 h 876300"/>
                <a:gd name="connsiteX8" fmla="*/ 352850 w 519537"/>
                <a:gd name="connsiteY8" fmla="*/ 161925 h 876300"/>
                <a:gd name="connsiteX9" fmla="*/ 124249 w 519537"/>
                <a:gd name="connsiteY9" fmla="*/ 119063 h 876300"/>
                <a:gd name="connsiteX10" fmla="*/ 124249 w 519537"/>
                <a:gd name="connsiteY10" fmla="*/ 464343 h 876300"/>
                <a:gd name="connsiteX11" fmla="*/ 43287 w 519537"/>
                <a:gd name="connsiteY11" fmla="*/ 383381 h 876300"/>
                <a:gd name="connsiteX12" fmla="*/ 2804 w 519537"/>
                <a:gd name="connsiteY12" fmla="*/ 38099 h 876300"/>
                <a:gd name="connsiteX0" fmla="*/ 366 w 517099"/>
                <a:gd name="connsiteY0" fmla="*/ 38099 h 876300"/>
                <a:gd name="connsiteX1" fmla="*/ 38468 w 517099"/>
                <a:gd name="connsiteY1" fmla="*/ 2381 h 876300"/>
                <a:gd name="connsiteX2" fmla="*/ 319455 w 517099"/>
                <a:gd name="connsiteY2" fmla="*/ 0 h 876300"/>
                <a:gd name="connsiteX3" fmla="*/ 517099 w 517099"/>
                <a:gd name="connsiteY3" fmla="*/ 150019 h 876300"/>
                <a:gd name="connsiteX4" fmla="*/ 412324 w 517099"/>
                <a:gd name="connsiteY4" fmla="*/ 388143 h 876300"/>
                <a:gd name="connsiteX5" fmla="*/ 421849 w 517099"/>
                <a:gd name="connsiteY5" fmla="*/ 876300 h 876300"/>
                <a:gd name="connsiteX6" fmla="*/ 331361 w 517099"/>
                <a:gd name="connsiteY6" fmla="*/ 797719 h 876300"/>
                <a:gd name="connsiteX7" fmla="*/ 267067 w 517099"/>
                <a:gd name="connsiteY7" fmla="*/ 416718 h 876300"/>
                <a:gd name="connsiteX8" fmla="*/ 350412 w 517099"/>
                <a:gd name="connsiteY8" fmla="*/ 161925 h 876300"/>
                <a:gd name="connsiteX9" fmla="*/ 121811 w 517099"/>
                <a:gd name="connsiteY9" fmla="*/ 119063 h 876300"/>
                <a:gd name="connsiteX10" fmla="*/ 121811 w 517099"/>
                <a:gd name="connsiteY10" fmla="*/ 464343 h 876300"/>
                <a:gd name="connsiteX11" fmla="*/ 40849 w 517099"/>
                <a:gd name="connsiteY11" fmla="*/ 383381 h 876300"/>
                <a:gd name="connsiteX12" fmla="*/ 366 w 517099"/>
                <a:gd name="connsiteY12" fmla="*/ 38099 h 876300"/>
                <a:gd name="connsiteX0" fmla="*/ 366 w 517099"/>
                <a:gd name="connsiteY0" fmla="*/ 38099 h 876300"/>
                <a:gd name="connsiteX1" fmla="*/ 38468 w 517099"/>
                <a:gd name="connsiteY1" fmla="*/ 2381 h 876300"/>
                <a:gd name="connsiteX2" fmla="*/ 319455 w 517099"/>
                <a:gd name="connsiteY2" fmla="*/ 0 h 876300"/>
                <a:gd name="connsiteX3" fmla="*/ 517099 w 517099"/>
                <a:gd name="connsiteY3" fmla="*/ 150019 h 876300"/>
                <a:gd name="connsiteX4" fmla="*/ 412324 w 517099"/>
                <a:gd name="connsiteY4" fmla="*/ 388143 h 876300"/>
                <a:gd name="connsiteX5" fmla="*/ 421849 w 517099"/>
                <a:gd name="connsiteY5" fmla="*/ 876300 h 876300"/>
                <a:gd name="connsiteX6" fmla="*/ 331361 w 517099"/>
                <a:gd name="connsiteY6" fmla="*/ 797719 h 876300"/>
                <a:gd name="connsiteX7" fmla="*/ 267067 w 517099"/>
                <a:gd name="connsiteY7" fmla="*/ 416718 h 876300"/>
                <a:gd name="connsiteX8" fmla="*/ 350412 w 517099"/>
                <a:gd name="connsiteY8" fmla="*/ 161925 h 876300"/>
                <a:gd name="connsiteX9" fmla="*/ 121811 w 517099"/>
                <a:gd name="connsiteY9" fmla="*/ 119063 h 876300"/>
                <a:gd name="connsiteX10" fmla="*/ 121811 w 517099"/>
                <a:gd name="connsiteY10" fmla="*/ 464343 h 876300"/>
                <a:gd name="connsiteX11" fmla="*/ 31324 w 517099"/>
                <a:gd name="connsiteY11" fmla="*/ 383381 h 876300"/>
                <a:gd name="connsiteX12" fmla="*/ 366 w 517099"/>
                <a:gd name="connsiteY12" fmla="*/ 38099 h 876300"/>
                <a:gd name="connsiteX0" fmla="*/ 366 w 517099"/>
                <a:gd name="connsiteY0" fmla="*/ 38099 h 876300"/>
                <a:gd name="connsiteX1" fmla="*/ 38468 w 517099"/>
                <a:gd name="connsiteY1" fmla="*/ 2381 h 876300"/>
                <a:gd name="connsiteX2" fmla="*/ 319455 w 517099"/>
                <a:gd name="connsiteY2" fmla="*/ 0 h 876300"/>
                <a:gd name="connsiteX3" fmla="*/ 517099 w 517099"/>
                <a:gd name="connsiteY3" fmla="*/ 150019 h 876300"/>
                <a:gd name="connsiteX4" fmla="*/ 412324 w 517099"/>
                <a:gd name="connsiteY4" fmla="*/ 388143 h 876300"/>
                <a:gd name="connsiteX5" fmla="*/ 421849 w 517099"/>
                <a:gd name="connsiteY5" fmla="*/ 876300 h 876300"/>
                <a:gd name="connsiteX6" fmla="*/ 331361 w 517099"/>
                <a:gd name="connsiteY6" fmla="*/ 797719 h 876300"/>
                <a:gd name="connsiteX7" fmla="*/ 267067 w 517099"/>
                <a:gd name="connsiteY7" fmla="*/ 416718 h 876300"/>
                <a:gd name="connsiteX8" fmla="*/ 350412 w 517099"/>
                <a:gd name="connsiteY8" fmla="*/ 161925 h 876300"/>
                <a:gd name="connsiteX9" fmla="*/ 121811 w 517099"/>
                <a:gd name="connsiteY9" fmla="*/ 119063 h 876300"/>
                <a:gd name="connsiteX10" fmla="*/ 121811 w 517099"/>
                <a:gd name="connsiteY10" fmla="*/ 464343 h 876300"/>
                <a:gd name="connsiteX11" fmla="*/ 31324 w 517099"/>
                <a:gd name="connsiteY11" fmla="*/ 383381 h 876300"/>
                <a:gd name="connsiteX12" fmla="*/ 366 w 517099"/>
                <a:gd name="connsiteY12" fmla="*/ 38099 h 876300"/>
                <a:gd name="connsiteX0" fmla="*/ 366 w 517099"/>
                <a:gd name="connsiteY0" fmla="*/ 38099 h 876300"/>
                <a:gd name="connsiteX1" fmla="*/ 38468 w 517099"/>
                <a:gd name="connsiteY1" fmla="*/ 2381 h 876300"/>
                <a:gd name="connsiteX2" fmla="*/ 319455 w 517099"/>
                <a:gd name="connsiteY2" fmla="*/ 0 h 876300"/>
                <a:gd name="connsiteX3" fmla="*/ 517099 w 517099"/>
                <a:gd name="connsiteY3" fmla="*/ 150019 h 876300"/>
                <a:gd name="connsiteX4" fmla="*/ 412324 w 517099"/>
                <a:gd name="connsiteY4" fmla="*/ 388143 h 876300"/>
                <a:gd name="connsiteX5" fmla="*/ 421849 w 517099"/>
                <a:gd name="connsiteY5" fmla="*/ 876300 h 876300"/>
                <a:gd name="connsiteX6" fmla="*/ 331361 w 517099"/>
                <a:gd name="connsiteY6" fmla="*/ 797719 h 876300"/>
                <a:gd name="connsiteX7" fmla="*/ 267067 w 517099"/>
                <a:gd name="connsiteY7" fmla="*/ 416718 h 876300"/>
                <a:gd name="connsiteX8" fmla="*/ 350412 w 517099"/>
                <a:gd name="connsiteY8" fmla="*/ 161925 h 876300"/>
                <a:gd name="connsiteX9" fmla="*/ 121811 w 517099"/>
                <a:gd name="connsiteY9" fmla="*/ 119063 h 876300"/>
                <a:gd name="connsiteX10" fmla="*/ 121811 w 517099"/>
                <a:gd name="connsiteY10" fmla="*/ 464343 h 876300"/>
                <a:gd name="connsiteX11" fmla="*/ 31324 w 517099"/>
                <a:gd name="connsiteY11" fmla="*/ 383381 h 876300"/>
                <a:gd name="connsiteX12" fmla="*/ 366 w 517099"/>
                <a:gd name="connsiteY12" fmla="*/ 38099 h 876300"/>
                <a:gd name="connsiteX0" fmla="*/ 366 w 517099"/>
                <a:gd name="connsiteY0" fmla="*/ 38099 h 897731"/>
                <a:gd name="connsiteX1" fmla="*/ 38468 w 517099"/>
                <a:gd name="connsiteY1" fmla="*/ 2381 h 897731"/>
                <a:gd name="connsiteX2" fmla="*/ 319455 w 517099"/>
                <a:gd name="connsiteY2" fmla="*/ 0 h 897731"/>
                <a:gd name="connsiteX3" fmla="*/ 517099 w 517099"/>
                <a:gd name="connsiteY3" fmla="*/ 150019 h 897731"/>
                <a:gd name="connsiteX4" fmla="*/ 412324 w 517099"/>
                <a:gd name="connsiteY4" fmla="*/ 388143 h 897731"/>
                <a:gd name="connsiteX5" fmla="*/ 419468 w 517099"/>
                <a:gd name="connsiteY5" fmla="*/ 897731 h 897731"/>
                <a:gd name="connsiteX6" fmla="*/ 331361 w 517099"/>
                <a:gd name="connsiteY6" fmla="*/ 797719 h 897731"/>
                <a:gd name="connsiteX7" fmla="*/ 267067 w 517099"/>
                <a:gd name="connsiteY7" fmla="*/ 416718 h 897731"/>
                <a:gd name="connsiteX8" fmla="*/ 350412 w 517099"/>
                <a:gd name="connsiteY8" fmla="*/ 161925 h 897731"/>
                <a:gd name="connsiteX9" fmla="*/ 121811 w 517099"/>
                <a:gd name="connsiteY9" fmla="*/ 119063 h 897731"/>
                <a:gd name="connsiteX10" fmla="*/ 121811 w 517099"/>
                <a:gd name="connsiteY10" fmla="*/ 464343 h 897731"/>
                <a:gd name="connsiteX11" fmla="*/ 31324 w 517099"/>
                <a:gd name="connsiteY11" fmla="*/ 383381 h 897731"/>
                <a:gd name="connsiteX12" fmla="*/ 366 w 517099"/>
                <a:gd name="connsiteY12" fmla="*/ 38099 h 897731"/>
                <a:gd name="connsiteX0" fmla="*/ 366 w 517099"/>
                <a:gd name="connsiteY0" fmla="*/ 38099 h 897731"/>
                <a:gd name="connsiteX1" fmla="*/ 38468 w 517099"/>
                <a:gd name="connsiteY1" fmla="*/ 2381 h 897731"/>
                <a:gd name="connsiteX2" fmla="*/ 319455 w 517099"/>
                <a:gd name="connsiteY2" fmla="*/ 0 h 897731"/>
                <a:gd name="connsiteX3" fmla="*/ 517099 w 517099"/>
                <a:gd name="connsiteY3" fmla="*/ 150019 h 897731"/>
                <a:gd name="connsiteX4" fmla="*/ 412324 w 517099"/>
                <a:gd name="connsiteY4" fmla="*/ 388143 h 897731"/>
                <a:gd name="connsiteX5" fmla="*/ 419468 w 517099"/>
                <a:gd name="connsiteY5" fmla="*/ 897731 h 897731"/>
                <a:gd name="connsiteX6" fmla="*/ 328980 w 517099"/>
                <a:gd name="connsiteY6" fmla="*/ 814388 h 897731"/>
                <a:gd name="connsiteX7" fmla="*/ 267067 w 517099"/>
                <a:gd name="connsiteY7" fmla="*/ 416718 h 897731"/>
                <a:gd name="connsiteX8" fmla="*/ 350412 w 517099"/>
                <a:gd name="connsiteY8" fmla="*/ 161925 h 897731"/>
                <a:gd name="connsiteX9" fmla="*/ 121811 w 517099"/>
                <a:gd name="connsiteY9" fmla="*/ 119063 h 897731"/>
                <a:gd name="connsiteX10" fmla="*/ 121811 w 517099"/>
                <a:gd name="connsiteY10" fmla="*/ 464343 h 897731"/>
                <a:gd name="connsiteX11" fmla="*/ 31324 w 517099"/>
                <a:gd name="connsiteY11" fmla="*/ 383381 h 897731"/>
                <a:gd name="connsiteX12" fmla="*/ 366 w 517099"/>
                <a:gd name="connsiteY12" fmla="*/ 38099 h 897731"/>
                <a:gd name="connsiteX0" fmla="*/ 366 w 517099"/>
                <a:gd name="connsiteY0" fmla="*/ 38099 h 897731"/>
                <a:gd name="connsiteX1" fmla="*/ 38468 w 517099"/>
                <a:gd name="connsiteY1" fmla="*/ 2381 h 897731"/>
                <a:gd name="connsiteX2" fmla="*/ 319455 w 517099"/>
                <a:gd name="connsiteY2" fmla="*/ 0 h 897731"/>
                <a:gd name="connsiteX3" fmla="*/ 517099 w 517099"/>
                <a:gd name="connsiteY3" fmla="*/ 150019 h 897731"/>
                <a:gd name="connsiteX4" fmla="*/ 412324 w 517099"/>
                <a:gd name="connsiteY4" fmla="*/ 388143 h 897731"/>
                <a:gd name="connsiteX5" fmla="*/ 419468 w 517099"/>
                <a:gd name="connsiteY5" fmla="*/ 897731 h 897731"/>
                <a:gd name="connsiteX6" fmla="*/ 328980 w 517099"/>
                <a:gd name="connsiteY6" fmla="*/ 814388 h 897731"/>
                <a:gd name="connsiteX7" fmla="*/ 267067 w 517099"/>
                <a:gd name="connsiteY7" fmla="*/ 416718 h 897731"/>
                <a:gd name="connsiteX8" fmla="*/ 350412 w 517099"/>
                <a:gd name="connsiteY8" fmla="*/ 161925 h 897731"/>
                <a:gd name="connsiteX9" fmla="*/ 121811 w 517099"/>
                <a:gd name="connsiteY9" fmla="*/ 119063 h 897731"/>
                <a:gd name="connsiteX10" fmla="*/ 121811 w 517099"/>
                <a:gd name="connsiteY10" fmla="*/ 464343 h 897731"/>
                <a:gd name="connsiteX11" fmla="*/ 31324 w 517099"/>
                <a:gd name="connsiteY11" fmla="*/ 383381 h 897731"/>
                <a:gd name="connsiteX12" fmla="*/ 366 w 517099"/>
                <a:gd name="connsiteY12" fmla="*/ 38099 h 897731"/>
                <a:gd name="connsiteX0" fmla="*/ 366 w 517099"/>
                <a:gd name="connsiteY0" fmla="*/ 38099 h 890587"/>
                <a:gd name="connsiteX1" fmla="*/ 38468 w 517099"/>
                <a:gd name="connsiteY1" fmla="*/ 2381 h 890587"/>
                <a:gd name="connsiteX2" fmla="*/ 319455 w 517099"/>
                <a:gd name="connsiteY2" fmla="*/ 0 h 890587"/>
                <a:gd name="connsiteX3" fmla="*/ 517099 w 517099"/>
                <a:gd name="connsiteY3" fmla="*/ 150019 h 890587"/>
                <a:gd name="connsiteX4" fmla="*/ 412324 w 517099"/>
                <a:gd name="connsiteY4" fmla="*/ 388143 h 890587"/>
                <a:gd name="connsiteX5" fmla="*/ 424230 w 517099"/>
                <a:gd name="connsiteY5" fmla="*/ 890587 h 890587"/>
                <a:gd name="connsiteX6" fmla="*/ 328980 w 517099"/>
                <a:gd name="connsiteY6" fmla="*/ 814388 h 890587"/>
                <a:gd name="connsiteX7" fmla="*/ 267067 w 517099"/>
                <a:gd name="connsiteY7" fmla="*/ 416718 h 890587"/>
                <a:gd name="connsiteX8" fmla="*/ 350412 w 517099"/>
                <a:gd name="connsiteY8" fmla="*/ 161925 h 890587"/>
                <a:gd name="connsiteX9" fmla="*/ 121811 w 517099"/>
                <a:gd name="connsiteY9" fmla="*/ 119063 h 890587"/>
                <a:gd name="connsiteX10" fmla="*/ 121811 w 517099"/>
                <a:gd name="connsiteY10" fmla="*/ 464343 h 890587"/>
                <a:gd name="connsiteX11" fmla="*/ 31324 w 517099"/>
                <a:gd name="connsiteY11" fmla="*/ 383381 h 890587"/>
                <a:gd name="connsiteX12" fmla="*/ 366 w 517099"/>
                <a:gd name="connsiteY12" fmla="*/ 38099 h 890587"/>
                <a:gd name="connsiteX0" fmla="*/ 366 w 517099"/>
                <a:gd name="connsiteY0" fmla="*/ 38099 h 890587"/>
                <a:gd name="connsiteX1" fmla="*/ 38468 w 517099"/>
                <a:gd name="connsiteY1" fmla="*/ 2381 h 890587"/>
                <a:gd name="connsiteX2" fmla="*/ 319455 w 517099"/>
                <a:gd name="connsiteY2" fmla="*/ 0 h 890587"/>
                <a:gd name="connsiteX3" fmla="*/ 517099 w 517099"/>
                <a:gd name="connsiteY3" fmla="*/ 150019 h 890587"/>
                <a:gd name="connsiteX4" fmla="*/ 412324 w 517099"/>
                <a:gd name="connsiteY4" fmla="*/ 388143 h 890587"/>
                <a:gd name="connsiteX5" fmla="*/ 428993 w 517099"/>
                <a:gd name="connsiteY5" fmla="*/ 890587 h 890587"/>
                <a:gd name="connsiteX6" fmla="*/ 328980 w 517099"/>
                <a:gd name="connsiteY6" fmla="*/ 814388 h 890587"/>
                <a:gd name="connsiteX7" fmla="*/ 267067 w 517099"/>
                <a:gd name="connsiteY7" fmla="*/ 416718 h 890587"/>
                <a:gd name="connsiteX8" fmla="*/ 350412 w 517099"/>
                <a:gd name="connsiteY8" fmla="*/ 161925 h 890587"/>
                <a:gd name="connsiteX9" fmla="*/ 121811 w 517099"/>
                <a:gd name="connsiteY9" fmla="*/ 119063 h 890587"/>
                <a:gd name="connsiteX10" fmla="*/ 121811 w 517099"/>
                <a:gd name="connsiteY10" fmla="*/ 464343 h 890587"/>
                <a:gd name="connsiteX11" fmla="*/ 31324 w 517099"/>
                <a:gd name="connsiteY11" fmla="*/ 383381 h 890587"/>
                <a:gd name="connsiteX12" fmla="*/ 366 w 517099"/>
                <a:gd name="connsiteY12" fmla="*/ 38099 h 890587"/>
                <a:gd name="connsiteX0" fmla="*/ 366 w 517099"/>
                <a:gd name="connsiteY0" fmla="*/ 38099 h 890587"/>
                <a:gd name="connsiteX1" fmla="*/ 38468 w 517099"/>
                <a:gd name="connsiteY1" fmla="*/ 2381 h 890587"/>
                <a:gd name="connsiteX2" fmla="*/ 319455 w 517099"/>
                <a:gd name="connsiteY2" fmla="*/ 0 h 890587"/>
                <a:gd name="connsiteX3" fmla="*/ 517099 w 517099"/>
                <a:gd name="connsiteY3" fmla="*/ 150019 h 890587"/>
                <a:gd name="connsiteX4" fmla="*/ 412324 w 517099"/>
                <a:gd name="connsiteY4" fmla="*/ 388143 h 890587"/>
                <a:gd name="connsiteX5" fmla="*/ 421850 w 517099"/>
                <a:gd name="connsiteY5" fmla="*/ 890587 h 890587"/>
                <a:gd name="connsiteX6" fmla="*/ 328980 w 517099"/>
                <a:gd name="connsiteY6" fmla="*/ 814388 h 890587"/>
                <a:gd name="connsiteX7" fmla="*/ 267067 w 517099"/>
                <a:gd name="connsiteY7" fmla="*/ 416718 h 890587"/>
                <a:gd name="connsiteX8" fmla="*/ 350412 w 517099"/>
                <a:gd name="connsiteY8" fmla="*/ 161925 h 890587"/>
                <a:gd name="connsiteX9" fmla="*/ 121811 w 517099"/>
                <a:gd name="connsiteY9" fmla="*/ 119063 h 890587"/>
                <a:gd name="connsiteX10" fmla="*/ 121811 w 517099"/>
                <a:gd name="connsiteY10" fmla="*/ 464343 h 890587"/>
                <a:gd name="connsiteX11" fmla="*/ 31324 w 517099"/>
                <a:gd name="connsiteY11" fmla="*/ 383381 h 890587"/>
                <a:gd name="connsiteX12" fmla="*/ 366 w 517099"/>
                <a:gd name="connsiteY12" fmla="*/ 38099 h 890587"/>
                <a:gd name="connsiteX0" fmla="*/ 366 w 517099"/>
                <a:gd name="connsiteY0" fmla="*/ 38099 h 890587"/>
                <a:gd name="connsiteX1" fmla="*/ 38468 w 517099"/>
                <a:gd name="connsiteY1" fmla="*/ 2381 h 890587"/>
                <a:gd name="connsiteX2" fmla="*/ 319455 w 517099"/>
                <a:gd name="connsiteY2" fmla="*/ 0 h 890587"/>
                <a:gd name="connsiteX3" fmla="*/ 517099 w 517099"/>
                <a:gd name="connsiteY3" fmla="*/ 150019 h 890587"/>
                <a:gd name="connsiteX4" fmla="*/ 412324 w 517099"/>
                <a:gd name="connsiteY4" fmla="*/ 388143 h 890587"/>
                <a:gd name="connsiteX5" fmla="*/ 414706 w 517099"/>
                <a:gd name="connsiteY5" fmla="*/ 890587 h 890587"/>
                <a:gd name="connsiteX6" fmla="*/ 328980 w 517099"/>
                <a:gd name="connsiteY6" fmla="*/ 814388 h 890587"/>
                <a:gd name="connsiteX7" fmla="*/ 267067 w 517099"/>
                <a:gd name="connsiteY7" fmla="*/ 416718 h 890587"/>
                <a:gd name="connsiteX8" fmla="*/ 350412 w 517099"/>
                <a:gd name="connsiteY8" fmla="*/ 161925 h 890587"/>
                <a:gd name="connsiteX9" fmla="*/ 121811 w 517099"/>
                <a:gd name="connsiteY9" fmla="*/ 119063 h 890587"/>
                <a:gd name="connsiteX10" fmla="*/ 121811 w 517099"/>
                <a:gd name="connsiteY10" fmla="*/ 464343 h 890587"/>
                <a:gd name="connsiteX11" fmla="*/ 31324 w 517099"/>
                <a:gd name="connsiteY11" fmla="*/ 383381 h 890587"/>
                <a:gd name="connsiteX12" fmla="*/ 366 w 517099"/>
                <a:gd name="connsiteY12" fmla="*/ 38099 h 890587"/>
                <a:gd name="connsiteX0" fmla="*/ 366 w 517099"/>
                <a:gd name="connsiteY0" fmla="*/ 38099 h 890587"/>
                <a:gd name="connsiteX1" fmla="*/ 38468 w 517099"/>
                <a:gd name="connsiteY1" fmla="*/ 2381 h 890587"/>
                <a:gd name="connsiteX2" fmla="*/ 319455 w 517099"/>
                <a:gd name="connsiteY2" fmla="*/ 0 h 890587"/>
                <a:gd name="connsiteX3" fmla="*/ 517099 w 517099"/>
                <a:gd name="connsiteY3" fmla="*/ 150019 h 890587"/>
                <a:gd name="connsiteX4" fmla="*/ 412324 w 517099"/>
                <a:gd name="connsiteY4" fmla="*/ 388143 h 890587"/>
                <a:gd name="connsiteX5" fmla="*/ 409943 w 517099"/>
                <a:gd name="connsiteY5" fmla="*/ 890587 h 890587"/>
                <a:gd name="connsiteX6" fmla="*/ 328980 w 517099"/>
                <a:gd name="connsiteY6" fmla="*/ 814388 h 890587"/>
                <a:gd name="connsiteX7" fmla="*/ 267067 w 517099"/>
                <a:gd name="connsiteY7" fmla="*/ 416718 h 890587"/>
                <a:gd name="connsiteX8" fmla="*/ 350412 w 517099"/>
                <a:gd name="connsiteY8" fmla="*/ 161925 h 890587"/>
                <a:gd name="connsiteX9" fmla="*/ 121811 w 517099"/>
                <a:gd name="connsiteY9" fmla="*/ 119063 h 890587"/>
                <a:gd name="connsiteX10" fmla="*/ 121811 w 517099"/>
                <a:gd name="connsiteY10" fmla="*/ 464343 h 890587"/>
                <a:gd name="connsiteX11" fmla="*/ 31324 w 517099"/>
                <a:gd name="connsiteY11" fmla="*/ 383381 h 890587"/>
                <a:gd name="connsiteX12" fmla="*/ 366 w 517099"/>
                <a:gd name="connsiteY12" fmla="*/ 38099 h 890587"/>
                <a:gd name="connsiteX0" fmla="*/ 366 w 517099"/>
                <a:gd name="connsiteY0" fmla="*/ 38099 h 890587"/>
                <a:gd name="connsiteX1" fmla="*/ 38468 w 517099"/>
                <a:gd name="connsiteY1" fmla="*/ 2381 h 890587"/>
                <a:gd name="connsiteX2" fmla="*/ 319455 w 517099"/>
                <a:gd name="connsiteY2" fmla="*/ 0 h 890587"/>
                <a:gd name="connsiteX3" fmla="*/ 517099 w 517099"/>
                <a:gd name="connsiteY3" fmla="*/ 150019 h 890587"/>
                <a:gd name="connsiteX4" fmla="*/ 412324 w 517099"/>
                <a:gd name="connsiteY4" fmla="*/ 388143 h 890587"/>
                <a:gd name="connsiteX5" fmla="*/ 407562 w 517099"/>
                <a:gd name="connsiteY5" fmla="*/ 890587 h 890587"/>
                <a:gd name="connsiteX6" fmla="*/ 328980 w 517099"/>
                <a:gd name="connsiteY6" fmla="*/ 814388 h 890587"/>
                <a:gd name="connsiteX7" fmla="*/ 267067 w 517099"/>
                <a:gd name="connsiteY7" fmla="*/ 416718 h 890587"/>
                <a:gd name="connsiteX8" fmla="*/ 350412 w 517099"/>
                <a:gd name="connsiteY8" fmla="*/ 161925 h 890587"/>
                <a:gd name="connsiteX9" fmla="*/ 121811 w 517099"/>
                <a:gd name="connsiteY9" fmla="*/ 119063 h 890587"/>
                <a:gd name="connsiteX10" fmla="*/ 121811 w 517099"/>
                <a:gd name="connsiteY10" fmla="*/ 464343 h 890587"/>
                <a:gd name="connsiteX11" fmla="*/ 31324 w 517099"/>
                <a:gd name="connsiteY11" fmla="*/ 383381 h 890587"/>
                <a:gd name="connsiteX12" fmla="*/ 366 w 517099"/>
                <a:gd name="connsiteY12" fmla="*/ 38099 h 890587"/>
                <a:gd name="connsiteX0" fmla="*/ 366 w 517099"/>
                <a:gd name="connsiteY0" fmla="*/ 38099 h 890587"/>
                <a:gd name="connsiteX1" fmla="*/ 38468 w 517099"/>
                <a:gd name="connsiteY1" fmla="*/ 2381 h 890587"/>
                <a:gd name="connsiteX2" fmla="*/ 319455 w 517099"/>
                <a:gd name="connsiteY2" fmla="*/ 0 h 890587"/>
                <a:gd name="connsiteX3" fmla="*/ 517099 w 517099"/>
                <a:gd name="connsiteY3" fmla="*/ 150019 h 890587"/>
                <a:gd name="connsiteX4" fmla="*/ 412324 w 517099"/>
                <a:gd name="connsiteY4" fmla="*/ 388143 h 890587"/>
                <a:gd name="connsiteX5" fmla="*/ 405181 w 517099"/>
                <a:gd name="connsiteY5" fmla="*/ 890587 h 890587"/>
                <a:gd name="connsiteX6" fmla="*/ 328980 w 517099"/>
                <a:gd name="connsiteY6" fmla="*/ 814388 h 890587"/>
                <a:gd name="connsiteX7" fmla="*/ 267067 w 517099"/>
                <a:gd name="connsiteY7" fmla="*/ 416718 h 890587"/>
                <a:gd name="connsiteX8" fmla="*/ 350412 w 517099"/>
                <a:gd name="connsiteY8" fmla="*/ 161925 h 890587"/>
                <a:gd name="connsiteX9" fmla="*/ 121811 w 517099"/>
                <a:gd name="connsiteY9" fmla="*/ 119063 h 890587"/>
                <a:gd name="connsiteX10" fmla="*/ 121811 w 517099"/>
                <a:gd name="connsiteY10" fmla="*/ 464343 h 890587"/>
                <a:gd name="connsiteX11" fmla="*/ 31324 w 517099"/>
                <a:gd name="connsiteY11" fmla="*/ 383381 h 890587"/>
                <a:gd name="connsiteX12" fmla="*/ 366 w 517099"/>
                <a:gd name="connsiteY12" fmla="*/ 38099 h 890587"/>
                <a:gd name="connsiteX0" fmla="*/ 366 w 517099"/>
                <a:gd name="connsiteY0" fmla="*/ 38099 h 890587"/>
                <a:gd name="connsiteX1" fmla="*/ 38468 w 517099"/>
                <a:gd name="connsiteY1" fmla="*/ 2381 h 890587"/>
                <a:gd name="connsiteX2" fmla="*/ 319455 w 517099"/>
                <a:gd name="connsiteY2" fmla="*/ 0 h 890587"/>
                <a:gd name="connsiteX3" fmla="*/ 517099 w 517099"/>
                <a:gd name="connsiteY3" fmla="*/ 150019 h 890587"/>
                <a:gd name="connsiteX4" fmla="*/ 412324 w 517099"/>
                <a:gd name="connsiteY4" fmla="*/ 388143 h 890587"/>
                <a:gd name="connsiteX5" fmla="*/ 405181 w 517099"/>
                <a:gd name="connsiteY5" fmla="*/ 890587 h 890587"/>
                <a:gd name="connsiteX6" fmla="*/ 319455 w 517099"/>
                <a:gd name="connsiteY6" fmla="*/ 814388 h 890587"/>
                <a:gd name="connsiteX7" fmla="*/ 267067 w 517099"/>
                <a:gd name="connsiteY7" fmla="*/ 416718 h 890587"/>
                <a:gd name="connsiteX8" fmla="*/ 350412 w 517099"/>
                <a:gd name="connsiteY8" fmla="*/ 161925 h 890587"/>
                <a:gd name="connsiteX9" fmla="*/ 121811 w 517099"/>
                <a:gd name="connsiteY9" fmla="*/ 119063 h 890587"/>
                <a:gd name="connsiteX10" fmla="*/ 121811 w 517099"/>
                <a:gd name="connsiteY10" fmla="*/ 464343 h 890587"/>
                <a:gd name="connsiteX11" fmla="*/ 31324 w 517099"/>
                <a:gd name="connsiteY11" fmla="*/ 383381 h 890587"/>
                <a:gd name="connsiteX12" fmla="*/ 366 w 517099"/>
                <a:gd name="connsiteY12" fmla="*/ 38099 h 890587"/>
                <a:gd name="connsiteX0" fmla="*/ 376 w 516228"/>
                <a:gd name="connsiteY0" fmla="*/ 35887 h 890587"/>
                <a:gd name="connsiteX1" fmla="*/ 37597 w 516228"/>
                <a:gd name="connsiteY1" fmla="*/ 2381 h 890587"/>
                <a:gd name="connsiteX2" fmla="*/ 318584 w 516228"/>
                <a:gd name="connsiteY2" fmla="*/ 0 h 890587"/>
                <a:gd name="connsiteX3" fmla="*/ 516228 w 516228"/>
                <a:gd name="connsiteY3" fmla="*/ 150019 h 890587"/>
                <a:gd name="connsiteX4" fmla="*/ 411453 w 516228"/>
                <a:gd name="connsiteY4" fmla="*/ 388143 h 890587"/>
                <a:gd name="connsiteX5" fmla="*/ 404310 w 516228"/>
                <a:gd name="connsiteY5" fmla="*/ 890587 h 890587"/>
                <a:gd name="connsiteX6" fmla="*/ 318584 w 516228"/>
                <a:gd name="connsiteY6" fmla="*/ 814388 h 890587"/>
                <a:gd name="connsiteX7" fmla="*/ 266196 w 516228"/>
                <a:gd name="connsiteY7" fmla="*/ 416718 h 890587"/>
                <a:gd name="connsiteX8" fmla="*/ 349541 w 516228"/>
                <a:gd name="connsiteY8" fmla="*/ 161925 h 890587"/>
                <a:gd name="connsiteX9" fmla="*/ 120940 w 516228"/>
                <a:gd name="connsiteY9" fmla="*/ 119063 h 890587"/>
                <a:gd name="connsiteX10" fmla="*/ 120940 w 516228"/>
                <a:gd name="connsiteY10" fmla="*/ 464343 h 890587"/>
                <a:gd name="connsiteX11" fmla="*/ 30453 w 516228"/>
                <a:gd name="connsiteY11" fmla="*/ 383381 h 890587"/>
                <a:gd name="connsiteX12" fmla="*/ 376 w 516228"/>
                <a:gd name="connsiteY12" fmla="*/ 35887 h 890587"/>
                <a:gd name="connsiteX0" fmla="*/ 410 w 516262"/>
                <a:gd name="connsiteY0" fmla="*/ 39693 h 894393"/>
                <a:gd name="connsiteX1" fmla="*/ 34971 w 516262"/>
                <a:gd name="connsiteY1" fmla="*/ 0 h 894393"/>
                <a:gd name="connsiteX2" fmla="*/ 318618 w 516262"/>
                <a:gd name="connsiteY2" fmla="*/ 3806 h 894393"/>
                <a:gd name="connsiteX3" fmla="*/ 516262 w 516262"/>
                <a:gd name="connsiteY3" fmla="*/ 153825 h 894393"/>
                <a:gd name="connsiteX4" fmla="*/ 411487 w 516262"/>
                <a:gd name="connsiteY4" fmla="*/ 391949 h 894393"/>
                <a:gd name="connsiteX5" fmla="*/ 404344 w 516262"/>
                <a:gd name="connsiteY5" fmla="*/ 894393 h 894393"/>
                <a:gd name="connsiteX6" fmla="*/ 318618 w 516262"/>
                <a:gd name="connsiteY6" fmla="*/ 818194 h 894393"/>
                <a:gd name="connsiteX7" fmla="*/ 266230 w 516262"/>
                <a:gd name="connsiteY7" fmla="*/ 420524 h 894393"/>
                <a:gd name="connsiteX8" fmla="*/ 349575 w 516262"/>
                <a:gd name="connsiteY8" fmla="*/ 165731 h 894393"/>
                <a:gd name="connsiteX9" fmla="*/ 120974 w 516262"/>
                <a:gd name="connsiteY9" fmla="*/ 122869 h 894393"/>
                <a:gd name="connsiteX10" fmla="*/ 120974 w 516262"/>
                <a:gd name="connsiteY10" fmla="*/ 468149 h 894393"/>
                <a:gd name="connsiteX11" fmla="*/ 30487 w 516262"/>
                <a:gd name="connsiteY11" fmla="*/ 387187 h 894393"/>
                <a:gd name="connsiteX12" fmla="*/ 410 w 516262"/>
                <a:gd name="connsiteY12" fmla="*/ 39693 h 894393"/>
                <a:gd name="connsiteX0" fmla="*/ 0 w 515852"/>
                <a:gd name="connsiteY0" fmla="*/ 39693 h 894393"/>
                <a:gd name="connsiteX1" fmla="*/ 34561 w 515852"/>
                <a:gd name="connsiteY1" fmla="*/ 0 h 894393"/>
                <a:gd name="connsiteX2" fmla="*/ 318208 w 515852"/>
                <a:gd name="connsiteY2" fmla="*/ 3806 h 894393"/>
                <a:gd name="connsiteX3" fmla="*/ 515852 w 515852"/>
                <a:gd name="connsiteY3" fmla="*/ 153825 h 894393"/>
                <a:gd name="connsiteX4" fmla="*/ 411077 w 515852"/>
                <a:gd name="connsiteY4" fmla="*/ 391949 h 894393"/>
                <a:gd name="connsiteX5" fmla="*/ 403934 w 515852"/>
                <a:gd name="connsiteY5" fmla="*/ 894393 h 894393"/>
                <a:gd name="connsiteX6" fmla="*/ 318208 w 515852"/>
                <a:gd name="connsiteY6" fmla="*/ 818194 h 894393"/>
                <a:gd name="connsiteX7" fmla="*/ 265820 w 515852"/>
                <a:gd name="connsiteY7" fmla="*/ 420524 h 894393"/>
                <a:gd name="connsiteX8" fmla="*/ 349165 w 515852"/>
                <a:gd name="connsiteY8" fmla="*/ 165731 h 894393"/>
                <a:gd name="connsiteX9" fmla="*/ 120564 w 515852"/>
                <a:gd name="connsiteY9" fmla="*/ 122869 h 894393"/>
                <a:gd name="connsiteX10" fmla="*/ 120564 w 515852"/>
                <a:gd name="connsiteY10" fmla="*/ 468149 h 894393"/>
                <a:gd name="connsiteX11" fmla="*/ 30077 w 515852"/>
                <a:gd name="connsiteY11" fmla="*/ 387187 h 894393"/>
                <a:gd name="connsiteX12" fmla="*/ 0 w 515852"/>
                <a:gd name="connsiteY12" fmla="*/ 39693 h 894393"/>
                <a:gd name="connsiteX0" fmla="*/ 0 w 515852"/>
                <a:gd name="connsiteY0" fmla="*/ 39693 h 894393"/>
                <a:gd name="connsiteX1" fmla="*/ 34561 w 515852"/>
                <a:gd name="connsiteY1" fmla="*/ 0 h 894393"/>
                <a:gd name="connsiteX2" fmla="*/ 318208 w 515852"/>
                <a:gd name="connsiteY2" fmla="*/ 3806 h 894393"/>
                <a:gd name="connsiteX3" fmla="*/ 515852 w 515852"/>
                <a:gd name="connsiteY3" fmla="*/ 153825 h 894393"/>
                <a:gd name="connsiteX4" fmla="*/ 411077 w 515852"/>
                <a:gd name="connsiteY4" fmla="*/ 391949 h 894393"/>
                <a:gd name="connsiteX5" fmla="*/ 403934 w 515852"/>
                <a:gd name="connsiteY5" fmla="*/ 894393 h 894393"/>
                <a:gd name="connsiteX6" fmla="*/ 318208 w 515852"/>
                <a:gd name="connsiteY6" fmla="*/ 818194 h 894393"/>
                <a:gd name="connsiteX7" fmla="*/ 265820 w 515852"/>
                <a:gd name="connsiteY7" fmla="*/ 420524 h 894393"/>
                <a:gd name="connsiteX8" fmla="*/ 349165 w 515852"/>
                <a:gd name="connsiteY8" fmla="*/ 165731 h 894393"/>
                <a:gd name="connsiteX9" fmla="*/ 120564 w 515852"/>
                <a:gd name="connsiteY9" fmla="*/ 122869 h 894393"/>
                <a:gd name="connsiteX10" fmla="*/ 120564 w 515852"/>
                <a:gd name="connsiteY10" fmla="*/ 468149 h 894393"/>
                <a:gd name="connsiteX11" fmla="*/ 30077 w 515852"/>
                <a:gd name="connsiteY11" fmla="*/ 387187 h 894393"/>
                <a:gd name="connsiteX12" fmla="*/ 0 w 515852"/>
                <a:gd name="connsiteY12" fmla="*/ 39693 h 894393"/>
                <a:gd name="connsiteX0" fmla="*/ 0 w 515852"/>
                <a:gd name="connsiteY0" fmla="*/ 39693 h 894393"/>
                <a:gd name="connsiteX1" fmla="*/ 34561 w 515852"/>
                <a:gd name="connsiteY1" fmla="*/ 0 h 894393"/>
                <a:gd name="connsiteX2" fmla="*/ 318208 w 515852"/>
                <a:gd name="connsiteY2" fmla="*/ 3806 h 894393"/>
                <a:gd name="connsiteX3" fmla="*/ 515852 w 515852"/>
                <a:gd name="connsiteY3" fmla="*/ 153825 h 894393"/>
                <a:gd name="connsiteX4" fmla="*/ 411077 w 515852"/>
                <a:gd name="connsiteY4" fmla="*/ 391949 h 894393"/>
                <a:gd name="connsiteX5" fmla="*/ 403934 w 515852"/>
                <a:gd name="connsiteY5" fmla="*/ 894393 h 894393"/>
                <a:gd name="connsiteX6" fmla="*/ 315562 w 515852"/>
                <a:gd name="connsiteY6" fmla="*/ 824830 h 894393"/>
                <a:gd name="connsiteX7" fmla="*/ 265820 w 515852"/>
                <a:gd name="connsiteY7" fmla="*/ 420524 h 894393"/>
                <a:gd name="connsiteX8" fmla="*/ 349165 w 515852"/>
                <a:gd name="connsiteY8" fmla="*/ 165731 h 894393"/>
                <a:gd name="connsiteX9" fmla="*/ 120564 w 515852"/>
                <a:gd name="connsiteY9" fmla="*/ 122869 h 894393"/>
                <a:gd name="connsiteX10" fmla="*/ 120564 w 515852"/>
                <a:gd name="connsiteY10" fmla="*/ 468149 h 894393"/>
                <a:gd name="connsiteX11" fmla="*/ 30077 w 515852"/>
                <a:gd name="connsiteY11" fmla="*/ 387187 h 894393"/>
                <a:gd name="connsiteX12" fmla="*/ 0 w 515852"/>
                <a:gd name="connsiteY12" fmla="*/ 39693 h 89439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15852" h="894393">
                  <a:moveTo>
                    <a:pt x="0" y="39693"/>
                  </a:moveTo>
                  <a:cubicBezTo>
                    <a:pt x="875" y="-315"/>
                    <a:pt x="15658" y="1742"/>
                    <a:pt x="34561" y="0"/>
                  </a:cubicBezTo>
                  <a:lnTo>
                    <a:pt x="318208" y="3806"/>
                  </a:lnTo>
                  <a:lnTo>
                    <a:pt x="515852" y="153825"/>
                  </a:lnTo>
                  <a:cubicBezTo>
                    <a:pt x="510693" y="198672"/>
                    <a:pt x="417824" y="356231"/>
                    <a:pt x="411077" y="391949"/>
                  </a:cubicBezTo>
                  <a:cubicBezTo>
                    <a:pt x="395202" y="512996"/>
                    <a:pt x="405125" y="772553"/>
                    <a:pt x="403934" y="894393"/>
                  </a:cubicBezTo>
                  <a:lnTo>
                    <a:pt x="315562" y="824830"/>
                  </a:lnTo>
                  <a:cubicBezTo>
                    <a:pt x="298099" y="692273"/>
                    <a:pt x="283283" y="553081"/>
                    <a:pt x="265820" y="420524"/>
                  </a:cubicBezTo>
                  <a:cubicBezTo>
                    <a:pt x="238833" y="330433"/>
                    <a:pt x="356705" y="218118"/>
                    <a:pt x="349165" y="165731"/>
                  </a:cubicBezTo>
                  <a:cubicBezTo>
                    <a:pt x="343212" y="154222"/>
                    <a:pt x="127708" y="102628"/>
                    <a:pt x="120564" y="122869"/>
                  </a:cubicBezTo>
                  <a:cubicBezTo>
                    <a:pt x="111039" y="181210"/>
                    <a:pt x="134058" y="439971"/>
                    <a:pt x="120564" y="468149"/>
                  </a:cubicBezTo>
                  <a:cubicBezTo>
                    <a:pt x="94370" y="456641"/>
                    <a:pt x="30077" y="405443"/>
                    <a:pt x="30077" y="387187"/>
                  </a:cubicBezTo>
                  <a:cubicBezTo>
                    <a:pt x="15789" y="307018"/>
                    <a:pt x="1984" y="97637"/>
                    <a:pt x="0" y="39693"/>
                  </a:cubicBezTo>
                  <a:close/>
                </a:path>
              </a:pathLst>
            </a:custGeom>
            <a:solidFill>
              <a:srgbClr val="C1CFE9">
                <a:lumMod val="5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7" name="Rectangle 20"/>
            <p:cNvSpPr/>
            <p:nvPr/>
          </p:nvSpPr>
          <p:spPr>
            <a:xfrm>
              <a:off x="6081573" y="2203544"/>
              <a:ext cx="218392" cy="318192"/>
            </a:xfrm>
            <a:custGeom>
              <a:avLst/>
              <a:gdLst>
                <a:gd name="connsiteX0" fmla="*/ 0 w 4649273"/>
                <a:gd name="connsiteY0" fmla="*/ 0 h 5087155"/>
                <a:gd name="connsiteX1" fmla="*/ 4649273 w 4649273"/>
                <a:gd name="connsiteY1" fmla="*/ 0 h 5087155"/>
                <a:gd name="connsiteX2" fmla="*/ 4649273 w 4649273"/>
                <a:gd name="connsiteY2" fmla="*/ 5087155 h 5087155"/>
                <a:gd name="connsiteX3" fmla="*/ 0 w 4649273"/>
                <a:gd name="connsiteY3" fmla="*/ 5087155 h 5087155"/>
                <a:gd name="connsiteX4" fmla="*/ 0 w 4649273"/>
                <a:gd name="connsiteY4" fmla="*/ 0 h 5087155"/>
                <a:gd name="connsiteX0" fmla="*/ 0 w 4649273"/>
                <a:gd name="connsiteY0" fmla="*/ 0 h 5087155"/>
                <a:gd name="connsiteX1" fmla="*/ 4649273 w 4649273"/>
                <a:gd name="connsiteY1" fmla="*/ 0 h 5087155"/>
                <a:gd name="connsiteX2" fmla="*/ 4649273 w 4649273"/>
                <a:gd name="connsiteY2" fmla="*/ 5087155 h 5087155"/>
                <a:gd name="connsiteX3" fmla="*/ 2050781 w 4649273"/>
                <a:gd name="connsiteY3" fmla="*/ 5071950 h 5087155"/>
                <a:gd name="connsiteX4" fmla="*/ 0 w 4649273"/>
                <a:gd name="connsiteY4" fmla="*/ 5087155 h 5087155"/>
                <a:gd name="connsiteX5" fmla="*/ 0 w 4649273"/>
                <a:gd name="connsiteY5" fmla="*/ 0 h 5087155"/>
                <a:gd name="connsiteX0" fmla="*/ 0 w 4649273"/>
                <a:gd name="connsiteY0" fmla="*/ 0 h 5087155"/>
                <a:gd name="connsiteX1" fmla="*/ 4649273 w 4649273"/>
                <a:gd name="connsiteY1" fmla="*/ 0 h 5087155"/>
                <a:gd name="connsiteX2" fmla="*/ 4649273 w 4649273"/>
                <a:gd name="connsiteY2" fmla="*/ 5087155 h 5087155"/>
                <a:gd name="connsiteX3" fmla="*/ 2050781 w 4649273"/>
                <a:gd name="connsiteY3" fmla="*/ 4805250 h 5087155"/>
                <a:gd name="connsiteX4" fmla="*/ 0 w 4649273"/>
                <a:gd name="connsiteY4" fmla="*/ 5087155 h 5087155"/>
                <a:gd name="connsiteX5" fmla="*/ 0 w 4649273"/>
                <a:gd name="connsiteY5" fmla="*/ 0 h 5087155"/>
                <a:gd name="connsiteX0" fmla="*/ 0 w 4649273"/>
                <a:gd name="connsiteY0" fmla="*/ 0 h 5087155"/>
                <a:gd name="connsiteX1" fmla="*/ 4649273 w 4649273"/>
                <a:gd name="connsiteY1" fmla="*/ 0 h 5087155"/>
                <a:gd name="connsiteX2" fmla="*/ 4649273 w 4649273"/>
                <a:gd name="connsiteY2" fmla="*/ 5087155 h 5087155"/>
                <a:gd name="connsiteX3" fmla="*/ 4247881 w 4649273"/>
                <a:gd name="connsiteY3" fmla="*/ 5021150 h 5087155"/>
                <a:gd name="connsiteX4" fmla="*/ 2050781 w 4649273"/>
                <a:gd name="connsiteY4" fmla="*/ 4805250 h 5087155"/>
                <a:gd name="connsiteX5" fmla="*/ 0 w 4649273"/>
                <a:gd name="connsiteY5" fmla="*/ 5087155 h 5087155"/>
                <a:gd name="connsiteX6" fmla="*/ 0 w 4649273"/>
                <a:gd name="connsiteY6" fmla="*/ 0 h 5087155"/>
                <a:gd name="connsiteX0" fmla="*/ 0 w 4649273"/>
                <a:gd name="connsiteY0" fmla="*/ 0 h 5087155"/>
                <a:gd name="connsiteX1" fmla="*/ 4649273 w 4649273"/>
                <a:gd name="connsiteY1" fmla="*/ 0 h 5087155"/>
                <a:gd name="connsiteX2" fmla="*/ 4649273 w 4649273"/>
                <a:gd name="connsiteY2" fmla="*/ 5087155 h 5087155"/>
                <a:gd name="connsiteX3" fmla="*/ 3739881 w 4649273"/>
                <a:gd name="connsiteY3" fmla="*/ 3649550 h 5087155"/>
                <a:gd name="connsiteX4" fmla="*/ 2050781 w 4649273"/>
                <a:gd name="connsiteY4" fmla="*/ 4805250 h 5087155"/>
                <a:gd name="connsiteX5" fmla="*/ 0 w 4649273"/>
                <a:gd name="connsiteY5" fmla="*/ 5087155 h 5087155"/>
                <a:gd name="connsiteX6" fmla="*/ 0 w 4649273"/>
                <a:gd name="connsiteY6" fmla="*/ 0 h 5087155"/>
                <a:gd name="connsiteX0" fmla="*/ 0 w 4649273"/>
                <a:gd name="connsiteY0" fmla="*/ 0 h 5087155"/>
                <a:gd name="connsiteX1" fmla="*/ 4649273 w 4649273"/>
                <a:gd name="connsiteY1" fmla="*/ 0 h 5087155"/>
                <a:gd name="connsiteX2" fmla="*/ 4649273 w 4649273"/>
                <a:gd name="connsiteY2" fmla="*/ 5087155 h 5087155"/>
                <a:gd name="connsiteX3" fmla="*/ 3739881 w 4649273"/>
                <a:gd name="connsiteY3" fmla="*/ 3649550 h 5087155"/>
                <a:gd name="connsiteX4" fmla="*/ 2901681 w 4649273"/>
                <a:gd name="connsiteY4" fmla="*/ 4233750 h 5087155"/>
                <a:gd name="connsiteX5" fmla="*/ 2050781 w 4649273"/>
                <a:gd name="connsiteY5" fmla="*/ 4805250 h 5087155"/>
                <a:gd name="connsiteX6" fmla="*/ 0 w 4649273"/>
                <a:gd name="connsiteY6" fmla="*/ 5087155 h 5087155"/>
                <a:gd name="connsiteX7" fmla="*/ 0 w 4649273"/>
                <a:gd name="connsiteY7" fmla="*/ 0 h 5087155"/>
                <a:gd name="connsiteX0" fmla="*/ 0 w 4649273"/>
                <a:gd name="connsiteY0" fmla="*/ 0 h 5087155"/>
                <a:gd name="connsiteX1" fmla="*/ 4649273 w 4649273"/>
                <a:gd name="connsiteY1" fmla="*/ 0 h 5087155"/>
                <a:gd name="connsiteX2" fmla="*/ 4649273 w 4649273"/>
                <a:gd name="connsiteY2" fmla="*/ 5087155 h 5087155"/>
                <a:gd name="connsiteX3" fmla="*/ 3739881 w 4649273"/>
                <a:gd name="connsiteY3" fmla="*/ 3649550 h 5087155"/>
                <a:gd name="connsiteX4" fmla="*/ 2800081 w 4649273"/>
                <a:gd name="connsiteY4" fmla="*/ 4081350 h 5087155"/>
                <a:gd name="connsiteX5" fmla="*/ 2050781 w 4649273"/>
                <a:gd name="connsiteY5" fmla="*/ 4805250 h 5087155"/>
                <a:gd name="connsiteX6" fmla="*/ 0 w 4649273"/>
                <a:gd name="connsiteY6" fmla="*/ 5087155 h 5087155"/>
                <a:gd name="connsiteX7" fmla="*/ 0 w 4649273"/>
                <a:gd name="connsiteY7" fmla="*/ 0 h 5087155"/>
                <a:gd name="connsiteX0" fmla="*/ 0 w 4654281"/>
                <a:gd name="connsiteY0" fmla="*/ 0 h 5087155"/>
                <a:gd name="connsiteX1" fmla="*/ 4649273 w 4654281"/>
                <a:gd name="connsiteY1" fmla="*/ 0 h 5087155"/>
                <a:gd name="connsiteX2" fmla="*/ 4654281 w 4654281"/>
                <a:gd name="connsiteY2" fmla="*/ 3306650 h 5087155"/>
                <a:gd name="connsiteX3" fmla="*/ 4649273 w 4654281"/>
                <a:gd name="connsiteY3" fmla="*/ 5087155 h 5087155"/>
                <a:gd name="connsiteX4" fmla="*/ 3739881 w 4654281"/>
                <a:gd name="connsiteY4" fmla="*/ 3649550 h 5087155"/>
                <a:gd name="connsiteX5" fmla="*/ 2800081 w 4654281"/>
                <a:gd name="connsiteY5" fmla="*/ 4081350 h 5087155"/>
                <a:gd name="connsiteX6" fmla="*/ 2050781 w 4654281"/>
                <a:gd name="connsiteY6" fmla="*/ 4805250 h 5087155"/>
                <a:gd name="connsiteX7" fmla="*/ 0 w 4654281"/>
                <a:gd name="connsiteY7" fmla="*/ 5087155 h 5087155"/>
                <a:gd name="connsiteX8" fmla="*/ 0 w 4654281"/>
                <a:gd name="connsiteY8" fmla="*/ 0 h 5087155"/>
                <a:gd name="connsiteX0" fmla="*/ 0 w 4649275"/>
                <a:gd name="connsiteY0" fmla="*/ 0 h 5087155"/>
                <a:gd name="connsiteX1" fmla="*/ 4649273 w 4649275"/>
                <a:gd name="connsiteY1" fmla="*/ 0 h 5087155"/>
                <a:gd name="connsiteX2" fmla="*/ 3638281 w 4649275"/>
                <a:gd name="connsiteY2" fmla="*/ 3268550 h 5087155"/>
                <a:gd name="connsiteX3" fmla="*/ 4649273 w 4649275"/>
                <a:gd name="connsiteY3" fmla="*/ 5087155 h 5087155"/>
                <a:gd name="connsiteX4" fmla="*/ 3739881 w 4649275"/>
                <a:gd name="connsiteY4" fmla="*/ 3649550 h 5087155"/>
                <a:gd name="connsiteX5" fmla="*/ 2800081 w 4649275"/>
                <a:gd name="connsiteY5" fmla="*/ 4081350 h 5087155"/>
                <a:gd name="connsiteX6" fmla="*/ 2050781 w 4649275"/>
                <a:gd name="connsiteY6" fmla="*/ 4805250 h 5087155"/>
                <a:gd name="connsiteX7" fmla="*/ 0 w 4649275"/>
                <a:gd name="connsiteY7" fmla="*/ 5087155 h 5087155"/>
                <a:gd name="connsiteX8" fmla="*/ 0 w 4649275"/>
                <a:gd name="connsiteY8" fmla="*/ 0 h 5087155"/>
                <a:gd name="connsiteX0" fmla="*/ 0 w 4649275"/>
                <a:gd name="connsiteY0" fmla="*/ 0 h 5087155"/>
                <a:gd name="connsiteX1" fmla="*/ 4649273 w 4649275"/>
                <a:gd name="connsiteY1" fmla="*/ 0 h 5087155"/>
                <a:gd name="connsiteX2" fmla="*/ 3638281 w 4649275"/>
                <a:gd name="connsiteY2" fmla="*/ 3268550 h 5087155"/>
                <a:gd name="connsiteX3" fmla="*/ 3739881 w 4649275"/>
                <a:gd name="connsiteY3" fmla="*/ 3649550 h 5087155"/>
                <a:gd name="connsiteX4" fmla="*/ 2800081 w 4649275"/>
                <a:gd name="connsiteY4" fmla="*/ 4081350 h 5087155"/>
                <a:gd name="connsiteX5" fmla="*/ 2050781 w 4649275"/>
                <a:gd name="connsiteY5" fmla="*/ 4805250 h 5087155"/>
                <a:gd name="connsiteX6" fmla="*/ 0 w 4649275"/>
                <a:gd name="connsiteY6" fmla="*/ 5087155 h 5087155"/>
                <a:gd name="connsiteX7" fmla="*/ 0 w 4649275"/>
                <a:gd name="connsiteY7" fmla="*/ 0 h 5087155"/>
                <a:gd name="connsiteX0" fmla="*/ 0 w 4649275"/>
                <a:gd name="connsiteY0" fmla="*/ 0 h 5087155"/>
                <a:gd name="connsiteX1" fmla="*/ 4649273 w 4649275"/>
                <a:gd name="connsiteY1" fmla="*/ 0 h 5087155"/>
                <a:gd name="connsiteX2" fmla="*/ 3612881 w 4649275"/>
                <a:gd name="connsiteY2" fmla="*/ 3154250 h 5087155"/>
                <a:gd name="connsiteX3" fmla="*/ 3739881 w 4649275"/>
                <a:gd name="connsiteY3" fmla="*/ 3649550 h 5087155"/>
                <a:gd name="connsiteX4" fmla="*/ 2800081 w 4649275"/>
                <a:gd name="connsiteY4" fmla="*/ 4081350 h 5087155"/>
                <a:gd name="connsiteX5" fmla="*/ 2050781 w 4649275"/>
                <a:gd name="connsiteY5" fmla="*/ 4805250 h 5087155"/>
                <a:gd name="connsiteX6" fmla="*/ 0 w 4649275"/>
                <a:gd name="connsiteY6" fmla="*/ 5087155 h 5087155"/>
                <a:gd name="connsiteX7" fmla="*/ 0 w 4649275"/>
                <a:gd name="connsiteY7" fmla="*/ 0 h 5087155"/>
                <a:gd name="connsiteX0" fmla="*/ 0 w 4649275"/>
                <a:gd name="connsiteY0" fmla="*/ 0 h 5087155"/>
                <a:gd name="connsiteX1" fmla="*/ 4649273 w 4649275"/>
                <a:gd name="connsiteY1" fmla="*/ 0 h 5087155"/>
                <a:gd name="connsiteX2" fmla="*/ 3612881 w 4649275"/>
                <a:gd name="connsiteY2" fmla="*/ 3154250 h 5087155"/>
                <a:gd name="connsiteX3" fmla="*/ 3739881 w 4649275"/>
                <a:gd name="connsiteY3" fmla="*/ 3649550 h 5087155"/>
                <a:gd name="connsiteX4" fmla="*/ 2800081 w 4649275"/>
                <a:gd name="connsiteY4" fmla="*/ 4081350 h 5087155"/>
                <a:gd name="connsiteX5" fmla="*/ 2050781 w 4649275"/>
                <a:gd name="connsiteY5" fmla="*/ 4805250 h 5087155"/>
                <a:gd name="connsiteX6" fmla="*/ 0 w 4649275"/>
                <a:gd name="connsiteY6" fmla="*/ 5087155 h 5087155"/>
                <a:gd name="connsiteX7" fmla="*/ 0 w 4649275"/>
                <a:gd name="connsiteY7" fmla="*/ 0 h 5087155"/>
                <a:gd name="connsiteX0" fmla="*/ 0 w 4649275"/>
                <a:gd name="connsiteY0" fmla="*/ 0 h 5087155"/>
                <a:gd name="connsiteX1" fmla="*/ 4649273 w 4649275"/>
                <a:gd name="connsiteY1" fmla="*/ 0 h 5087155"/>
                <a:gd name="connsiteX2" fmla="*/ 3612881 w 4649275"/>
                <a:gd name="connsiteY2" fmla="*/ 3154250 h 5087155"/>
                <a:gd name="connsiteX3" fmla="*/ 3739881 w 4649275"/>
                <a:gd name="connsiteY3" fmla="*/ 3649550 h 5087155"/>
                <a:gd name="connsiteX4" fmla="*/ 2800081 w 4649275"/>
                <a:gd name="connsiteY4" fmla="*/ 4081350 h 5087155"/>
                <a:gd name="connsiteX5" fmla="*/ 2050781 w 4649275"/>
                <a:gd name="connsiteY5" fmla="*/ 4805250 h 5087155"/>
                <a:gd name="connsiteX6" fmla="*/ 0 w 4649275"/>
                <a:gd name="connsiteY6" fmla="*/ 5087155 h 5087155"/>
                <a:gd name="connsiteX7" fmla="*/ 0 w 4649275"/>
                <a:gd name="connsiteY7" fmla="*/ 0 h 5087155"/>
                <a:gd name="connsiteX0" fmla="*/ 0 w 4827715"/>
                <a:gd name="connsiteY0" fmla="*/ 0 h 5087155"/>
                <a:gd name="connsiteX1" fmla="*/ 4649273 w 4827715"/>
                <a:gd name="connsiteY1" fmla="*/ 0 h 5087155"/>
                <a:gd name="connsiteX2" fmla="*/ 3841481 w 4827715"/>
                <a:gd name="connsiteY2" fmla="*/ 2176350 h 5087155"/>
                <a:gd name="connsiteX3" fmla="*/ 3612881 w 4827715"/>
                <a:gd name="connsiteY3" fmla="*/ 3154250 h 5087155"/>
                <a:gd name="connsiteX4" fmla="*/ 3739881 w 4827715"/>
                <a:gd name="connsiteY4" fmla="*/ 3649550 h 5087155"/>
                <a:gd name="connsiteX5" fmla="*/ 2800081 w 4827715"/>
                <a:gd name="connsiteY5" fmla="*/ 4081350 h 5087155"/>
                <a:gd name="connsiteX6" fmla="*/ 2050781 w 4827715"/>
                <a:gd name="connsiteY6" fmla="*/ 4805250 h 5087155"/>
                <a:gd name="connsiteX7" fmla="*/ 0 w 4827715"/>
                <a:gd name="connsiteY7" fmla="*/ 5087155 h 5087155"/>
                <a:gd name="connsiteX8" fmla="*/ 0 w 4827715"/>
                <a:gd name="connsiteY8" fmla="*/ 0 h 5087155"/>
                <a:gd name="connsiteX0" fmla="*/ 0 w 4840184"/>
                <a:gd name="connsiteY0" fmla="*/ 0 h 5087155"/>
                <a:gd name="connsiteX1" fmla="*/ 4649273 w 4840184"/>
                <a:gd name="connsiteY1" fmla="*/ 0 h 5087155"/>
                <a:gd name="connsiteX2" fmla="*/ 3955781 w 4840184"/>
                <a:gd name="connsiteY2" fmla="*/ 2366850 h 5087155"/>
                <a:gd name="connsiteX3" fmla="*/ 3612881 w 4840184"/>
                <a:gd name="connsiteY3" fmla="*/ 3154250 h 5087155"/>
                <a:gd name="connsiteX4" fmla="*/ 3739881 w 4840184"/>
                <a:gd name="connsiteY4" fmla="*/ 3649550 h 5087155"/>
                <a:gd name="connsiteX5" fmla="*/ 2800081 w 4840184"/>
                <a:gd name="connsiteY5" fmla="*/ 4081350 h 5087155"/>
                <a:gd name="connsiteX6" fmla="*/ 2050781 w 4840184"/>
                <a:gd name="connsiteY6" fmla="*/ 4805250 h 5087155"/>
                <a:gd name="connsiteX7" fmla="*/ 0 w 4840184"/>
                <a:gd name="connsiteY7" fmla="*/ 5087155 h 5087155"/>
                <a:gd name="connsiteX8" fmla="*/ 0 w 4840184"/>
                <a:gd name="connsiteY8" fmla="*/ 0 h 5087155"/>
                <a:gd name="connsiteX0" fmla="*/ 0 w 4048435"/>
                <a:gd name="connsiteY0" fmla="*/ 0 h 5087155"/>
                <a:gd name="connsiteX1" fmla="*/ 3468173 w 4048435"/>
                <a:gd name="connsiteY1" fmla="*/ 558800 h 5087155"/>
                <a:gd name="connsiteX2" fmla="*/ 3955781 w 4048435"/>
                <a:gd name="connsiteY2" fmla="*/ 2366850 h 5087155"/>
                <a:gd name="connsiteX3" fmla="*/ 3612881 w 4048435"/>
                <a:gd name="connsiteY3" fmla="*/ 3154250 h 5087155"/>
                <a:gd name="connsiteX4" fmla="*/ 3739881 w 4048435"/>
                <a:gd name="connsiteY4" fmla="*/ 3649550 h 5087155"/>
                <a:gd name="connsiteX5" fmla="*/ 2800081 w 4048435"/>
                <a:gd name="connsiteY5" fmla="*/ 4081350 h 5087155"/>
                <a:gd name="connsiteX6" fmla="*/ 2050781 w 4048435"/>
                <a:gd name="connsiteY6" fmla="*/ 4805250 h 5087155"/>
                <a:gd name="connsiteX7" fmla="*/ 0 w 4048435"/>
                <a:gd name="connsiteY7" fmla="*/ 5087155 h 5087155"/>
                <a:gd name="connsiteX8" fmla="*/ 0 w 4048435"/>
                <a:gd name="connsiteY8" fmla="*/ 0 h 5087155"/>
                <a:gd name="connsiteX0" fmla="*/ 0 w 4048435"/>
                <a:gd name="connsiteY0" fmla="*/ 0 h 5087155"/>
                <a:gd name="connsiteX1" fmla="*/ 3468173 w 4048435"/>
                <a:gd name="connsiteY1" fmla="*/ 558800 h 5087155"/>
                <a:gd name="connsiteX2" fmla="*/ 3955781 w 4048435"/>
                <a:gd name="connsiteY2" fmla="*/ 2366850 h 5087155"/>
                <a:gd name="connsiteX3" fmla="*/ 3612881 w 4048435"/>
                <a:gd name="connsiteY3" fmla="*/ 3154250 h 5087155"/>
                <a:gd name="connsiteX4" fmla="*/ 3739881 w 4048435"/>
                <a:gd name="connsiteY4" fmla="*/ 3649550 h 5087155"/>
                <a:gd name="connsiteX5" fmla="*/ 2800081 w 4048435"/>
                <a:gd name="connsiteY5" fmla="*/ 4081350 h 5087155"/>
                <a:gd name="connsiteX6" fmla="*/ 2050781 w 4048435"/>
                <a:gd name="connsiteY6" fmla="*/ 4805250 h 5087155"/>
                <a:gd name="connsiteX7" fmla="*/ 0 w 4048435"/>
                <a:gd name="connsiteY7" fmla="*/ 5087155 h 5087155"/>
                <a:gd name="connsiteX8" fmla="*/ 0 w 4048435"/>
                <a:gd name="connsiteY8" fmla="*/ 0 h 5087155"/>
                <a:gd name="connsiteX0" fmla="*/ 0 w 4031100"/>
                <a:gd name="connsiteY0" fmla="*/ 0 h 5087155"/>
                <a:gd name="connsiteX1" fmla="*/ 3468173 w 4031100"/>
                <a:gd name="connsiteY1" fmla="*/ 558800 h 5087155"/>
                <a:gd name="connsiteX2" fmla="*/ 3955781 w 4031100"/>
                <a:gd name="connsiteY2" fmla="*/ 2366850 h 5087155"/>
                <a:gd name="connsiteX3" fmla="*/ 3612881 w 4031100"/>
                <a:gd name="connsiteY3" fmla="*/ 3154250 h 5087155"/>
                <a:gd name="connsiteX4" fmla="*/ 3739881 w 4031100"/>
                <a:gd name="connsiteY4" fmla="*/ 3649550 h 5087155"/>
                <a:gd name="connsiteX5" fmla="*/ 2800081 w 4031100"/>
                <a:gd name="connsiteY5" fmla="*/ 4081350 h 5087155"/>
                <a:gd name="connsiteX6" fmla="*/ 2050781 w 4031100"/>
                <a:gd name="connsiteY6" fmla="*/ 4805250 h 5087155"/>
                <a:gd name="connsiteX7" fmla="*/ 0 w 4031100"/>
                <a:gd name="connsiteY7" fmla="*/ 5087155 h 5087155"/>
                <a:gd name="connsiteX8" fmla="*/ 0 w 4031100"/>
                <a:gd name="connsiteY8" fmla="*/ 0 h 5087155"/>
                <a:gd name="connsiteX0" fmla="*/ 0 w 4031100"/>
                <a:gd name="connsiteY0" fmla="*/ 0 h 4805250"/>
                <a:gd name="connsiteX1" fmla="*/ 3468173 w 4031100"/>
                <a:gd name="connsiteY1" fmla="*/ 558800 h 4805250"/>
                <a:gd name="connsiteX2" fmla="*/ 3955781 w 4031100"/>
                <a:gd name="connsiteY2" fmla="*/ 2366850 h 4805250"/>
                <a:gd name="connsiteX3" fmla="*/ 3612881 w 4031100"/>
                <a:gd name="connsiteY3" fmla="*/ 3154250 h 4805250"/>
                <a:gd name="connsiteX4" fmla="*/ 3739881 w 4031100"/>
                <a:gd name="connsiteY4" fmla="*/ 3649550 h 4805250"/>
                <a:gd name="connsiteX5" fmla="*/ 2800081 w 4031100"/>
                <a:gd name="connsiteY5" fmla="*/ 4081350 h 4805250"/>
                <a:gd name="connsiteX6" fmla="*/ 2050781 w 4031100"/>
                <a:gd name="connsiteY6" fmla="*/ 4805250 h 4805250"/>
                <a:gd name="connsiteX7" fmla="*/ 723900 w 4031100"/>
                <a:gd name="connsiteY7" fmla="*/ 3817155 h 4805250"/>
                <a:gd name="connsiteX8" fmla="*/ 0 w 4031100"/>
                <a:gd name="connsiteY8" fmla="*/ 0 h 4805250"/>
                <a:gd name="connsiteX0" fmla="*/ 0 w 4031100"/>
                <a:gd name="connsiteY0" fmla="*/ 0 h 4805250"/>
                <a:gd name="connsiteX1" fmla="*/ 3468173 w 4031100"/>
                <a:gd name="connsiteY1" fmla="*/ 558800 h 4805250"/>
                <a:gd name="connsiteX2" fmla="*/ 3955781 w 4031100"/>
                <a:gd name="connsiteY2" fmla="*/ 2366850 h 4805250"/>
                <a:gd name="connsiteX3" fmla="*/ 3612881 w 4031100"/>
                <a:gd name="connsiteY3" fmla="*/ 3154250 h 4805250"/>
                <a:gd name="connsiteX4" fmla="*/ 3739881 w 4031100"/>
                <a:gd name="connsiteY4" fmla="*/ 3649550 h 4805250"/>
                <a:gd name="connsiteX5" fmla="*/ 2800081 w 4031100"/>
                <a:gd name="connsiteY5" fmla="*/ 4081350 h 4805250"/>
                <a:gd name="connsiteX6" fmla="*/ 2050781 w 4031100"/>
                <a:gd name="connsiteY6" fmla="*/ 4805250 h 4805250"/>
                <a:gd name="connsiteX7" fmla="*/ 1377681 w 4031100"/>
                <a:gd name="connsiteY7" fmla="*/ 4271850 h 4805250"/>
                <a:gd name="connsiteX8" fmla="*/ 723900 w 4031100"/>
                <a:gd name="connsiteY8" fmla="*/ 3817155 h 4805250"/>
                <a:gd name="connsiteX9" fmla="*/ 0 w 4031100"/>
                <a:gd name="connsiteY9" fmla="*/ 0 h 4805250"/>
                <a:gd name="connsiteX0" fmla="*/ 0 w 4031100"/>
                <a:gd name="connsiteY0" fmla="*/ 0 h 4805250"/>
                <a:gd name="connsiteX1" fmla="*/ 3468173 w 4031100"/>
                <a:gd name="connsiteY1" fmla="*/ 558800 h 4805250"/>
                <a:gd name="connsiteX2" fmla="*/ 3955781 w 4031100"/>
                <a:gd name="connsiteY2" fmla="*/ 2366850 h 4805250"/>
                <a:gd name="connsiteX3" fmla="*/ 3612881 w 4031100"/>
                <a:gd name="connsiteY3" fmla="*/ 3154250 h 4805250"/>
                <a:gd name="connsiteX4" fmla="*/ 3739881 w 4031100"/>
                <a:gd name="connsiteY4" fmla="*/ 3649550 h 4805250"/>
                <a:gd name="connsiteX5" fmla="*/ 2800081 w 4031100"/>
                <a:gd name="connsiteY5" fmla="*/ 4081350 h 4805250"/>
                <a:gd name="connsiteX6" fmla="*/ 2050781 w 4031100"/>
                <a:gd name="connsiteY6" fmla="*/ 4805250 h 4805250"/>
                <a:gd name="connsiteX7" fmla="*/ 844281 w 4031100"/>
                <a:gd name="connsiteY7" fmla="*/ 4322650 h 4805250"/>
                <a:gd name="connsiteX8" fmla="*/ 723900 w 4031100"/>
                <a:gd name="connsiteY8" fmla="*/ 3817155 h 4805250"/>
                <a:gd name="connsiteX9" fmla="*/ 0 w 4031100"/>
                <a:gd name="connsiteY9" fmla="*/ 0 h 4805250"/>
                <a:gd name="connsiteX0" fmla="*/ 0 w 4031100"/>
                <a:gd name="connsiteY0" fmla="*/ 0 h 4805250"/>
                <a:gd name="connsiteX1" fmla="*/ 3468173 w 4031100"/>
                <a:gd name="connsiteY1" fmla="*/ 558800 h 4805250"/>
                <a:gd name="connsiteX2" fmla="*/ 3955781 w 4031100"/>
                <a:gd name="connsiteY2" fmla="*/ 2366850 h 4805250"/>
                <a:gd name="connsiteX3" fmla="*/ 3612881 w 4031100"/>
                <a:gd name="connsiteY3" fmla="*/ 3154250 h 4805250"/>
                <a:gd name="connsiteX4" fmla="*/ 3739881 w 4031100"/>
                <a:gd name="connsiteY4" fmla="*/ 3649550 h 4805250"/>
                <a:gd name="connsiteX5" fmla="*/ 2800081 w 4031100"/>
                <a:gd name="connsiteY5" fmla="*/ 4081350 h 4805250"/>
                <a:gd name="connsiteX6" fmla="*/ 2050781 w 4031100"/>
                <a:gd name="connsiteY6" fmla="*/ 4805250 h 4805250"/>
                <a:gd name="connsiteX7" fmla="*/ 844281 w 4031100"/>
                <a:gd name="connsiteY7" fmla="*/ 4322650 h 4805250"/>
                <a:gd name="connsiteX8" fmla="*/ 723900 w 4031100"/>
                <a:gd name="connsiteY8" fmla="*/ 3817155 h 4805250"/>
                <a:gd name="connsiteX9" fmla="*/ 0 w 4031100"/>
                <a:gd name="connsiteY9" fmla="*/ 0 h 4805250"/>
                <a:gd name="connsiteX0" fmla="*/ 0 w 4031100"/>
                <a:gd name="connsiteY0" fmla="*/ 0 h 4815880"/>
                <a:gd name="connsiteX1" fmla="*/ 3468173 w 4031100"/>
                <a:gd name="connsiteY1" fmla="*/ 558800 h 4815880"/>
                <a:gd name="connsiteX2" fmla="*/ 3955781 w 4031100"/>
                <a:gd name="connsiteY2" fmla="*/ 2366850 h 4815880"/>
                <a:gd name="connsiteX3" fmla="*/ 3612881 w 4031100"/>
                <a:gd name="connsiteY3" fmla="*/ 3154250 h 4815880"/>
                <a:gd name="connsiteX4" fmla="*/ 3739881 w 4031100"/>
                <a:gd name="connsiteY4" fmla="*/ 3649550 h 4815880"/>
                <a:gd name="connsiteX5" fmla="*/ 2800081 w 4031100"/>
                <a:gd name="connsiteY5" fmla="*/ 4081350 h 4815880"/>
                <a:gd name="connsiteX6" fmla="*/ 2050781 w 4031100"/>
                <a:gd name="connsiteY6" fmla="*/ 4805250 h 4815880"/>
                <a:gd name="connsiteX7" fmla="*/ 1707881 w 4031100"/>
                <a:gd name="connsiteY7" fmla="*/ 4500450 h 4815880"/>
                <a:gd name="connsiteX8" fmla="*/ 844281 w 4031100"/>
                <a:gd name="connsiteY8" fmla="*/ 4322650 h 4815880"/>
                <a:gd name="connsiteX9" fmla="*/ 723900 w 4031100"/>
                <a:gd name="connsiteY9" fmla="*/ 3817155 h 4815880"/>
                <a:gd name="connsiteX10" fmla="*/ 0 w 4031100"/>
                <a:gd name="connsiteY10" fmla="*/ 0 h 4815880"/>
                <a:gd name="connsiteX0" fmla="*/ 0 w 4031100"/>
                <a:gd name="connsiteY0" fmla="*/ 0 h 4813031"/>
                <a:gd name="connsiteX1" fmla="*/ 3468173 w 4031100"/>
                <a:gd name="connsiteY1" fmla="*/ 558800 h 4813031"/>
                <a:gd name="connsiteX2" fmla="*/ 3955781 w 4031100"/>
                <a:gd name="connsiteY2" fmla="*/ 2366850 h 4813031"/>
                <a:gd name="connsiteX3" fmla="*/ 3612881 w 4031100"/>
                <a:gd name="connsiteY3" fmla="*/ 3154250 h 4813031"/>
                <a:gd name="connsiteX4" fmla="*/ 3739881 w 4031100"/>
                <a:gd name="connsiteY4" fmla="*/ 3649550 h 4813031"/>
                <a:gd name="connsiteX5" fmla="*/ 2800081 w 4031100"/>
                <a:gd name="connsiteY5" fmla="*/ 4081350 h 4813031"/>
                <a:gd name="connsiteX6" fmla="*/ 2050781 w 4031100"/>
                <a:gd name="connsiteY6" fmla="*/ 4805250 h 4813031"/>
                <a:gd name="connsiteX7" fmla="*/ 1847581 w 4031100"/>
                <a:gd name="connsiteY7" fmla="*/ 4373450 h 4813031"/>
                <a:gd name="connsiteX8" fmla="*/ 844281 w 4031100"/>
                <a:gd name="connsiteY8" fmla="*/ 4322650 h 4813031"/>
                <a:gd name="connsiteX9" fmla="*/ 723900 w 4031100"/>
                <a:gd name="connsiteY9" fmla="*/ 3817155 h 4813031"/>
                <a:gd name="connsiteX10" fmla="*/ 0 w 4031100"/>
                <a:gd name="connsiteY10" fmla="*/ 0 h 4813031"/>
                <a:gd name="connsiteX0" fmla="*/ 0 w 4031100"/>
                <a:gd name="connsiteY0" fmla="*/ 0 h 4808719"/>
                <a:gd name="connsiteX1" fmla="*/ 3468173 w 4031100"/>
                <a:gd name="connsiteY1" fmla="*/ 558800 h 4808719"/>
                <a:gd name="connsiteX2" fmla="*/ 3955781 w 4031100"/>
                <a:gd name="connsiteY2" fmla="*/ 2366850 h 4808719"/>
                <a:gd name="connsiteX3" fmla="*/ 3612881 w 4031100"/>
                <a:gd name="connsiteY3" fmla="*/ 3154250 h 4808719"/>
                <a:gd name="connsiteX4" fmla="*/ 3739881 w 4031100"/>
                <a:gd name="connsiteY4" fmla="*/ 3649550 h 4808719"/>
                <a:gd name="connsiteX5" fmla="*/ 2800081 w 4031100"/>
                <a:gd name="connsiteY5" fmla="*/ 4081350 h 4808719"/>
                <a:gd name="connsiteX6" fmla="*/ 2050781 w 4031100"/>
                <a:gd name="connsiteY6" fmla="*/ 4805250 h 4808719"/>
                <a:gd name="connsiteX7" fmla="*/ 1847581 w 4031100"/>
                <a:gd name="connsiteY7" fmla="*/ 4373450 h 4808719"/>
                <a:gd name="connsiteX8" fmla="*/ 844281 w 4031100"/>
                <a:gd name="connsiteY8" fmla="*/ 4322650 h 4808719"/>
                <a:gd name="connsiteX9" fmla="*/ 723900 w 4031100"/>
                <a:gd name="connsiteY9" fmla="*/ 3817155 h 4808719"/>
                <a:gd name="connsiteX10" fmla="*/ 0 w 4031100"/>
                <a:gd name="connsiteY10" fmla="*/ 0 h 4808719"/>
                <a:gd name="connsiteX0" fmla="*/ 0 w 4031100"/>
                <a:gd name="connsiteY0" fmla="*/ 0 h 4808719"/>
                <a:gd name="connsiteX1" fmla="*/ 3468173 w 4031100"/>
                <a:gd name="connsiteY1" fmla="*/ 558800 h 4808719"/>
                <a:gd name="connsiteX2" fmla="*/ 3955781 w 4031100"/>
                <a:gd name="connsiteY2" fmla="*/ 2366850 h 4808719"/>
                <a:gd name="connsiteX3" fmla="*/ 3612881 w 4031100"/>
                <a:gd name="connsiteY3" fmla="*/ 3154250 h 4808719"/>
                <a:gd name="connsiteX4" fmla="*/ 3739881 w 4031100"/>
                <a:gd name="connsiteY4" fmla="*/ 3649550 h 4808719"/>
                <a:gd name="connsiteX5" fmla="*/ 2800081 w 4031100"/>
                <a:gd name="connsiteY5" fmla="*/ 4081350 h 4808719"/>
                <a:gd name="connsiteX6" fmla="*/ 2050781 w 4031100"/>
                <a:gd name="connsiteY6" fmla="*/ 4805250 h 4808719"/>
                <a:gd name="connsiteX7" fmla="*/ 1847581 w 4031100"/>
                <a:gd name="connsiteY7" fmla="*/ 4373450 h 4808719"/>
                <a:gd name="connsiteX8" fmla="*/ 882381 w 4031100"/>
                <a:gd name="connsiteY8" fmla="*/ 4157550 h 4808719"/>
                <a:gd name="connsiteX9" fmla="*/ 723900 w 4031100"/>
                <a:gd name="connsiteY9" fmla="*/ 3817155 h 4808719"/>
                <a:gd name="connsiteX10" fmla="*/ 0 w 4031100"/>
                <a:gd name="connsiteY10" fmla="*/ 0 h 4808719"/>
                <a:gd name="connsiteX0" fmla="*/ 0 w 4031100"/>
                <a:gd name="connsiteY0" fmla="*/ 0 h 4808436"/>
                <a:gd name="connsiteX1" fmla="*/ 3468173 w 4031100"/>
                <a:gd name="connsiteY1" fmla="*/ 558800 h 4808436"/>
                <a:gd name="connsiteX2" fmla="*/ 3955781 w 4031100"/>
                <a:gd name="connsiteY2" fmla="*/ 2366850 h 4808436"/>
                <a:gd name="connsiteX3" fmla="*/ 3612881 w 4031100"/>
                <a:gd name="connsiteY3" fmla="*/ 3154250 h 4808436"/>
                <a:gd name="connsiteX4" fmla="*/ 3739881 w 4031100"/>
                <a:gd name="connsiteY4" fmla="*/ 3649550 h 4808436"/>
                <a:gd name="connsiteX5" fmla="*/ 2800081 w 4031100"/>
                <a:gd name="connsiteY5" fmla="*/ 4081350 h 4808436"/>
                <a:gd name="connsiteX6" fmla="*/ 2050781 w 4031100"/>
                <a:gd name="connsiteY6" fmla="*/ 4805250 h 4808436"/>
                <a:gd name="connsiteX7" fmla="*/ 1796781 w 4031100"/>
                <a:gd name="connsiteY7" fmla="*/ 4335350 h 4808436"/>
                <a:gd name="connsiteX8" fmla="*/ 882381 w 4031100"/>
                <a:gd name="connsiteY8" fmla="*/ 4157550 h 4808436"/>
                <a:gd name="connsiteX9" fmla="*/ 723900 w 4031100"/>
                <a:gd name="connsiteY9" fmla="*/ 3817155 h 4808436"/>
                <a:gd name="connsiteX10" fmla="*/ 0 w 4031100"/>
                <a:gd name="connsiteY10" fmla="*/ 0 h 4808436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882381 w 4031100"/>
                <a:gd name="connsiteY8" fmla="*/ 4157550 h 4808127"/>
                <a:gd name="connsiteX9" fmla="*/ 723900 w 4031100"/>
                <a:gd name="connsiteY9" fmla="*/ 3817155 h 4808127"/>
                <a:gd name="connsiteX10" fmla="*/ 0 w 4031100"/>
                <a:gd name="connsiteY10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882381 w 4031100"/>
                <a:gd name="connsiteY8" fmla="*/ 4157550 h 4808127"/>
                <a:gd name="connsiteX9" fmla="*/ 736600 w 4031100"/>
                <a:gd name="connsiteY9" fmla="*/ 3448855 h 4808127"/>
                <a:gd name="connsiteX10" fmla="*/ 0 w 4031100"/>
                <a:gd name="connsiteY10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33181 w 4031100"/>
                <a:gd name="connsiteY8" fmla="*/ 4119450 h 4808127"/>
                <a:gd name="connsiteX9" fmla="*/ 736600 w 4031100"/>
                <a:gd name="connsiteY9" fmla="*/ 3448855 h 4808127"/>
                <a:gd name="connsiteX10" fmla="*/ 0 w 4031100"/>
                <a:gd name="connsiteY10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33181 w 4031100"/>
                <a:gd name="connsiteY8" fmla="*/ 4119450 h 4808127"/>
                <a:gd name="connsiteX9" fmla="*/ 736600 w 4031100"/>
                <a:gd name="connsiteY9" fmla="*/ 3448855 h 4808127"/>
                <a:gd name="connsiteX10" fmla="*/ 0 w 4031100"/>
                <a:gd name="connsiteY10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33181 w 4031100"/>
                <a:gd name="connsiteY8" fmla="*/ 4119450 h 4808127"/>
                <a:gd name="connsiteX9" fmla="*/ 495300 w 4031100"/>
                <a:gd name="connsiteY9" fmla="*/ 3029755 h 4808127"/>
                <a:gd name="connsiteX10" fmla="*/ 0 w 4031100"/>
                <a:gd name="connsiteY10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495300 w 4031100"/>
                <a:gd name="connsiteY9" fmla="*/ 3029755 h 4808127"/>
                <a:gd name="connsiteX10" fmla="*/ 0 w 4031100"/>
                <a:gd name="connsiteY10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495300 w 4031100"/>
                <a:gd name="connsiteY9" fmla="*/ 3029755 h 4808127"/>
                <a:gd name="connsiteX10" fmla="*/ 0 w 4031100"/>
                <a:gd name="connsiteY10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823644 w 4031100"/>
                <a:gd name="connsiteY9" fmla="*/ 3844815 h 4808127"/>
                <a:gd name="connsiteX10" fmla="*/ 495300 w 4031100"/>
                <a:gd name="connsiteY10" fmla="*/ 3029755 h 4808127"/>
                <a:gd name="connsiteX11" fmla="*/ 0 w 4031100"/>
                <a:gd name="connsiteY11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899844 w 4031100"/>
                <a:gd name="connsiteY9" fmla="*/ 3768615 h 4808127"/>
                <a:gd name="connsiteX10" fmla="*/ 495300 w 4031100"/>
                <a:gd name="connsiteY10" fmla="*/ 3029755 h 4808127"/>
                <a:gd name="connsiteX11" fmla="*/ 0 w 4031100"/>
                <a:gd name="connsiteY11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899844 w 4031100"/>
                <a:gd name="connsiteY9" fmla="*/ 3768615 h 4808127"/>
                <a:gd name="connsiteX10" fmla="*/ 495300 w 4031100"/>
                <a:gd name="connsiteY10" fmla="*/ 3029755 h 4808127"/>
                <a:gd name="connsiteX11" fmla="*/ 0 w 4031100"/>
                <a:gd name="connsiteY11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495300 w 4031100"/>
                <a:gd name="connsiteY10" fmla="*/ 3029755 h 4808127"/>
                <a:gd name="connsiteX11" fmla="*/ 0 w 4031100"/>
                <a:gd name="connsiteY11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495300 w 4031100"/>
                <a:gd name="connsiteY10" fmla="*/ 3029755 h 4808127"/>
                <a:gd name="connsiteX11" fmla="*/ 0 w 4031100"/>
                <a:gd name="connsiteY11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647431 w 4031100"/>
                <a:gd name="connsiteY10" fmla="*/ 3463815 h 4808127"/>
                <a:gd name="connsiteX11" fmla="*/ 495300 w 4031100"/>
                <a:gd name="connsiteY11" fmla="*/ 3029755 h 4808127"/>
                <a:gd name="connsiteX12" fmla="*/ 0 w 4031100"/>
                <a:gd name="connsiteY12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495300 w 4031100"/>
                <a:gd name="connsiteY11" fmla="*/ 3029755 h 4808127"/>
                <a:gd name="connsiteX12" fmla="*/ 0 w 4031100"/>
                <a:gd name="connsiteY12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495300 w 4031100"/>
                <a:gd name="connsiteY11" fmla="*/ 3029755 h 4808127"/>
                <a:gd name="connsiteX12" fmla="*/ 0 w 4031100"/>
                <a:gd name="connsiteY12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537894 w 4031100"/>
                <a:gd name="connsiteY11" fmla="*/ 3220927 h 4808127"/>
                <a:gd name="connsiteX12" fmla="*/ 495300 w 4031100"/>
                <a:gd name="connsiteY12" fmla="*/ 3029755 h 4808127"/>
                <a:gd name="connsiteX13" fmla="*/ 0 w 4031100"/>
                <a:gd name="connsiteY13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56956 w 4031100"/>
                <a:gd name="connsiteY11" fmla="*/ 3206640 h 4808127"/>
                <a:gd name="connsiteX12" fmla="*/ 495300 w 4031100"/>
                <a:gd name="connsiteY12" fmla="*/ 3029755 h 4808127"/>
                <a:gd name="connsiteX13" fmla="*/ 0 w 4031100"/>
                <a:gd name="connsiteY13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85531 w 4031100"/>
                <a:gd name="connsiteY11" fmla="*/ 3159015 h 4808127"/>
                <a:gd name="connsiteX12" fmla="*/ 495300 w 4031100"/>
                <a:gd name="connsiteY12" fmla="*/ 3029755 h 4808127"/>
                <a:gd name="connsiteX13" fmla="*/ 0 w 4031100"/>
                <a:gd name="connsiteY13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85531 w 4031100"/>
                <a:gd name="connsiteY11" fmla="*/ 3159015 h 4808127"/>
                <a:gd name="connsiteX12" fmla="*/ 495300 w 4031100"/>
                <a:gd name="connsiteY12" fmla="*/ 3029755 h 4808127"/>
                <a:gd name="connsiteX13" fmla="*/ 0 w 4031100"/>
                <a:gd name="connsiteY13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718869 w 4031100"/>
                <a:gd name="connsiteY11" fmla="*/ 3339990 h 4808127"/>
                <a:gd name="connsiteX12" fmla="*/ 685531 w 4031100"/>
                <a:gd name="connsiteY12" fmla="*/ 3159015 h 4808127"/>
                <a:gd name="connsiteX13" fmla="*/ 495300 w 4031100"/>
                <a:gd name="connsiteY13" fmla="*/ 3029755 h 4808127"/>
                <a:gd name="connsiteX14" fmla="*/ 0 w 4031100"/>
                <a:gd name="connsiteY14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71244 w 4031100"/>
                <a:gd name="connsiteY11" fmla="*/ 3354277 h 4808127"/>
                <a:gd name="connsiteX12" fmla="*/ 685531 w 4031100"/>
                <a:gd name="connsiteY12" fmla="*/ 3159015 h 4808127"/>
                <a:gd name="connsiteX13" fmla="*/ 495300 w 4031100"/>
                <a:gd name="connsiteY13" fmla="*/ 3029755 h 4808127"/>
                <a:gd name="connsiteX14" fmla="*/ 0 w 4031100"/>
                <a:gd name="connsiteY14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9606 w 4031100"/>
                <a:gd name="connsiteY5" fmla="*/ 4114687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71244 w 4031100"/>
                <a:gd name="connsiteY11" fmla="*/ 3354277 h 4808127"/>
                <a:gd name="connsiteX12" fmla="*/ 685531 w 4031100"/>
                <a:gd name="connsiteY12" fmla="*/ 3159015 h 4808127"/>
                <a:gd name="connsiteX13" fmla="*/ 495300 w 4031100"/>
                <a:gd name="connsiteY13" fmla="*/ 3029755 h 4808127"/>
                <a:gd name="connsiteX14" fmla="*/ 0 w 4031100"/>
                <a:gd name="connsiteY14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9606 w 4031100"/>
                <a:gd name="connsiteY5" fmla="*/ 4114687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71244 w 4031100"/>
                <a:gd name="connsiteY11" fmla="*/ 3354277 h 4808127"/>
                <a:gd name="connsiteX12" fmla="*/ 685531 w 4031100"/>
                <a:gd name="connsiteY12" fmla="*/ 3159015 h 4808127"/>
                <a:gd name="connsiteX13" fmla="*/ 495300 w 4031100"/>
                <a:gd name="connsiteY13" fmla="*/ 3029755 h 4808127"/>
                <a:gd name="connsiteX14" fmla="*/ 0 w 4031100"/>
                <a:gd name="connsiteY14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14369 w 4031100"/>
                <a:gd name="connsiteY5" fmla="*/ 4124212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71244 w 4031100"/>
                <a:gd name="connsiteY11" fmla="*/ 3354277 h 4808127"/>
                <a:gd name="connsiteX12" fmla="*/ 685531 w 4031100"/>
                <a:gd name="connsiteY12" fmla="*/ 3159015 h 4808127"/>
                <a:gd name="connsiteX13" fmla="*/ 495300 w 4031100"/>
                <a:gd name="connsiteY13" fmla="*/ 3029755 h 4808127"/>
                <a:gd name="connsiteX14" fmla="*/ 0 w 4031100"/>
                <a:gd name="connsiteY14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14369 w 4031100"/>
                <a:gd name="connsiteY5" fmla="*/ 4124212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71244 w 4031100"/>
                <a:gd name="connsiteY11" fmla="*/ 3354277 h 4808127"/>
                <a:gd name="connsiteX12" fmla="*/ 685531 w 4031100"/>
                <a:gd name="connsiteY12" fmla="*/ 3159015 h 4808127"/>
                <a:gd name="connsiteX13" fmla="*/ 495300 w 4031100"/>
                <a:gd name="connsiteY13" fmla="*/ 3029755 h 4808127"/>
                <a:gd name="connsiteX14" fmla="*/ 0 w 4031100"/>
                <a:gd name="connsiteY14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14369 w 4031100"/>
                <a:gd name="connsiteY5" fmla="*/ 4124212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80769 w 4031100"/>
                <a:gd name="connsiteY11" fmla="*/ 3373327 h 4808127"/>
                <a:gd name="connsiteX12" fmla="*/ 685531 w 4031100"/>
                <a:gd name="connsiteY12" fmla="*/ 3159015 h 4808127"/>
                <a:gd name="connsiteX13" fmla="*/ 495300 w 4031100"/>
                <a:gd name="connsiteY13" fmla="*/ 3029755 h 4808127"/>
                <a:gd name="connsiteX14" fmla="*/ 0 w 4031100"/>
                <a:gd name="connsiteY14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14369 w 4031100"/>
                <a:gd name="connsiteY5" fmla="*/ 4124212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80769 w 4031100"/>
                <a:gd name="connsiteY11" fmla="*/ 3373327 h 4808127"/>
                <a:gd name="connsiteX12" fmla="*/ 685531 w 4031100"/>
                <a:gd name="connsiteY12" fmla="*/ 3159015 h 4808127"/>
                <a:gd name="connsiteX13" fmla="*/ 414337 w 4031100"/>
                <a:gd name="connsiteY13" fmla="*/ 2934505 h 4808127"/>
                <a:gd name="connsiteX14" fmla="*/ 0 w 4031100"/>
                <a:gd name="connsiteY14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14369 w 4031100"/>
                <a:gd name="connsiteY5" fmla="*/ 4124212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80769 w 4031100"/>
                <a:gd name="connsiteY11" fmla="*/ 3373327 h 4808127"/>
                <a:gd name="connsiteX12" fmla="*/ 685531 w 4031100"/>
                <a:gd name="connsiteY12" fmla="*/ 3159015 h 4808127"/>
                <a:gd name="connsiteX13" fmla="*/ 414337 w 4031100"/>
                <a:gd name="connsiteY13" fmla="*/ 2934505 h 4808127"/>
                <a:gd name="connsiteX14" fmla="*/ 260081 w 4031100"/>
                <a:gd name="connsiteY14" fmla="*/ 1903302 h 4808127"/>
                <a:gd name="connsiteX15" fmla="*/ 0 w 4031100"/>
                <a:gd name="connsiteY15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14369 w 4031100"/>
                <a:gd name="connsiteY5" fmla="*/ 4124212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80769 w 4031100"/>
                <a:gd name="connsiteY11" fmla="*/ 3373327 h 4808127"/>
                <a:gd name="connsiteX12" fmla="*/ 685531 w 4031100"/>
                <a:gd name="connsiteY12" fmla="*/ 3159015 h 4808127"/>
                <a:gd name="connsiteX13" fmla="*/ 414337 w 4031100"/>
                <a:gd name="connsiteY13" fmla="*/ 2934505 h 4808127"/>
                <a:gd name="connsiteX14" fmla="*/ 526781 w 4031100"/>
                <a:gd name="connsiteY14" fmla="*/ 2011252 h 4808127"/>
                <a:gd name="connsiteX15" fmla="*/ 0 w 4031100"/>
                <a:gd name="connsiteY15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14369 w 4031100"/>
                <a:gd name="connsiteY5" fmla="*/ 4124212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80769 w 4031100"/>
                <a:gd name="connsiteY11" fmla="*/ 3373327 h 4808127"/>
                <a:gd name="connsiteX12" fmla="*/ 685531 w 4031100"/>
                <a:gd name="connsiteY12" fmla="*/ 3159015 h 4808127"/>
                <a:gd name="connsiteX13" fmla="*/ 414337 w 4031100"/>
                <a:gd name="connsiteY13" fmla="*/ 2934505 h 4808127"/>
                <a:gd name="connsiteX14" fmla="*/ 526781 w 4031100"/>
                <a:gd name="connsiteY14" fmla="*/ 2011252 h 4808127"/>
                <a:gd name="connsiteX15" fmla="*/ 0 w 4031100"/>
                <a:gd name="connsiteY15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14369 w 4031100"/>
                <a:gd name="connsiteY5" fmla="*/ 4124212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80769 w 4031100"/>
                <a:gd name="connsiteY11" fmla="*/ 3373327 h 4808127"/>
                <a:gd name="connsiteX12" fmla="*/ 685531 w 4031100"/>
                <a:gd name="connsiteY12" fmla="*/ 3159015 h 4808127"/>
                <a:gd name="connsiteX13" fmla="*/ 414337 w 4031100"/>
                <a:gd name="connsiteY13" fmla="*/ 2934505 h 4808127"/>
                <a:gd name="connsiteX14" fmla="*/ 526781 w 4031100"/>
                <a:gd name="connsiteY14" fmla="*/ 2011252 h 4808127"/>
                <a:gd name="connsiteX15" fmla="*/ 336281 w 4031100"/>
                <a:gd name="connsiteY15" fmla="*/ 1293702 h 4808127"/>
                <a:gd name="connsiteX16" fmla="*/ 0 w 4031100"/>
                <a:gd name="connsiteY16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14369 w 4031100"/>
                <a:gd name="connsiteY5" fmla="*/ 4124212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80769 w 4031100"/>
                <a:gd name="connsiteY11" fmla="*/ 3373327 h 4808127"/>
                <a:gd name="connsiteX12" fmla="*/ 685531 w 4031100"/>
                <a:gd name="connsiteY12" fmla="*/ 3159015 h 4808127"/>
                <a:gd name="connsiteX13" fmla="*/ 414337 w 4031100"/>
                <a:gd name="connsiteY13" fmla="*/ 2934505 h 4808127"/>
                <a:gd name="connsiteX14" fmla="*/ 526781 w 4031100"/>
                <a:gd name="connsiteY14" fmla="*/ 2011252 h 4808127"/>
                <a:gd name="connsiteX15" fmla="*/ 755381 w 4031100"/>
                <a:gd name="connsiteY15" fmla="*/ 1173052 h 4808127"/>
                <a:gd name="connsiteX16" fmla="*/ 0 w 4031100"/>
                <a:gd name="connsiteY16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14369 w 4031100"/>
                <a:gd name="connsiteY5" fmla="*/ 4124212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80769 w 4031100"/>
                <a:gd name="connsiteY11" fmla="*/ 3373327 h 4808127"/>
                <a:gd name="connsiteX12" fmla="*/ 685531 w 4031100"/>
                <a:gd name="connsiteY12" fmla="*/ 3159015 h 4808127"/>
                <a:gd name="connsiteX13" fmla="*/ 414337 w 4031100"/>
                <a:gd name="connsiteY13" fmla="*/ 2934505 h 4808127"/>
                <a:gd name="connsiteX14" fmla="*/ 526781 w 4031100"/>
                <a:gd name="connsiteY14" fmla="*/ 2011252 h 4808127"/>
                <a:gd name="connsiteX15" fmla="*/ 755381 w 4031100"/>
                <a:gd name="connsiteY15" fmla="*/ 1173052 h 4808127"/>
                <a:gd name="connsiteX16" fmla="*/ 0 w 4031100"/>
                <a:gd name="connsiteY16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14369 w 4031100"/>
                <a:gd name="connsiteY5" fmla="*/ 4124212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80769 w 4031100"/>
                <a:gd name="connsiteY11" fmla="*/ 3373327 h 4808127"/>
                <a:gd name="connsiteX12" fmla="*/ 685531 w 4031100"/>
                <a:gd name="connsiteY12" fmla="*/ 3159015 h 4808127"/>
                <a:gd name="connsiteX13" fmla="*/ 414337 w 4031100"/>
                <a:gd name="connsiteY13" fmla="*/ 2934505 h 4808127"/>
                <a:gd name="connsiteX14" fmla="*/ 526781 w 4031100"/>
                <a:gd name="connsiteY14" fmla="*/ 2011252 h 4808127"/>
                <a:gd name="connsiteX15" fmla="*/ 755381 w 4031100"/>
                <a:gd name="connsiteY15" fmla="*/ 1173052 h 4808127"/>
                <a:gd name="connsiteX16" fmla="*/ 0 w 4031100"/>
                <a:gd name="connsiteY16" fmla="*/ 0 h 4808127"/>
                <a:gd name="connsiteX0" fmla="*/ 354523 w 3630242"/>
                <a:gd name="connsiteY0" fmla="*/ 614252 h 4249327"/>
                <a:gd name="connsiteX1" fmla="*/ 3067315 w 3630242"/>
                <a:gd name="connsiteY1" fmla="*/ 0 h 4249327"/>
                <a:gd name="connsiteX2" fmla="*/ 3554923 w 3630242"/>
                <a:gd name="connsiteY2" fmla="*/ 1808050 h 4249327"/>
                <a:gd name="connsiteX3" fmla="*/ 3212023 w 3630242"/>
                <a:gd name="connsiteY3" fmla="*/ 2595450 h 4249327"/>
                <a:gd name="connsiteX4" fmla="*/ 3339023 w 3630242"/>
                <a:gd name="connsiteY4" fmla="*/ 3090750 h 4249327"/>
                <a:gd name="connsiteX5" fmla="*/ 2413511 w 3630242"/>
                <a:gd name="connsiteY5" fmla="*/ 3565412 h 4249327"/>
                <a:gd name="connsiteX6" fmla="*/ 1649923 w 3630242"/>
                <a:gd name="connsiteY6" fmla="*/ 4246450 h 4249327"/>
                <a:gd name="connsiteX7" fmla="*/ 1395923 w 3630242"/>
                <a:gd name="connsiteY7" fmla="*/ 3776550 h 4249327"/>
                <a:gd name="connsiteX8" fmla="*/ 570423 w 3630242"/>
                <a:gd name="connsiteY8" fmla="*/ 3611450 h 4249327"/>
                <a:gd name="connsiteX9" fmla="*/ 508511 w 3630242"/>
                <a:gd name="connsiteY9" fmla="*/ 3200290 h 4249327"/>
                <a:gd name="connsiteX10" fmla="*/ 360873 w 3630242"/>
                <a:gd name="connsiteY10" fmla="*/ 2943115 h 4249327"/>
                <a:gd name="connsiteX11" fmla="*/ 279911 w 3630242"/>
                <a:gd name="connsiteY11" fmla="*/ 2814527 h 4249327"/>
                <a:gd name="connsiteX12" fmla="*/ 284673 w 3630242"/>
                <a:gd name="connsiteY12" fmla="*/ 2600215 h 4249327"/>
                <a:gd name="connsiteX13" fmla="*/ 13479 w 3630242"/>
                <a:gd name="connsiteY13" fmla="*/ 2375705 h 4249327"/>
                <a:gd name="connsiteX14" fmla="*/ 125923 w 3630242"/>
                <a:gd name="connsiteY14" fmla="*/ 1452452 h 4249327"/>
                <a:gd name="connsiteX15" fmla="*/ 354523 w 3630242"/>
                <a:gd name="connsiteY15" fmla="*/ 614252 h 4249327"/>
                <a:gd name="connsiteX0" fmla="*/ 354523 w 3630242"/>
                <a:gd name="connsiteY0" fmla="*/ 614252 h 4249327"/>
                <a:gd name="connsiteX1" fmla="*/ 1345123 w 3630242"/>
                <a:gd name="connsiteY1" fmla="*/ 385652 h 4249327"/>
                <a:gd name="connsiteX2" fmla="*/ 3067315 w 3630242"/>
                <a:gd name="connsiteY2" fmla="*/ 0 h 4249327"/>
                <a:gd name="connsiteX3" fmla="*/ 3554923 w 3630242"/>
                <a:gd name="connsiteY3" fmla="*/ 1808050 h 4249327"/>
                <a:gd name="connsiteX4" fmla="*/ 3212023 w 3630242"/>
                <a:gd name="connsiteY4" fmla="*/ 2595450 h 4249327"/>
                <a:gd name="connsiteX5" fmla="*/ 3339023 w 3630242"/>
                <a:gd name="connsiteY5" fmla="*/ 3090750 h 4249327"/>
                <a:gd name="connsiteX6" fmla="*/ 2413511 w 3630242"/>
                <a:gd name="connsiteY6" fmla="*/ 3565412 h 4249327"/>
                <a:gd name="connsiteX7" fmla="*/ 1649923 w 3630242"/>
                <a:gd name="connsiteY7" fmla="*/ 4246450 h 4249327"/>
                <a:gd name="connsiteX8" fmla="*/ 1395923 w 3630242"/>
                <a:gd name="connsiteY8" fmla="*/ 3776550 h 4249327"/>
                <a:gd name="connsiteX9" fmla="*/ 570423 w 3630242"/>
                <a:gd name="connsiteY9" fmla="*/ 3611450 h 4249327"/>
                <a:gd name="connsiteX10" fmla="*/ 508511 w 3630242"/>
                <a:gd name="connsiteY10" fmla="*/ 3200290 h 4249327"/>
                <a:gd name="connsiteX11" fmla="*/ 360873 w 3630242"/>
                <a:gd name="connsiteY11" fmla="*/ 2943115 h 4249327"/>
                <a:gd name="connsiteX12" fmla="*/ 279911 w 3630242"/>
                <a:gd name="connsiteY12" fmla="*/ 2814527 h 4249327"/>
                <a:gd name="connsiteX13" fmla="*/ 284673 w 3630242"/>
                <a:gd name="connsiteY13" fmla="*/ 2600215 h 4249327"/>
                <a:gd name="connsiteX14" fmla="*/ 13479 w 3630242"/>
                <a:gd name="connsiteY14" fmla="*/ 2375705 h 4249327"/>
                <a:gd name="connsiteX15" fmla="*/ 125923 w 3630242"/>
                <a:gd name="connsiteY15" fmla="*/ 1452452 h 4249327"/>
                <a:gd name="connsiteX16" fmla="*/ 354523 w 3630242"/>
                <a:gd name="connsiteY16" fmla="*/ 614252 h 4249327"/>
                <a:gd name="connsiteX0" fmla="*/ 354523 w 3630242"/>
                <a:gd name="connsiteY0" fmla="*/ 723900 h 4358975"/>
                <a:gd name="connsiteX1" fmla="*/ 341823 w 3630242"/>
                <a:gd name="connsiteY1" fmla="*/ 0 h 4358975"/>
                <a:gd name="connsiteX2" fmla="*/ 3067315 w 3630242"/>
                <a:gd name="connsiteY2" fmla="*/ 109648 h 4358975"/>
                <a:gd name="connsiteX3" fmla="*/ 3554923 w 3630242"/>
                <a:gd name="connsiteY3" fmla="*/ 1917698 h 4358975"/>
                <a:gd name="connsiteX4" fmla="*/ 3212023 w 3630242"/>
                <a:gd name="connsiteY4" fmla="*/ 2705098 h 4358975"/>
                <a:gd name="connsiteX5" fmla="*/ 3339023 w 3630242"/>
                <a:gd name="connsiteY5" fmla="*/ 3200398 h 4358975"/>
                <a:gd name="connsiteX6" fmla="*/ 2413511 w 3630242"/>
                <a:gd name="connsiteY6" fmla="*/ 3675060 h 4358975"/>
                <a:gd name="connsiteX7" fmla="*/ 1649923 w 3630242"/>
                <a:gd name="connsiteY7" fmla="*/ 4356098 h 4358975"/>
                <a:gd name="connsiteX8" fmla="*/ 1395923 w 3630242"/>
                <a:gd name="connsiteY8" fmla="*/ 3886198 h 4358975"/>
                <a:gd name="connsiteX9" fmla="*/ 570423 w 3630242"/>
                <a:gd name="connsiteY9" fmla="*/ 3721098 h 4358975"/>
                <a:gd name="connsiteX10" fmla="*/ 508511 w 3630242"/>
                <a:gd name="connsiteY10" fmla="*/ 3309938 h 4358975"/>
                <a:gd name="connsiteX11" fmla="*/ 360873 w 3630242"/>
                <a:gd name="connsiteY11" fmla="*/ 3052763 h 4358975"/>
                <a:gd name="connsiteX12" fmla="*/ 279911 w 3630242"/>
                <a:gd name="connsiteY12" fmla="*/ 2924175 h 4358975"/>
                <a:gd name="connsiteX13" fmla="*/ 284673 w 3630242"/>
                <a:gd name="connsiteY13" fmla="*/ 2709863 h 4358975"/>
                <a:gd name="connsiteX14" fmla="*/ 13479 w 3630242"/>
                <a:gd name="connsiteY14" fmla="*/ 2485353 h 4358975"/>
                <a:gd name="connsiteX15" fmla="*/ 125923 w 3630242"/>
                <a:gd name="connsiteY15" fmla="*/ 1562100 h 4358975"/>
                <a:gd name="connsiteX16" fmla="*/ 354523 w 3630242"/>
                <a:gd name="connsiteY16" fmla="*/ 723900 h 4358975"/>
                <a:gd name="connsiteX0" fmla="*/ 354523 w 3630242"/>
                <a:gd name="connsiteY0" fmla="*/ 1080752 h 4715827"/>
                <a:gd name="connsiteX1" fmla="*/ 341823 w 3630242"/>
                <a:gd name="connsiteY1" fmla="*/ 356852 h 4715827"/>
                <a:gd name="connsiteX2" fmla="*/ 3067315 w 3630242"/>
                <a:gd name="connsiteY2" fmla="*/ 466500 h 4715827"/>
                <a:gd name="connsiteX3" fmla="*/ 3554923 w 3630242"/>
                <a:gd name="connsiteY3" fmla="*/ 2274550 h 4715827"/>
                <a:gd name="connsiteX4" fmla="*/ 3212023 w 3630242"/>
                <a:gd name="connsiteY4" fmla="*/ 3061950 h 4715827"/>
                <a:gd name="connsiteX5" fmla="*/ 3339023 w 3630242"/>
                <a:gd name="connsiteY5" fmla="*/ 3557250 h 4715827"/>
                <a:gd name="connsiteX6" fmla="*/ 2413511 w 3630242"/>
                <a:gd name="connsiteY6" fmla="*/ 4031912 h 4715827"/>
                <a:gd name="connsiteX7" fmla="*/ 1649923 w 3630242"/>
                <a:gd name="connsiteY7" fmla="*/ 4712950 h 4715827"/>
                <a:gd name="connsiteX8" fmla="*/ 1395923 w 3630242"/>
                <a:gd name="connsiteY8" fmla="*/ 4243050 h 4715827"/>
                <a:gd name="connsiteX9" fmla="*/ 570423 w 3630242"/>
                <a:gd name="connsiteY9" fmla="*/ 4077950 h 4715827"/>
                <a:gd name="connsiteX10" fmla="*/ 508511 w 3630242"/>
                <a:gd name="connsiteY10" fmla="*/ 3666790 h 4715827"/>
                <a:gd name="connsiteX11" fmla="*/ 360873 w 3630242"/>
                <a:gd name="connsiteY11" fmla="*/ 3409615 h 4715827"/>
                <a:gd name="connsiteX12" fmla="*/ 279911 w 3630242"/>
                <a:gd name="connsiteY12" fmla="*/ 3281027 h 4715827"/>
                <a:gd name="connsiteX13" fmla="*/ 284673 w 3630242"/>
                <a:gd name="connsiteY13" fmla="*/ 3066715 h 4715827"/>
                <a:gd name="connsiteX14" fmla="*/ 13479 w 3630242"/>
                <a:gd name="connsiteY14" fmla="*/ 2842205 h 4715827"/>
                <a:gd name="connsiteX15" fmla="*/ 125923 w 3630242"/>
                <a:gd name="connsiteY15" fmla="*/ 1918952 h 4715827"/>
                <a:gd name="connsiteX16" fmla="*/ 354523 w 3630242"/>
                <a:gd name="connsiteY16" fmla="*/ 1080752 h 4715827"/>
                <a:gd name="connsiteX0" fmla="*/ 354523 w 3630242"/>
                <a:gd name="connsiteY0" fmla="*/ 1080752 h 4715827"/>
                <a:gd name="connsiteX1" fmla="*/ 418023 w 3630242"/>
                <a:gd name="connsiteY1" fmla="*/ 356852 h 4715827"/>
                <a:gd name="connsiteX2" fmla="*/ 3067315 w 3630242"/>
                <a:gd name="connsiteY2" fmla="*/ 466500 h 4715827"/>
                <a:gd name="connsiteX3" fmla="*/ 3554923 w 3630242"/>
                <a:gd name="connsiteY3" fmla="*/ 2274550 h 4715827"/>
                <a:gd name="connsiteX4" fmla="*/ 3212023 w 3630242"/>
                <a:gd name="connsiteY4" fmla="*/ 3061950 h 4715827"/>
                <a:gd name="connsiteX5" fmla="*/ 3339023 w 3630242"/>
                <a:gd name="connsiteY5" fmla="*/ 3557250 h 4715827"/>
                <a:gd name="connsiteX6" fmla="*/ 2413511 w 3630242"/>
                <a:gd name="connsiteY6" fmla="*/ 4031912 h 4715827"/>
                <a:gd name="connsiteX7" fmla="*/ 1649923 w 3630242"/>
                <a:gd name="connsiteY7" fmla="*/ 4712950 h 4715827"/>
                <a:gd name="connsiteX8" fmla="*/ 1395923 w 3630242"/>
                <a:gd name="connsiteY8" fmla="*/ 4243050 h 4715827"/>
                <a:gd name="connsiteX9" fmla="*/ 570423 w 3630242"/>
                <a:gd name="connsiteY9" fmla="*/ 4077950 h 4715827"/>
                <a:gd name="connsiteX10" fmla="*/ 508511 w 3630242"/>
                <a:gd name="connsiteY10" fmla="*/ 3666790 h 4715827"/>
                <a:gd name="connsiteX11" fmla="*/ 360873 w 3630242"/>
                <a:gd name="connsiteY11" fmla="*/ 3409615 h 4715827"/>
                <a:gd name="connsiteX12" fmla="*/ 279911 w 3630242"/>
                <a:gd name="connsiteY12" fmla="*/ 3281027 h 4715827"/>
                <a:gd name="connsiteX13" fmla="*/ 284673 w 3630242"/>
                <a:gd name="connsiteY13" fmla="*/ 3066715 h 4715827"/>
                <a:gd name="connsiteX14" fmla="*/ 13479 w 3630242"/>
                <a:gd name="connsiteY14" fmla="*/ 2842205 h 4715827"/>
                <a:gd name="connsiteX15" fmla="*/ 125923 w 3630242"/>
                <a:gd name="connsiteY15" fmla="*/ 1918952 h 4715827"/>
                <a:gd name="connsiteX16" fmla="*/ 354523 w 3630242"/>
                <a:gd name="connsiteY16" fmla="*/ 1080752 h 4715827"/>
                <a:gd name="connsiteX0" fmla="*/ 354523 w 3630242"/>
                <a:gd name="connsiteY0" fmla="*/ 1141285 h 4776360"/>
                <a:gd name="connsiteX1" fmla="*/ 418023 w 3630242"/>
                <a:gd name="connsiteY1" fmla="*/ 417385 h 4776360"/>
                <a:gd name="connsiteX2" fmla="*/ 3067315 w 3630242"/>
                <a:gd name="connsiteY2" fmla="*/ 527033 h 4776360"/>
                <a:gd name="connsiteX3" fmla="*/ 3554923 w 3630242"/>
                <a:gd name="connsiteY3" fmla="*/ 2335083 h 4776360"/>
                <a:gd name="connsiteX4" fmla="*/ 3212023 w 3630242"/>
                <a:gd name="connsiteY4" fmla="*/ 3122483 h 4776360"/>
                <a:gd name="connsiteX5" fmla="*/ 3339023 w 3630242"/>
                <a:gd name="connsiteY5" fmla="*/ 3617783 h 4776360"/>
                <a:gd name="connsiteX6" fmla="*/ 2413511 w 3630242"/>
                <a:gd name="connsiteY6" fmla="*/ 4092445 h 4776360"/>
                <a:gd name="connsiteX7" fmla="*/ 1649923 w 3630242"/>
                <a:gd name="connsiteY7" fmla="*/ 4773483 h 4776360"/>
                <a:gd name="connsiteX8" fmla="*/ 1395923 w 3630242"/>
                <a:gd name="connsiteY8" fmla="*/ 4303583 h 4776360"/>
                <a:gd name="connsiteX9" fmla="*/ 570423 w 3630242"/>
                <a:gd name="connsiteY9" fmla="*/ 4138483 h 4776360"/>
                <a:gd name="connsiteX10" fmla="*/ 508511 w 3630242"/>
                <a:gd name="connsiteY10" fmla="*/ 3727323 h 4776360"/>
                <a:gd name="connsiteX11" fmla="*/ 360873 w 3630242"/>
                <a:gd name="connsiteY11" fmla="*/ 3470148 h 4776360"/>
                <a:gd name="connsiteX12" fmla="*/ 279911 w 3630242"/>
                <a:gd name="connsiteY12" fmla="*/ 3341560 h 4776360"/>
                <a:gd name="connsiteX13" fmla="*/ 284673 w 3630242"/>
                <a:gd name="connsiteY13" fmla="*/ 3127248 h 4776360"/>
                <a:gd name="connsiteX14" fmla="*/ 13479 w 3630242"/>
                <a:gd name="connsiteY14" fmla="*/ 2902738 h 4776360"/>
                <a:gd name="connsiteX15" fmla="*/ 125923 w 3630242"/>
                <a:gd name="connsiteY15" fmla="*/ 1979485 h 4776360"/>
                <a:gd name="connsiteX16" fmla="*/ 354523 w 3630242"/>
                <a:gd name="connsiteY16" fmla="*/ 1141285 h 4776360"/>
                <a:gd name="connsiteX0" fmla="*/ 354523 w 3641221"/>
                <a:gd name="connsiteY0" fmla="*/ 1149058 h 4784133"/>
                <a:gd name="connsiteX1" fmla="*/ 418023 w 3641221"/>
                <a:gd name="connsiteY1" fmla="*/ 425158 h 4784133"/>
                <a:gd name="connsiteX2" fmla="*/ 3118115 w 3641221"/>
                <a:gd name="connsiteY2" fmla="*/ 509406 h 4784133"/>
                <a:gd name="connsiteX3" fmla="*/ 3554923 w 3641221"/>
                <a:gd name="connsiteY3" fmla="*/ 2342856 h 4784133"/>
                <a:gd name="connsiteX4" fmla="*/ 3212023 w 3641221"/>
                <a:gd name="connsiteY4" fmla="*/ 3130256 h 4784133"/>
                <a:gd name="connsiteX5" fmla="*/ 3339023 w 3641221"/>
                <a:gd name="connsiteY5" fmla="*/ 3625556 h 4784133"/>
                <a:gd name="connsiteX6" fmla="*/ 2413511 w 3641221"/>
                <a:gd name="connsiteY6" fmla="*/ 4100218 h 4784133"/>
                <a:gd name="connsiteX7" fmla="*/ 1649923 w 3641221"/>
                <a:gd name="connsiteY7" fmla="*/ 4781256 h 4784133"/>
                <a:gd name="connsiteX8" fmla="*/ 1395923 w 3641221"/>
                <a:gd name="connsiteY8" fmla="*/ 4311356 h 4784133"/>
                <a:gd name="connsiteX9" fmla="*/ 570423 w 3641221"/>
                <a:gd name="connsiteY9" fmla="*/ 4146256 h 4784133"/>
                <a:gd name="connsiteX10" fmla="*/ 508511 w 3641221"/>
                <a:gd name="connsiteY10" fmla="*/ 3735096 h 4784133"/>
                <a:gd name="connsiteX11" fmla="*/ 360873 w 3641221"/>
                <a:gd name="connsiteY11" fmla="*/ 3477921 h 4784133"/>
                <a:gd name="connsiteX12" fmla="*/ 279911 w 3641221"/>
                <a:gd name="connsiteY12" fmla="*/ 3349333 h 4784133"/>
                <a:gd name="connsiteX13" fmla="*/ 284673 w 3641221"/>
                <a:gd name="connsiteY13" fmla="*/ 3135021 h 4784133"/>
                <a:gd name="connsiteX14" fmla="*/ 13479 w 3641221"/>
                <a:gd name="connsiteY14" fmla="*/ 2910511 h 4784133"/>
                <a:gd name="connsiteX15" fmla="*/ 125923 w 3641221"/>
                <a:gd name="connsiteY15" fmla="*/ 1987258 h 4784133"/>
                <a:gd name="connsiteX16" fmla="*/ 354523 w 3641221"/>
                <a:gd name="connsiteY16" fmla="*/ 1149058 h 4784133"/>
                <a:gd name="connsiteX0" fmla="*/ 354523 w 3639924"/>
                <a:gd name="connsiteY0" fmla="*/ 1149058 h 4784133"/>
                <a:gd name="connsiteX1" fmla="*/ 418023 w 3639924"/>
                <a:gd name="connsiteY1" fmla="*/ 425158 h 4784133"/>
                <a:gd name="connsiteX2" fmla="*/ 3118115 w 3639924"/>
                <a:gd name="connsiteY2" fmla="*/ 509406 h 4784133"/>
                <a:gd name="connsiteX3" fmla="*/ 3554923 w 3639924"/>
                <a:gd name="connsiteY3" fmla="*/ 2342856 h 4784133"/>
                <a:gd name="connsiteX4" fmla="*/ 3212023 w 3639924"/>
                <a:gd name="connsiteY4" fmla="*/ 3130256 h 4784133"/>
                <a:gd name="connsiteX5" fmla="*/ 3339023 w 3639924"/>
                <a:gd name="connsiteY5" fmla="*/ 3625556 h 4784133"/>
                <a:gd name="connsiteX6" fmla="*/ 2413511 w 3639924"/>
                <a:gd name="connsiteY6" fmla="*/ 4100218 h 4784133"/>
                <a:gd name="connsiteX7" fmla="*/ 1649923 w 3639924"/>
                <a:gd name="connsiteY7" fmla="*/ 4781256 h 4784133"/>
                <a:gd name="connsiteX8" fmla="*/ 1395923 w 3639924"/>
                <a:gd name="connsiteY8" fmla="*/ 4311356 h 4784133"/>
                <a:gd name="connsiteX9" fmla="*/ 570423 w 3639924"/>
                <a:gd name="connsiteY9" fmla="*/ 4146256 h 4784133"/>
                <a:gd name="connsiteX10" fmla="*/ 508511 w 3639924"/>
                <a:gd name="connsiteY10" fmla="*/ 3735096 h 4784133"/>
                <a:gd name="connsiteX11" fmla="*/ 360873 w 3639924"/>
                <a:gd name="connsiteY11" fmla="*/ 3477921 h 4784133"/>
                <a:gd name="connsiteX12" fmla="*/ 279911 w 3639924"/>
                <a:gd name="connsiteY12" fmla="*/ 3349333 h 4784133"/>
                <a:gd name="connsiteX13" fmla="*/ 284673 w 3639924"/>
                <a:gd name="connsiteY13" fmla="*/ 3135021 h 4784133"/>
                <a:gd name="connsiteX14" fmla="*/ 13479 w 3639924"/>
                <a:gd name="connsiteY14" fmla="*/ 2910511 h 4784133"/>
                <a:gd name="connsiteX15" fmla="*/ 125923 w 3639924"/>
                <a:gd name="connsiteY15" fmla="*/ 1987258 h 4784133"/>
                <a:gd name="connsiteX16" fmla="*/ 354523 w 3639924"/>
                <a:gd name="connsiteY16" fmla="*/ 1149058 h 4784133"/>
                <a:gd name="connsiteX0" fmla="*/ 354523 w 3639924"/>
                <a:gd name="connsiteY0" fmla="*/ 1149058 h 4784133"/>
                <a:gd name="connsiteX1" fmla="*/ 418023 w 3639924"/>
                <a:gd name="connsiteY1" fmla="*/ 425158 h 4784133"/>
                <a:gd name="connsiteX2" fmla="*/ 3118115 w 3639924"/>
                <a:gd name="connsiteY2" fmla="*/ 509406 h 4784133"/>
                <a:gd name="connsiteX3" fmla="*/ 3554923 w 3639924"/>
                <a:gd name="connsiteY3" fmla="*/ 2342856 h 4784133"/>
                <a:gd name="connsiteX4" fmla="*/ 3212023 w 3639924"/>
                <a:gd name="connsiteY4" fmla="*/ 3130256 h 4784133"/>
                <a:gd name="connsiteX5" fmla="*/ 3339023 w 3639924"/>
                <a:gd name="connsiteY5" fmla="*/ 3625556 h 4784133"/>
                <a:gd name="connsiteX6" fmla="*/ 2413511 w 3639924"/>
                <a:gd name="connsiteY6" fmla="*/ 4100218 h 4784133"/>
                <a:gd name="connsiteX7" fmla="*/ 1649923 w 3639924"/>
                <a:gd name="connsiteY7" fmla="*/ 4781256 h 4784133"/>
                <a:gd name="connsiteX8" fmla="*/ 1395923 w 3639924"/>
                <a:gd name="connsiteY8" fmla="*/ 4311356 h 4784133"/>
                <a:gd name="connsiteX9" fmla="*/ 570423 w 3639924"/>
                <a:gd name="connsiteY9" fmla="*/ 4146256 h 4784133"/>
                <a:gd name="connsiteX10" fmla="*/ 508511 w 3639924"/>
                <a:gd name="connsiteY10" fmla="*/ 3735096 h 4784133"/>
                <a:gd name="connsiteX11" fmla="*/ 360873 w 3639924"/>
                <a:gd name="connsiteY11" fmla="*/ 3477921 h 4784133"/>
                <a:gd name="connsiteX12" fmla="*/ 279911 w 3639924"/>
                <a:gd name="connsiteY12" fmla="*/ 3349333 h 4784133"/>
                <a:gd name="connsiteX13" fmla="*/ 284673 w 3639924"/>
                <a:gd name="connsiteY13" fmla="*/ 3135021 h 4784133"/>
                <a:gd name="connsiteX14" fmla="*/ 13479 w 3639924"/>
                <a:gd name="connsiteY14" fmla="*/ 2910511 h 4784133"/>
                <a:gd name="connsiteX15" fmla="*/ 125923 w 3639924"/>
                <a:gd name="connsiteY15" fmla="*/ 1987258 h 4784133"/>
                <a:gd name="connsiteX16" fmla="*/ 354523 w 3639924"/>
                <a:gd name="connsiteY16" fmla="*/ 1149058 h 4784133"/>
                <a:gd name="connsiteX0" fmla="*/ 354523 w 3639924"/>
                <a:gd name="connsiteY0" fmla="*/ 1155725 h 4790800"/>
                <a:gd name="connsiteX1" fmla="*/ 418023 w 3639924"/>
                <a:gd name="connsiteY1" fmla="*/ 431825 h 4790800"/>
                <a:gd name="connsiteX2" fmla="*/ 3118115 w 3639924"/>
                <a:gd name="connsiteY2" fmla="*/ 516073 h 4790800"/>
                <a:gd name="connsiteX3" fmla="*/ 3554923 w 3639924"/>
                <a:gd name="connsiteY3" fmla="*/ 2349523 h 4790800"/>
                <a:gd name="connsiteX4" fmla="*/ 3212023 w 3639924"/>
                <a:gd name="connsiteY4" fmla="*/ 3136923 h 4790800"/>
                <a:gd name="connsiteX5" fmla="*/ 3339023 w 3639924"/>
                <a:gd name="connsiteY5" fmla="*/ 3632223 h 4790800"/>
                <a:gd name="connsiteX6" fmla="*/ 2413511 w 3639924"/>
                <a:gd name="connsiteY6" fmla="*/ 4106885 h 4790800"/>
                <a:gd name="connsiteX7" fmla="*/ 1649923 w 3639924"/>
                <a:gd name="connsiteY7" fmla="*/ 4787923 h 4790800"/>
                <a:gd name="connsiteX8" fmla="*/ 1395923 w 3639924"/>
                <a:gd name="connsiteY8" fmla="*/ 4318023 h 4790800"/>
                <a:gd name="connsiteX9" fmla="*/ 570423 w 3639924"/>
                <a:gd name="connsiteY9" fmla="*/ 4152923 h 4790800"/>
                <a:gd name="connsiteX10" fmla="*/ 508511 w 3639924"/>
                <a:gd name="connsiteY10" fmla="*/ 3741763 h 4790800"/>
                <a:gd name="connsiteX11" fmla="*/ 360873 w 3639924"/>
                <a:gd name="connsiteY11" fmla="*/ 3484588 h 4790800"/>
                <a:gd name="connsiteX12" fmla="*/ 279911 w 3639924"/>
                <a:gd name="connsiteY12" fmla="*/ 3356000 h 4790800"/>
                <a:gd name="connsiteX13" fmla="*/ 284673 w 3639924"/>
                <a:gd name="connsiteY13" fmla="*/ 3141688 h 4790800"/>
                <a:gd name="connsiteX14" fmla="*/ 13479 w 3639924"/>
                <a:gd name="connsiteY14" fmla="*/ 2917178 h 4790800"/>
                <a:gd name="connsiteX15" fmla="*/ 125923 w 3639924"/>
                <a:gd name="connsiteY15" fmla="*/ 1993925 h 4790800"/>
                <a:gd name="connsiteX16" fmla="*/ 354523 w 3639924"/>
                <a:gd name="connsiteY16" fmla="*/ 1155725 h 4790800"/>
                <a:gd name="connsiteX0" fmla="*/ 354523 w 3639924"/>
                <a:gd name="connsiteY0" fmla="*/ 1155725 h 4790800"/>
                <a:gd name="connsiteX1" fmla="*/ 418023 w 3639924"/>
                <a:gd name="connsiteY1" fmla="*/ 431825 h 4790800"/>
                <a:gd name="connsiteX2" fmla="*/ 3118115 w 3639924"/>
                <a:gd name="connsiteY2" fmla="*/ 516073 h 4790800"/>
                <a:gd name="connsiteX3" fmla="*/ 3554923 w 3639924"/>
                <a:gd name="connsiteY3" fmla="*/ 2349523 h 4790800"/>
                <a:gd name="connsiteX4" fmla="*/ 3212023 w 3639924"/>
                <a:gd name="connsiteY4" fmla="*/ 3136923 h 4790800"/>
                <a:gd name="connsiteX5" fmla="*/ 3339023 w 3639924"/>
                <a:gd name="connsiteY5" fmla="*/ 3632223 h 4790800"/>
                <a:gd name="connsiteX6" fmla="*/ 2413511 w 3639924"/>
                <a:gd name="connsiteY6" fmla="*/ 4106885 h 4790800"/>
                <a:gd name="connsiteX7" fmla="*/ 1649923 w 3639924"/>
                <a:gd name="connsiteY7" fmla="*/ 4787923 h 4790800"/>
                <a:gd name="connsiteX8" fmla="*/ 1395923 w 3639924"/>
                <a:gd name="connsiteY8" fmla="*/ 4318023 h 4790800"/>
                <a:gd name="connsiteX9" fmla="*/ 570423 w 3639924"/>
                <a:gd name="connsiteY9" fmla="*/ 4152923 h 4790800"/>
                <a:gd name="connsiteX10" fmla="*/ 508511 w 3639924"/>
                <a:gd name="connsiteY10" fmla="*/ 3741763 h 4790800"/>
                <a:gd name="connsiteX11" fmla="*/ 360873 w 3639924"/>
                <a:gd name="connsiteY11" fmla="*/ 3484588 h 4790800"/>
                <a:gd name="connsiteX12" fmla="*/ 279911 w 3639924"/>
                <a:gd name="connsiteY12" fmla="*/ 3356000 h 4790800"/>
                <a:gd name="connsiteX13" fmla="*/ 284673 w 3639924"/>
                <a:gd name="connsiteY13" fmla="*/ 3141688 h 4790800"/>
                <a:gd name="connsiteX14" fmla="*/ 13479 w 3639924"/>
                <a:gd name="connsiteY14" fmla="*/ 2917178 h 4790800"/>
                <a:gd name="connsiteX15" fmla="*/ 125923 w 3639924"/>
                <a:gd name="connsiteY15" fmla="*/ 1993925 h 4790800"/>
                <a:gd name="connsiteX16" fmla="*/ 354523 w 3639924"/>
                <a:gd name="connsiteY16" fmla="*/ 1155725 h 4790800"/>
                <a:gd name="connsiteX0" fmla="*/ 354523 w 3639924"/>
                <a:gd name="connsiteY0" fmla="*/ 1155725 h 4790800"/>
                <a:gd name="connsiteX1" fmla="*/ 418023 w 3639924"/>
                <a:gd name="connsiteY1" fmla="*/ 431825 h 4790800"/>
                <a:gd name="connsiteX2" fmla="*/ 3118115 w 3639924"/>
                <a:gd name="connsiteY2" fmla="*/ 516073 h 4790800"/>
                <a:gd name="connsiteX3" fmla="*/ 3554923 w 3639924"/>
                <a:gd name="connsiteY3" fmla="*/ 2349523 h 4790800"/>
                <a:gd name="connsiteX4" fmla="*/ 3212023 w 3639924"/>
                <a:gd name="connsiteY4" fmla="*/ 3136923 h 4790800"/>
                <a:gd name="connsiteX5" fmla="*/ 3339023 w 3639924"/>
                <a:gd name="connsiteY5" fmla="*/ 3632223 h 4790800"/>
                <a:gd name="connsiteX6" fmla="*/ 2413511 w 3639924"/>
                <a:gd name="connsiteY6" fmla="*/ 4106885 h 4790800"/>
                <a:gd name="connsiteX7" fmla="*/ 1649923 w 3639924"/>
                <a:gd name="connsiteY7" fmla="*/ 4787923 h 4790800"/>
                <a:gd name="connsiteX8" fmla="*/ 1395923 w 3639924"/>
                <a:gd name="connsiteY8" fmla="*/ 4318023 h 4790800"/>
                <a:gd name="connsiteX9" fmla="*/ 570423 w 3639924"/>
                <a:gd name="connsiteY9" fmla="*/ 4152923 h 4790800"/>
                <a:gd name="connsiteX10" fmla="*/ 508511 w 3639924"/>
                <a:gd name="connsiteY10" fmla="*/ 3741763 h 4790800"/>
                <a:gd name="connsiteX11" fmla="*/ 360873 w 3639924"/>
                <a:gd name="connsiteY11" fmla="*/ 3484588 h 4790800"/>
                <a:gd name="connsiteX12" fmla="*/ 279911 w 3639924"/>
                <a:gd name="connsiteY12" fmla="*/ 3356000 h 4790800"/>
                <a:gd name="connsiteX13" fmla="*/ 284673 w 3639924"/>
                <a:gd name="connsiteY13" fmla="*/ 3141688 h 4790800"/>
                <a:gd name="connsiteX14" fmla="*/ 13479 w 3639924"/>
                <a:gd name="connsiteY14" fmla="*/ 2917178 h 4790800"/>
                <a:gd name="connsiteX15" fmla="*/ 125923 w 3639924"/>
                <a:gd name="connsiteY15" fmla="*/ 1993925 h 4790800"/>
                <a:gd name="connsiteX16" fmla="*/ 354523 w 3639924"/>
                <a:gd name="connsiteY16" fmla="*/ 1155725 h 4790800"/>
                <a:gd name="connsiteX0" fmla="*/ 354523 w 3639924"/>
                <a:gd name="connsiteY0" fmla="*/ 1186422 h 4821497"/>
                <a:gd name="connsiteX1" fmla="*/ 424373 w 3639924"/>
                <a:gd name="connsiteY1" fmla="*/ 418072 h 4821497"/>
                <a:gd name="connsiteX2" fmla="*/ 3118115 w 3639924"/>
                <a:gd name="connsiteY2" fmla="*/ 546770 h 4821497"/>
                <a:gd name="connsiteX3" fmla="*/ 3554923 w 3639924"/>
                <a:gd name="connsiteY3" fmla="*/ 2380220 h 4821497"/>
                <a:gd name="connsiteX4" fmla="*/ 3212023 w 3639924"/>
                <a:gd name="connsiteY4" fmla="*/ 3167620 h 4821497"/>
                <a:gd name="connsiteX5" fmla="*/ 3339023 w 3639924"/>
                <a:gd name="connsiteY5" fmla="*/ 3662920 h 4821497"/>
                <a:gd name="connsiteX6" fmla="*/ 2413511 w 3639924"/>
                <a:gd name="connsiteY6" fmla="*/ 4137582 h 4821497"/>
                <a:gd name="connsiteX7" fmla="*/ 1649923 w 3639924"/>
                <a:gd name="connsiteY7" fmla="*/ 4818620 h 4821497"/>
                <a:gd name="connsiteX8" fmla="*/ 1395923 w 3639924"/>
                <a:gd name="connsiteY8" fmla="*/ 4348720 h 4821497"/>
                <a:gd name="connsiteX9" fmla="*/ 570423 w 3639924"/>
                <a:gd name="connsiteY9" fmla="*/ 4183620 h 4821497"/>
                <a:gd name="connsiteX10" fmla="*/ 508511 w 3639924"/>
                <a:gd name="connsiteY10" fmla="*/ 3772460 h 4821497"/>
                <a:gd name="connsiteX11" fmla="*/ 360873 w 3639924"/>
                <a:gd name="connsiteY11" fmla="*/ 3515285 h 4821497"/>
                <a:gd name="connsiteX12" fmla="*/ 279911 w 3639924"/>
                <a:gd name="connsiteY12" fmla="*/ 3386697 h 4821497"/>
                <a:gd name="connsiteX13" fmla="*/ 284673 w 3639924"/>
                <a:gd name="connsiteY13" fmla="*/ 3172385 h 4821497"/>
                <a:gd name="connsiteX14" fmla="*/ 13479 w 3639924"/>
                <a:gd name="connsiteY14" fmla="*/ 2947875 h 4821497"/>
                <a:gd name="connsiteX15" fmla="*/ 125923 w 3639924"/>
                <a:gd name="connsiteY15" fmla="*/ 2024622 h 4821497"/>
                <a:gd name="connsiteX16" fmla="*/ 354523 w 3639924"/>
                <a:gd name="connsiteY16" fmla="*/ 1186422 h 4821497"/>
                <a:gd name="connsiteX0" fmla="*/ 354523 w 3639924"/>
                <a:gd name="connsiteY0" fmla="*/ 1107997 h 4743072"/>
                <a:gd name="connsiteX1" fmla="*/ 424373 w 3639924"/>
                <a:gd name="connsiteY1" fmla="*/ 339647 h 4743072"/>
                <a:gd name="connsiteX2" fmla="*/ 3118115 w 3639924"/>
                <a:gd name="connsiteY2" fmla="*/ 468345 h 4743072"/>
                <a:gd name="connsiteX3" fmla="*/ 3554923 w 3639924"/>
                <a:gd name="connsiteY3" fmla="*/ 2301795 h 4743072"/>
                <a:gd name="connsiteX4" fmla="*/ 3212023 w 3639924"/>
                <a:gd name="connsiteY4" fmla="*/ 3089195 h 4743072"/>
                <a:gd name="connsiteX5" fmla="*/ 3339023 w 3639924"/>
                <a:gd name="connsiteY5" fmla="*/ 3584495 h 4743072"/>
                <a:gd name="connsiteX6" fmla="*/ 2413511 w 3639924"/>
                <a:gd name="connsiteY6" fmla="*/ 4059157 h 4743072"/>
                <a:gd name="connsiteX7" fmla="*/ 1649923 w 3639924"/>
                <a:gd name="connsiteY7" fmla="*/ 4740195 h 4743072"/>
                <a:gd name="connsiteX8" fmla="*/ 1395923 w 3639924"/>
                <a:gd name="connsiteY8" fmla="*/ 4270295 h 4743072"/>
                <a:gd name="connsiteX9" fmla="*/ 570423 w 3639924"/>
                <a:gd name="connsiteY9" fmla="*/ 4105195 h 4743072"/>
                <a:gd name="connsiteX10" fmla="*/ 508511 w 3639924"/>
                <a:gd name="connsiteY10" fmla="*/ 3694035 h 4743072"/>
                <a:gd name="connsiteX11" fmla="*/ 360873 w 3639924"/>
                <a:gd name="connsiteY11" fmla="*/ 3436860 h 4743072"/>
                <a:gd name="connsiteX12" fmla="*/ 279911 w 3639924"/>
                <a:gd name="connsiteY12" fmla="*/ 3308272 h 4743072"/>
                <a:gd name="connsiteX13" fmla="*/ 284673 w 3639924"/>
                <a:gd name="connsiteY13" fmla="*/ 3093960 h 4743072"/>
                <a:gd name="connsiteX14" fmla="*/ 13479 w 3639924"/>
                <a:gd name="connsiteY14" fmla="*/ 2869450 h 4743072"/>
                <a:gd name="connsiteX15" fmla="*/ 125923 w 3639924"/>
                <a:gd name="connsiteY15" fmla="*/ 1946197 h 4743072"/>
                <a:gd name="connsiteX16" fmla="*/ 354523 w 3639924"/>
                <a:gd name="connsiteY16" fmla="*/ 1107997 h 4743072"/>
                <a:gd name="connsiteX0" fmla="*/ 354523 w 3639924"/>
                <a:gd name="connsiteY0" fmla="*/ 1128530 h 4763605"/>
                <a:gd name="connsiteX1" fmla="*/ 424373 w 3639924"/>
                <a:gd name="connsiteY1" fmla="*/ 360180 h 4763605"/>
                <a:gd name="connsiteX2" fmla="*/ 3118115 w 3639924"/>
                <a:gd name="connsiteY2" fmla="*/ 488878 h 4763605"/>
                <a:gd name="connsiteX3" fmla="*/ 3554923 w 3639924"/>
                <a:gd name="connsiteY3" fmla="*/ 2322328 h 4763605"/>
                <a:gd name="connsiteX4" fmla="*/ 3212023 w 3639924"/>
                <a:gd name="connsiteY4" fmla="*/ 3109728 h 4763605"/>
                <a:gd name="connsiteX5" fmla="*/ 3339023 w 3639924"/>
                <a:gd name="connsiteY5" fmla="*/ 3605028 h 4763605"/>
                <a:gd name="connsiteX6" fmla="*/ 2413511 w 3639924"/>
                <a:gd name="connsiteY6" fmla="*/ 4079690 h 4763605"/>
                <a:gd name="connsiteX7" fmla="*/ 1649923 w 3639924"/>
                <a:gd name="connsiteY7" fmla="*/ 4760728 h 4763605"/>
                <a:gd name="connsiteX8" fmla="*/ 1395923 w 3639924"/>
                <a:gd name="connsiteY8" fmla="*/ 4290828 h 4763605"/>
                <a:gd name="connsiteX9" fmla="*/ 570423 w 3639924"/>
                <a:gd name="connsiteY9" fmla="*/ 4125728 h 4763605"/>
                <a:gd name="connsiteX10" fmla="*/ 508511 w 3639924"/>
                <a:gd name="connsiteY10" fmla="*/ 3714568 h 4763605"/>
                <a:gd name="connsiteX11" fmla="*/ 360873 w 3639924"/>
                <a:gd name="connsiteY11" fmla="*/ 3457393 h 4763605"/>
                <a:gd name="connsiteX12" fmla="*/ 279911 w 3639924"/>
                <a:gd name="connsiteY12" fmla="*/ 3328805 h 4763605"/>
                <a:gd name="connsiteX13" fmla="*/ 284673 w 3639924"/>
                <a:gd name="connsiteY13" fmla="*/ 3114493 h 4763605"/>
                <a:gd name="connsiteX14" fmla="*/ 13479 w 3639924"/>
                <a:gd name="connsiteY14" fmla="*/ 2889983 h 4763605"/>
                <a:gd name="connsiteX15" fmla="*/ 125923 w 3639924"/>
                <a:gd name="connsiteY15" fmla="*/ 1966730 h 4763605"/>
                <a:gd name="connsiteX16" fmla="*/ 354523 w 3639924"/>
                <a:gd name="connsiteY16" fmla="*/ 1128530 h 4763605"/>
                <a:gd name="connsiteX0" fmla="*/ 354523 w 3639924"/>
                <a:gd name="connsiteY0" fmla="*/ 1130305 h 4765380"/>
                <a:gd name="connsiteX1" fmla="*/ 424373 w 3639924"/>
                <a:gd name="connsiteY1" fmla="*/ 361955 h 4765380"/>
                <a:gd name="connsiteX2" fmla="*/ 3118115 w 3639924"/>
                <a:gd name="connsiteY2" fmla="*/ 490653 h 4765380"/>
                <a:gd name="connsiteX3" fmla="*/ 3554923 w 3639924"/>
                <a:gd name="connsiteY3" fmla="*/ 2324103 h 4765380"/>
                <a:gd name="connsiteX4" fmla="*/ 3212023 w 3639924"/>
                <a:gd name="connsiteY4" fmla="*/ 3111503 h 4765380"/>
                <a:gd name="connsiteX5" fmla="*/ 3339023 w 3639924"/>
                <a:gd name="connsiteY5" fmla="*/ 3606803 h 4765380"/>
                <a:gd name="connsiteX6" fmla="*/ 2413511 w 3639924"/>
                <a:gd name="connsiteY6" fmla="*/ 4081465 h 4765380"/>
                <a:gd name="connsiteX7" fmla="*/ 1649923 w 3639924"/>
                <a:gd name="connsiteY7" fmla="*/ 4762503 h 4765380"/>
                <a:gd name="connsiteX8" fmla="*/ 1395923 w 3639924"/>
                <a:gd name="connsiteY8" fmla="*/ 4292603 h 4765380"/>
                <a:gd name="connsiteX9" fmla="*/ 570423 w 3639924"/>
                <a:gd name="connsiteY9" fmla="*/ 4127503 h 4765380"/>
                <a:gd name="connsiteX10" fmla="*/ 508511 w 3639924"/>
                <a:gd name="connsiteY10" fmla="*/ 3716343 h 4765380"/>
                <a:gd name="connsiteX11" fmla="*/ 360873 w 3639924"/>
                <a:gd name="connsiteY11" fmla="*/ 3459168 h 4765380"/>
                <a:gd name="connsiteX12" fmla="*/ 279911 w 3639924"/>
                <a:gd name="connsiteY12" fmla="*/ 3330580 h 4765380"/>
                <a:gd name="connsiteX13" fmla="*/ 284673 w 3639924"/>
                <a:gd name="connsiteY13" fmla="*/ 3116268 h 4765380"/>
                <a:gd name="connsiteX14" fmla="*/ 13479 w 3639924"/>
                <a:gd name="connsiteY14" fmla="*/ 2891758 h 4765380"/>
                <a:gd name="connsiteX15" fmla="*/ 125923 w 3639924"/>
                <a:gd name="connsiteY15" fmla="*/ 1968505 h 4765380"/>
                <a:gd name="connsiteX16" fmla="*/ 354523 w 3639924"/>
                <a:gd name="connsiteY16" fmla="*/ 1130305 h 4765380"/>
                <a:gd name="connsiteX0" fmla="*/ 354523 w 3642960"/>
                <a:gd name="connsiteY0" fmla="*/ 1119755 h 4754830"/>
                <a:gd name="connsiteX1" fmla="*/ 424373 w 3642960"/>
                <a:gd name="connsiteY1" fmla="*/ 351405 h 4754830"/>
                <a:gd name="connsiteX2" fmla="*/ 3130815 w 3642960"/>
                <a:gd name="connsiteY2" fmla="*/ 511853 h 4754830"/>
                <a:gd name="connsiteX3" fmla="*/ 3554923 w 3642960"/>
                <a:gd name="connsiteY3" fmla="*/ 2313553 h 4754830"/>
                <a:gd name="connsiteX4" fmla="*/ 3212023 w 3642960"/>
                <a:gd name="connsiteY4" fmla="*/ 3100953 h 4754830"/>
                <a:gd name="connsiteX5" fmla="*/ 3339023 w 3642960"/>
                <a:gd name="connsiteY5" fmla="*/ 3596253 h 4754830"/>
                <a:gd name="connsiteX6" fmla="*/ 2413511 w 3642960"/>
                <a:gd name="connsiteY6" fmla="*/ 4070915 h 4754830"/>
                <a:gd name="connsiteX7" fmla="*/ 1649923 w 3642960"/>
                <a:gd name="connsiteY7" fmla="*/ 4751953 h 4754830"/>
                <a:gd name="connsiteX8" fmla="*/ 1395923 w 3642960"/>
                <a:gd name="connsiteY8" fmla="*/ 4282053 h 4754830"/>
                <a:gd name="connsiteX9" fmla="*/ 570423 w 3642960"/>
                <a:gd name="connsiteY9" fmla="*/ 4116953 h 4754830"/>
                <a:gd name="connsiteX10" fmla="*/ 508511 w 3642960"/>
                <a:gd name="connsiteY10" fmla="*/ 3705793 h 4754830"/>
                <a:gd name="connsiteX11" fmla="*/ 360873 w 3642960"/>
                <a:gd name="connsiteY11" fmla="*/ 3448618 h 4754830"/>
                <a:gd name="connsiteX12" fmla="*/ 279911 w 3642960"/>
                <a:gd name="connsiteY12" fmla="*/ 3320030 h 4754830"/>
                <a:gd name="connsiteX13" fmla="*/ 284673 w 3642960"/>
                <a:gd name="connsiteY13" fmla="*/ 3105718 h 4754830"/>
                <a:gd name="connsiteX14" fmla="*/ 13479 w 3642960"/>
                <a:gd name="connsiteY14" fmla="*/ 2881208 h 4754830"/>
                <a:gd name="connsiteX15" fmla="*/ 125923 w 3642960"/>
                <a:gd name="connsiteY15" fmla="*/ 1957955 h 4754830"/>
                <a:gd name="connsiteX16" fmla="*/ 354523 w 3642960"/>
                <a:gd name="connsiteY16" fmla="*/ 1119755 h 4754830"/>
                <a:gd name="connsiteX0" fmla="*/ 354523 w 3642960"/>
                <a:gd name="connsiteY0" fmla="*/ 1119755 h 4754830"/>
                <a:gd name="connsiteX1" fmla="*/ 424373 w 3642960"/>
                <a:gd name="connsiteY1" fmla="*/ 351405 h 4754830"/>
                <a:gd name="connsiteX2" fmla="*/ 3130815 w 3642960"/>
                <a:gd name="connsiteY2" fmla="*/ 511853 h 4754830"/>
                <a:gd name="connsiteX3" fmla="*/ 3554923 w 3642960"/>
                <a:gd name="connsiteY3" fmla="*/ 2313553 h 4754830"/>
                <a:gd name="connsiteX4" fmla="*/ 3212023 w 3642960"/>
                <a:gd name="connsiteY4" fmla="*/ 3100953 h 4754830"/>
                <a:gd name="connsiteX5" fmla="*/ 3339023 w 3642960"/>
                <a:gd name="connsiteY5" fmla="*/ 3596253 h 4754830"/>
                <a:gd name="connsiteX6" fmla="*/ 2413511 w 3642960"/>
                <a:gd name="connsiteY6" fmla="*/ 4070915 h 4754830"/>
                <a:gd name="connsiteX7" fmla="*/ 1649923 w 3642960"/>
                <a:gd name="connsiteY7" fmla="*/ 4751953 h 4754830"/>
                <a:gd name="connsiteX8" fmla="*/ 1395923 w 3642960"/>
                <a:gd name="connsiteY8" fmla="*/ 4282053 h 4754830"/>
                <a:gd name="connsiteX9" fmla="*/ 570423 w 3642960"/>
                <a:gd name="connsiteY9" fmla="*/ 4116953 h 4754830"/>
                <a:gd name="connsiteX10" fmla="*/ 508511 w 3642960"/>
                <a:gd name="connsiteY10" fmla="*/ 3705793 h 4754830"/>
                <a:gd name="connsiteX11" fmla="*/ 360873 w 3642960"/>
                <a:gd name="connsiteY11" fmla="*/ 3448618 h 4754830"/>
                <a:gd name="connsiteX12" fmla="*/ 279911 w 3642960"/>
                <a:gd name="connsiteY12" fmla="*/ 3320030 h 4754830"/>
                <a:gd name="connsiteX13" fmla="*/ 284673 w 3642960"/>
                <a:gd name="connsiteY13" fmla="*/ 3105718 h 4754830"/>
                <a:gd name="connsiteX14" fmla="*/ 13479 w 3642960"/>
                <a:gd name="connsiteY14" fmla="*/ 2881208 h 4754830"/>
                <a:gd name="connsiteX15" fmla="*/ 125923 w 3642960"/>
                <a:gd name="connsiteY15" fmla="*/ 1957955 h 4754830"/>
                <a:gd name="connsiteX16" fmla="*/ 354523 w 3642960"/>
                <a:gd name="connsiteY16" fmla="*/ 1119755 h 4754830"/>
                <a:gd name="connsiteX0" fmla="*/ 354523 w 3642960"/>
                <a:gd name="connsiteY0" fmla="*/ 1119755 h 5296206"/>
                <a:gd name="connsiteX1" fmla="*/ 424373 w 3642960"/>
                <a:gd name="connsiteY1" fmla="*/ 351405 h 5296206"/>
                <a:gd name="connsiteX2" fmla="*/ 3130815 w 3642960"/>
                <a:gd name="connsiteY2" fmla="*/ 511853 h 5296206"/>
                <a:gd name="connsiteX3" fmla="*/ 3554923 w 3642960"/>
                <a:gd name="connsiteY3" fmla="*/ 2313553 h 5296206"/>
                <a:gd name="connsiteX4" fmla="*/ 3212023 w 3642960"/>
                <a:gd name="connsiteY4" fmla="*/ 3100953 h 5296206"/>
                <a:gd name="connsiteX5" fmla="*/ 3339023 w 3642960"/>
                <a:gd name="connsiteY5" fmla="*/ 3596253 h 5296206"/>
                <a:gd name="connsiteX6" fmla="*/ 2927335 w 3642960"/>
                <a:gd name="connsiteY6" fmla="*/ 5296206 h 5296206"/>
                <a:gd name="connsiteX7" fmla="*/ 1649923 w 3642960"/>
                <a:gd name="connsiteY7" fmla="*/ 4751953 h 5296206"/>
                <a:gd name="connsiteX8" fmla="*/ 1395923 w 3642960"/>
                <a:gd name="connsiteY8" fmla="*/ 4282053 h 5296206"/>
                <a:gd name="connsiteX9" fmla="*/ 570423 w 3642960"/>
                <a:gd name="connsiteY9" fmla="*/ 4116953 h 5296206"/>
                <a:gd name="connsiteX10" fmla="*/ 508511 w 3642960"/>
                <a:gd name="connsiteY10" fmla="*/ 3705793 h 5296206"/>
                <a:gd name="connsiteX11" fmla="*/ 360873 w 3642960"/>
                <a:gd name="connsiteY11" fmla="*/ 3448618 h 5296206"/>
                <a:gd name="connsiteX12" fmla="*/ 279911 w 3642960"/>
                <a:gd name="connsiteY12" fmla="*/ 3320030 h 5296206"/>
                <a:gd name="connsiteX13" fmla="*/ 284673 w 3642960"/>
                <a:gd name="connsiteY13" fmla="*/ 3105718 h 5296206"/>
                <a:gd name="connsiteX14" fmla="*/ 13479 w 3642960"/>
                <a:gd name="connsiteY14" fmla="*/ 2881208 h 5296206"/>
                <a:gd name="connsiteX15" fmla="*/ 125923 w 3642960"/>
                <a:gd name="connsiteY15" fmla="*/ 1957955 h 5296206"/>
                <a:gd name="connsiteX16" fmla="*/ 354523 w 3642960"/>
                <a:gd name="connsiteY16" fmla="*/ 1119755 h 5296206"/>
                <a:gd name="connsiteX0" fmla="*/ 354523 w 3642960"/>
                <a:gd name="connsiteY0" fmla="*/ 1119755 h 5296206"/>
                <a:gd name="connsiteX1" fmla="*/ 424373 w 3642960"/>
                <a:gd name="connsiteY1" fmla="*/ 351405 h 5296206"/>
                <a:gd name="connsiteX2" fmla="*/ 3130815 w 3642960"/>
                <a:gd name="connsiteY2" fmla="*/ 511853 h 5296206"/>
                <a:gd name="connsiteX3" fmla="*/ 3554923 w 3642960"/>
                <a:gd name="connsiteY3" fmla="*/ 2313553 h 5296206"/>
                <a:gd name="connsiteX4" fmla="*/ 3212023 w 3642960"/>
                <a:gd name="connsiteY4" fmla="*/ 3100953 h 5296206"/>
                <a:gd name="connsiteX5" fmla="*/ 3339023 w 3642960"/>
                <a:gd name="connsiteY5" fmla="*/ 3596253 h 5296206"/>
                <a:gd name="connsiteX6" fmla="*/ 2927335 w 3642960"/>
                <a:gd name="connsiteY6" fmla="*/ 5296206 h 5296206"/>
                <a:gd name="connsiteX7" fmla="*/ 1649923 w 3642960"/>
                <a:gd name="connsiteY7" fmla="*/ 4751953 h 5296206"/>
                <a:gd name="connsiteX8" fmla="*/ 1395923 w 3642960"/>
                <a:gd name="connsiteY8" fmla="*/ 4282053 h 5296206"/>
                <a:gd name="connsiteX9" fmla="*/ 570423 w 3642960"/>
                <a:gd name="connsiteY9" fmla="*/ 4116953 h 5296206"/>
                <a:gd name="connsiteX10" fmla="*/ 508511 w 3642960"/>
                <a:gd name="connsiteY10" fmla="*/ 3705793 h 5296206"/>
                <a:gd name="connsiteX11" fmla="*/ 360873 w 3642960"/>
                <a:gd name="connsiteY11" fmla="*/ 3448618 h 5296206"/>
                <a:gd name="connsiteX12" fmla="*/ 279911 w 3642960"/>
                <a:gd name="connsiteY12" fmla="*/ 3320030 h 5296206"/>
                <a:gd name="connsiteX13" fmla="*/ 284673 w 3642960"/>
                <a:gd name="connsiteY13" fmla="*/ 3105718 h 5296206"/>
                <a:gd name="connsiteX14" fmla="*/ 13479 w 3642960"/>
                <a:gd name="connsiteY14" fmla="*/ 2881208 h 5296206"/>
                <a:gd name="connsiteX15" fmla="*/ 125923 w 3642960"/>
                <a:gd name="connsiteY15" fmla="*/ 1957955 h 5296206"/>
                <a:gd name="connsiteX16" fmla="*/ 354523 w 3642960"/>
                <a:gd name="connsiteY16" fmla="*/ 1119755 h 5296206"/>
                <a:gd name="connsiteX0" fmla="*/ 354523 w 3642960"/>
                <a:gd name="connsiteY0" fmla="*/ 1119755 h 5296206"/>
                <a:gd name="connsiteX1" fmla="*/ 424373 w 3642960"/>
                <a:gd name="connsiteY1" fmla="*/ 351405 h 5296206"/>
                <a:gd name="connsiteX2" fmla="*/ 3130815 w 3642960"/>
                <a:gd name="connsiteY2" fmla="*/ 511853 h 5296206"/>
                <a:gd name="connsiteX3" fmla="*/ 3554923 w 3642960"/>
                <a:gd name="connsiteY3" fmla="*/ 2313553 h 5296206"/>
                <a:gd name="connsiteX4" fmla="*/ 3212023 w 3642960"/>
                <a:gd name="connsiteY4" fmla="*/ 3100953 h 5296206"/>
                <a:gd name="connsiteX5" fmla="*/ 3615705 w 3642960"/>
                <a:gd name="connsiteY5" fmla="*/ 3675299 h 5296206"/>
                <a:gd name="connsiteX6" fmla="*/ 2927335 w 3642960"/>
                <a:gd name="connsiteY6" fmla="*/ 5296206 h 5296206"/>
                <a:gd name="connsiteX7" fmla="*/ 1649923 w 3642960"/>
                <a:gd name="connsiteY7" fmla="*/ 4751953 h 5296206"/>
                <a:gd name="connsiteX8" fmla="*/ 1395923 w 3642960"/>
                <a:gd name="connsiteY8" fmla="*/ 4282053 h 5296206"/>
                <a:gd name="connsiteX9" fmla="*/ 570423 w 3642960"/>
                <a:gd name="connsiteY9" fmla="*/ 4116953 h 5296206"/>
                <a:gd name="connsiteX10" fmla="*/ 508511 w 3642960"/>
                <a:gd name="connsiteY10" fmla="*/ 3705793 h 5296206"/>
                <a:gd name="connsiteX11" fmla="*/ 360873 w 3642960"/>
                <a:gd name="connsiteY11" fmla="*/ 3448618 h 5296206"/>
                <a:gd name="connsiteX12" fmla="*/ 279911 w 3642960"/>
                <a:gd name="connsiteY12" fmla="*/ 3320030 h 5296206"/>
                <a:gd name="connsiteX13" fmla="*/ 284673 w 3642960"/>
                <a:gd name="connsiteY13" fmla="*/ 3105718 h 5296206"/>
                <a:gd name="connsiteX14" fmla="*/ 13479 w 3642960"/>
                <a:gd name="connsiteY14" fmla="*/ 2881208 h 5296206"/>
                <a:gd name="connsiteX15" fmla="*/ 125923 w 3642960"/>
                <a:gd name="connsiteY15" fmla="*/ 1957955 h 5296206"/>
                <a:gd name="connsiteX16" fmla="*/ 354523 w 3642960"/>
                <a:gd name="connsiteY16" fmla="*/ 1119755 h 5296206"/>
                <a:gd name="connsiteX0" fmla="*/ 354523 w 3642960"/>
                <a:gd name="connsiteY0" fmla="*/ 1119755 h 5296206"/>
                <a:gd name="connsiteX1" fmla="*/ 424373 w 3642960"/>
                <a:gd name="connsiteY1" fmla="*/ 351405 h 5296206"/>
                <a:gd name="connsiteX2" fmla="*/ 3130815 w 3642960"/>
                <a:gd name="connsiteY2" fmla="*/ 511853 h 5296206"/>
                <a:gd name="connsiteX3" fmla="*/ 3554923 w 3642960"/>
                <a:gd name="connsiteY3" fmla="*/ 2313553 h 5296206"/>
                <a:gd name="connsiteX4" fmla="*/ 3212023 w 3642960"/>
                <a:gd name="connsiteY4" fmla="*/ 3100953 h 5296206"/>
                <a:gd name="connsiteX5" fmla="*/ 3615705 w 3642960"/>
                <a:gd name="connsiteY5" fmla="*/ 3675299 h 5296206"/>
                <a:gd name="connsiteX6" fmla="*/ 2927335 w 3642960"/>
                <a:gd name="connsiteY6" fmla="*/ 5296206 h 5296206"/>
                <a:gd name="connsiteX7" fmla="*/ 1570860 w 3642960"/>
                <a:gd name="connsiteY7" fmla="*/ 4989101 h 5296206"/>
                <a:gd name="connsiteX8" fmla="*/ 1395923 w 3642960"/>
                <a:gd name="connsiteY8" fmla="*/ 4282053 h 5296206"/>
                <a:gd name="connsiteX9" fmla="*/ 570423 w 3642960"/>
                <a:gd name="connsiteY9" fmla="*/ 4116953 h 5296206"/>
                <a:gd name="connsiteX10" fmla="*/ 508511 w 3642960"/>
                <a:gd name="connsiteY10" fmla="*/ 3705793 h 5296206"/>
                <a:gd name="connsiteX11" fmla="*/ 360873 w 3642960"/>
                <a:gd name="connsiteY11" fmla="*/ 3448618 h 5296206"/>
                <a:gd name="connsiteX12" fmla="*/ 279911 w 3642960"/>
                <a:gd name="connsiteY12" fmla="*/ 3320030 h 5296206"/>
                <a:gd name="connsiteX13" fmla="*/ 284673 w 3642960"/>
                <a:gd name="connsiteY13" fmla="*/ 3105718 h 5296206"/>
                <a:gd name="connsiteX14" fmla="*/ 13479 w 3642960"/>
                <a:gd name="connsiteY14" fmla="*/ 2881208 h 5296206"/>
                <a:gd name="connsiteX15" fmla="*/ 125923 w 3642960"/>
                <a:gd name="connsiteY15" fmla="*/ 1957955 h 5296206"/>
                <a:gd name="connsiteX16" fmla="*/ 354523 w 3642960"/>
                <a:gd name="connsiteY16" fmla="*/ 1119755 h 5296206"/>
                <a:gd name="connsiteX0" fmla="*/ 354523 w 3624967"/>
                <a:gd name="connsiteY0" fmla="*/ 1105049 h 5281500"/>
                <a:gd name="connsiteX1" fmla="*/ 424373 w 3624967"/>
                <a:gd name="connsiteY1" fmla="*/ 336699 h 5281500"/>
                <a:gd name="connsiteX2" fmla="*/ 3078036 w 3624967"/>
                <a:gd name="connsiteY2" fmla="*/ 544169 h 5281500"/>
                <a:gd name="connsiteX3" fmla="*/ 3554923 w 3624967"/>
                <a:gd name="connsiteY3" fmla="*/ 2298847 h 5281500"/>
                <a:gd name="connsiteX4" fmla="*/ 3212023 w 3624967"/>
                <a:gd name="connsiteY4" fmla="*/ 3086247 h 5281500"/>
                <a:gd name="connsiteX5" fmla="*/ 3615705 w 3624967"/>
                <a:gd name="connsiteY5" fmla="*/ 3660593 h 5281500"/>
                <a:gd name="connsiteX6" fmla="*/ 2927335 w 3624967"/>
                <a:gd name="connsiteY6" fmla="*/ 5281500 h 5281500"/>
                <a:gd name="connsiteX7" fmla="*/ 1570860 w 3624967"/>
                <a:gd name="connsiteY7" fmla="*/ 4974395 h 5281500"/>
                <a:gd name="connsiteX8" fmla="*/ 1395923 w 3624967"/>
                <a:gd name="connsiteY8" fmla="*/ 4267347 h 5281500"/>
                <a:gd name="connsiteX9" fmla="*/ 570423 w 3624967"/>
                <a:gd name="connsiteY9" fmla="*/ 4102247 h 5281500"/>
                <a:gd name="connsiteX10" fmla="*/ 508511 w 3624967"/>
                <a:gd name="connsiteY10" fmla="*/ 3691087 h 5281500"/>
                <a:gd name="connsiteX11" fmla="*/ 360873 w 3624967"/>
                <a:gd name="connsiteY11" fmla="*/ 3433912 h 5281500"/>
                <a:gd name="connsiteX12" fmla="*/ 279911 w 3624967"/>
                <a:gd name="connsiteY12" fmla="*/ 3305324 h 5281500"/>
                <a:gd name="connsiteX13" fmla="*/ 284673 w 3624967"/>
                <a:gd name="connsiteY13" fmla="*/ 3091012 h 5281500"/>
                <a:gd name="connsiteX14" fmla="*/ 13479 w 3624967"/>
                <a:gd name="connsiteY14" fmla="*/ 2866502 h 5281500"/>
                <a:gd name="connsiteX15" fmla="*/ 125923 w 3624967"/>
                <a:gd name="connsiteY15" fmla="*/ 1943249 h 5281500"/>
                <a:gd name="connsiteX16" fmla="*/ 354523 w 3624967"/>
                <a:gd name="connsiteY16" fmla="*/ 1105049 h 5281500"/>
                <a:gd name="connsiteX0" fmla="*/ 354523 w 3624967"/>
                <a:gd name="connsiteY0" fmla="*/ 1105049 h 5281500"/>
                <a:gd name="connsiteX1" fmla="*/ 424373 w 3624967"/>
                <a:gd name="connsiteY1" fmla="*/ 336699 h 5281500"/>
                <a:gd name="connsiteX2" fmla="*/ 3078036 w 3624967"/>
                <a:gd name="connsiteY2" fmla="*/ 544169 h 5281500"/>
                <a:gd name="connsiteX3" fmla="*/ 3554923 w 3624967"/>
                <a:gd name="connsiteY3" fmla="*/ 2298847 h 5281500"/>
                <a:gd name="connsiteX4" fmla="*/ 3212023 w 3624967"/>
                <a:gd name="connsiteY4" fmla="*/ 3086247 h 5281500"/>
                <a:gd name="connsiteX5" fmla="*/ 3615705 w 3624967"/>
                <a:gd name="connsiteY5" fmla="*/ 3660593 h 5281500"/>
                <a:gd name="connsiteX6" fmla="*/ 2927335 w 3624967"/>
                <a:gd name="connsiteY6" fmla="*/ 5281500 h 5281500"/>
                <a:gd name="connsiteX7" fmla="*/ 1570860 w 3624967"/>
                <a:gd name="connsiteY7" fmla="*/ 4974395 h 5281500"/>
                <a:gd name="connsiteX8" fmla="*/ 1395923 w 3624967"/>
                <a:gd name="connsiteY8" fmla="*/ 4267347 h 5281500"/>
                <a:gd name="connsiteX9" fmla="*/ 570423 w 3624967"/>
                <a:gd name="connsiteY9" fmla="*/ 4102247 h 5281500"/>
                <a:gd name="connsiteX10" fmla="*/ 508511 w 3624967"/>
                <a:gd name="connsiteY10" fmla="*/ 3691087 h 5281500"/>
                <a:gd name="connsiteX11" fmla="*/ 360873 w 3624967"/>
                <a:gd name="connsiteY11" fmla="*/ 3433912 h 5281500"/>
                <a:gd name="connsiteX12" fmla="*/ 279911 w 3624967"/>
                <a:gd name="connsiteY12" fmla="*/ 3305324 h 5281500"/>
                <a:gd name="connsiteX13" fmla="*/ 284673 w 3624967"/>
                <a:gd name="connsiteY13" fmla="*/ 3091012 h 5281500"/>
                <a:gd name="connsiteX14" fmla="*/ 13479 w 3624967"/>
                <a:gd name="connsiteY14" fmla="*/ 2866502 h 5281500"/>
                <a:gd name="connsiteX15" fmla="*/ 125923 w 3624967"/>
                <a:gd name="connsiteY15" fmla="*/ 1943249 h 5281500"/>
                <a:gd name="connsiteX16" fmla="*/ 354523 w 3624967"/>
                <a:gd name="connsiteY16" fmla="*/ 1105049 h 52815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624967" h="5281500">
                  <a:moveTo>
                    <a:pt x="354523" y="1105049"/>
                  </a:moveTo>
                  <a:cubicBezTo>
                    <a:pt x="331240" y="895499"/>
                    <a:pt x="200006" y="730399"/>
                    <a:pt x="424373" y="336699"/>
                  </a:cubicBezTo>
                  <a:cubicBezTo>
                    <a:pt x="1002670" y="-331602"/>
                    <a:pt x="2531489" y="132970"/>
                    <a:pt x="3078036" y="544169"/>
                  </a:cubicBezTo>
                  <a:cubicBezTo>
                    <a:pt x="3623033" y="1122794"/>
                    <a:pt x="3532592" y="1875167"/>
                    <a:pt x="3554923" y="2298847"/>
                  </a:cubicBezTo>
                  <a:cubicBezTo>
                    <a:pt x="3577254" y="2722527"/>
                    <a:pt x="3228956" y="2840714"/>
                    <a:pt x="3212023" y="3086247"/>
                  </a:cubicBezTo>
                  <a:cubicBezTo>
                    <a:pt x="3187458" y="3313505"/>
                    <a:pt x="3590305" y="3601326"/>
                    <a:pt x="3615705" y="3660593"/>
                  </a:cubicBezTo>
                  <a:cubicBezTo>
                    <a:pt x="3305613" y="3815639"/>
                    <a:pt x="4172218" y="5136911"/>
                    <a:pt x="2927335" y="5281500"/>
                  </a:cubicBezTo>
                  <a:lnTo>
                    <a:pt x="1570860" y="4974395"/>
                  </a:lnTo>
                  <a:cubicBezTo>
                    <a:pt x="1515827" y="5018845"/>
                    <a:pt x="1546206" y="4296980"/>
                    <a:pt x="1395923" y="4267347"/>
                  </a:cubicBezTo>
                  <a:cubicBezTo>
                    <a:pt x="1194840" y="4186914"/>
                    <a:pt x="687573" y="4333630"/>
                    <a:pt x="570423" y="4102247"/>
                  </a:cubicBezTo>
                  <a:cubicBezTo>
                    <a:pt x="422521" y="3882378"/>
                    <a:pt x="587841" y="3881170"/>
                    <a:pt x="508511" y="3691087"/>
                  </a:cubicBezTo>
                  <a:cubicBezTo>
                    <a:pt x="454536" y="3573348"/>
                    <a:pt x="253672" y="3612618"/>
                    <a:pt x="360873" y="3433912"/>
                  </a:cubicBezTo>
                  <a:cubicBezTo>
                    <a:pt x="329123" y="3364062"/>
                    <a:pt x="292611" y="3362474"/>
                    <a:pt x="279911" y="3305324"/>
                  </a:cubicBezTo>
                  <a:cubicBezTo>
                    <a:pt x="267211" y="3248174"/>
                    <a:pt x="336222" y="3218918"/>
                    <a:pt x="284673" y="3091012"/>
                  </a:cubicBezTo>
                  <a:cubicBezTo>
                    <a:pt x="247412" y="3039306"/>
                    <a:pt x="-68322" y="2998511"/>
                    <a:pt x="13479" y="2866502"/>
                  </a:cubicBezTo>
                  <a:cubicBezTo>
                    <a:pt x="50960" y="2558751"/>
                    <a:pt x="317042" y="2403400"/>
                    <a:pt x="125923" y="1943249"/>
                  </a:cubicBezTo>
                  <a:cubicBezTo>
                    <a:pt x="75123" y="1771799"/>
                    <a:pt x="164023" y="1466999"/>
                    <a:pt x="354523" y="1105049"/>
                  </a:cubicBezTo>
                  <a:close/>
                </a:path>
              </a:pathLst>
            </a:custGeom>
            <a:solidFill>
              <a:srgbClr val="ECC5AA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8" name="Rectangle 20"/>
            <p:cNvSpPr/>
            <p:nvPr/>
          </p:nvSpPr>
          <p:spPr>
            <a:xfrm>
              <a:off x="6098600" y="2197224"/>
              <a:ext cx="202775" cy="199241"/>
            </a:xfrm>
            <a:custGeom>
              <a:avLst/>
              <a:gdLst>
                <a:gd name="connsiteX0" fmla="*/ 0 w 4649273"/>
                <a:gd name="connsiteY0" fmla="*/ 0 h 5087155"/>
                <a:gd name="connsiteX1" fmla="*/ 4649273 w 4649273"/>
                <a:gd name="connsiteY1" fmla="*/ 0 h 5087155"/>
                <a:gd name="connsiteX2" fmla="*/ 4649273 w 4649273"/>
                <a:gd name="connsiteY2" fmla="*/ 5087155 h 5087155"/>
                <a:gd name="connsiteX3" fmla="*/ 0 w 4649273"/>
                <a:gd name="connsiteY3" fmla="*/ 5087155 h 5087155"/>
                <a:gd name="connsiteX4" fmla="*/ 0 w 4649273"/>
                <a:gd name="connsiteY4" fmla="*/ 0 h 5087155"/>
                <a:gd name="connsiteX0" fmla="*/ 0 w 4649273"/>
                <a:gd name="connsiteY0" fmla="*/ 0 h 5087155"/>
                <a:gd name="connsiteX1" fmla="*/ 4649273 w 4649273"/>
                <a:gd name="connsiteY1" fmla="*/ 0 h 5087155"/>
                <a:gd name="connsiteX2" fmla="*/ 4649273 w 4649273"/>
                <a:gd name="connsiteY2" fmla="*/ 5087155 h 5087155"/>
                <a:gd name="connsiteX3" fmla="*/ 2050781 w 4649273"/>
                <a:gd name="connsiteY3" fmla="*/ 5071950 h 5087155"/>
                <a:gd name="connsiteX4" fmla="*/ 0 w 4649273"/>
                <a:gd name="connsiteY4" fmla="*/ 5087155 h 5087155"/>
                <a:gd name="connsiteX5" fmla="*/ 0 w 4649273"/>
                <a:gd name="connsiteY5" fmla="*/ 0 h 5087155"/>
                <a:gd name="connsiteX0" fmla="*/ 0 w 4649273"/>
                <a:gd name="connsiteY0" fmla="*/ 0 h 5087155"/>
                <a:gd name="connsiteX1" fmla="*/ 4649273 w 4649273"/>
                <a:gd name="connsiteY1" fmla="*/ 0 h 5087155"/>
                <a:gd name="connsiteX2" fmla="*/ 4649273 w 4649273"/>
                <a:gd name="connsiteY2" fmla="*/ 5087155 h 5087155"/>
                <a:gd name="connsiteX3" fmla="*/ 2050781 w 4649273"/>
                <a:gd name="connsiteY3" fmla="*/ 4805250 h 5087155"/>
                <a:gd name="connsiteX4" fmla="*/ 0 w 4649273"/>
                <a:gd name="connsiteY4" fmla="*/ 5087155 h 5087155"/>
                <a:gd name="connsiteX5" fmla="*/ 0 w 4649273"/>
                <a:gd name="connsiteY5" fmla="*/ 0 h 5087155"/>
                <a:gd name="connsiteX0" fmla="*/ 0 w 4649273"/>
                <a:gd name="connsiteY0" fmla="*/ 0 h 5087155"/>
                <a:gd name="connsiteX1" fmla="*/ 4649273 w 4649273"/>
                <a:gd name="connsiteY1" fmla="*/ 0 h 5087155"/>
                <a:gd name="connsiteX2" fmla="*/ 4649273 w 4649273"/>
                <a:gd name="connsiteY2" fmla="*/ 5087155 h 5087155"/>
                <a:gd name="connsiteX3" fmla="*/ 4247881 w 4649273"/>
                <a:gd name="connsiteY3" fmla="*/ 5021150 h 5087155"/>
                <a:gd name="connsiteX4" fmla="*/ 2050781 w 4649273"/>
                <a:gd name="connsiteY4" fmla="*/ 4805250 h 5087155"/>
                <a:gd name="connsiteX5" fmla="*/ 0 w 4649273"/>
                <a:gd name="connsiteY5" fmla="*/ 5087155 h 5087155"/>
                <a:gd name="connsiteX6" fmla="*/ 0 w 4649273"/>
                <a:gd name="connsiteY6" fmla="*/ 0 h 5087155"/>
                <a:gd name="connsiteX0" fmla="*/ 0 w 4649273"/>
                <a:gd name="connsiteY0" fmla="*/ 0 h 5087155"/>
                <a:gd name="connsiteX1" fmla="*/ 4649273 w 4649273"/>
                <a:gd name="connsiteY1" fmla="*/ 0 h 5087155"/>
                <a:gd name="connsiteX2" fmla="*/ 4649273 w 4649273"/>
                <a:gd name="connsiteY2" fmla="*/ 5087155 h 5087155"/>
                <a:gd name="connsiteX3" fmla="*/ 3739881 w 4649273"/>
                <a:gd name="connsiteY3" fmla="*/ 3649550 h 5087155"/>
                <a:gd name="connsiteX4" fmla="*/ 2050781 w 4649273"/>
                <a:gd name="connsiteY4" fmla="*/ 4805250 h 5087155"/>
                <a:gd name="connsiteX5" fmla="*/ 0 w 4649273"/>
                <a:gd name="connsiteY5" fmla="*/ 5087155 h 5087155"/>
                <a:gd name="connsiteX6" fmla="*/ 0 w 4649273"/>
                <a:gd name="connsiteY6" fmla="*/ 0 h 5087155"/>
                <a:gd name="connsiteX0" fmla="*/ 0 w 4649273"/>
                <a:gd name="connsiteY0" fmla="*/ 0 h 5087155"/>
                <a:gd name="connsiteX1" fmla="*/ 4649273 w 4649273"/>
                <a:gd name="connsiteY1" fmla="*/ 0 h 5087155"/>
                <a:gd name="connsiteX2" fmla="*/ 4649273 w 4649273"/>
                <a:gd name="connsiteY2" fmla="*/ 5087155 h 5087155"/>
                <a:gd name="connsiteX3" fmla="*/ 3739881 w 4649273"/>
                <a:gd name="connsiteY3" fmla="*/ 3649550 h 5087155"/>
                <a:gd name="connsiteX4" fmla="*/ 2901681 w 4649273"/>
                <a:gd name="connsiteY4" fmla="*/ 4233750 h 5087155"/>
                <a:gd name="connsiteX5" fmla="*/ 2050781 w 4649273"/>
                <a:gd name="connsiteY5" fmla="*/ 4805250 h 5087155"/>
                <a:gd name="connsiteX6" fmla="*/ 0 w 4649273"/>
                <a:gd name="connsiteY6" fmla="*/ 5087155 h 5087155"/>
                <a:gd name="connsiteX7" fmla="*/ 0 w 4649273"/>
                <a:gd name="connsiteY7" fmla="*/ 0 h 5087155"/>
                <a:gd name="connsiteX0" fmla="*/ 0 w 4649273"/>
                <a:gd name="connsiteY0" fmla="*/ 0 h 5087155"/>
                <a:gd name="connsiteX1" fmla="*/ 4649273 w 4649273"/>
                <a:gd name="connsiteY1" fmla="*/ 0 h 5087155"/>
                <a:gd name="connsiteX2" fmla="*/ 4649273 w 4649273"/>
                <a:gd name="connsiteY2" fmla="*/ 5087155 h 5087155"/>
                <a:gd name="connsiteX3" fmla="*/ 3739881 w 4649273"/>
                <a:gd name="connsiteY3" fmla="*/ 3649550 h 5087155"/>
                <a:gd name="connsiteX4" fmla="*/ 2800081 w 4649273"/>
                <a:gd name="connsiteY4" fmla="*/ 4081350 h 5087155"/>
                <a:gd name="connsiteX5" fmla="*/ 2050781 w 4649273"/>
                <a:gd name="connsiteY5" fmla="*/ 4805250 h 5087155"/>
                <a:gd name="connsiteX6" fmla="*/ 0 w 4649273"/>
                <a:gd name="connsiteY6" fmla="*/ 5087155 h 5087155"/>
                <a:gd name="connsiteX7" fmla="*/ 0 w 4649273"/>
                <a:gd name="connsiteY7" fmla="*/ 0 h 5087155"/>
                <a:gd name="connsiteX0" fmla="*/ 0 w 4654281"/>
                <a:gd name="connsiteY0" fmla="*/ 0 h 5087155"/>
                <a:gd name="connsiteX1" fmla="*/ 4649273 w 4654281"/>
                <a:gd name="connsiteY1" fmla="*/ 0 h 5087155"/>
                <a:gd name="connsiteX2" fmla="*/ 4654281 w 4654281"/>
                <a:gd name="connsiteY2" fmla="*/ 3306650 h 5087155"/>
                <a:gd name="connsiteX3" fmla="*/ 4649273 w 4654281"/>
                <a:gd name="connsiteY3" fmla="*/ 5087155 h 5087155"/>
                <a:gd name="connsiteX4" fmla="*/ 3739881 w 4654281"/>
                <a:gd name="connsiteY4" fmla="*/ 3649550 h 5087155"/>
                <a:gd name="connsiteX5" fmla="*/ 2800081 w 4654281"/>
                <a:gd name="connsiteY5" fmla="*/ 4081350 h 5087155"/>
                <a:gd name="connsiteX6" fmla="*/ 2050781 w 4654281"/>
                <a:gd name="connsiteY6" fmla="*/ 4805250 h 5087155"/>
                <a:gd name="connsiteX7" fmla="*/ 0 w 4654281"/>
                <a:gd name="connsiteY7" fmla="*/ 5087155 h 5087155"/>
                <a:gd name="connsiteX8" fmla="*/ 0 w 4654281"/>
                <a:gd name="connsiteY8" fmla="*/ 0 h 5087155"/>
                <a:gd name="connsiteX0" fmla="*/ 0 w 4649275"/>
                <a:gd name="connsiteY0" fmla="*/ 0 h 5087155"/>
                <a:gd name="connsiteX1" fmla="*/ 4649273 w 4649275"/>
                <a:gd name="connsiteY1" fmla="*/ 0 h 5087155"/>
                <a:gd name="connsiteX2" fmla="*/ 3638281 w 4649275"/>
                <a:gd name="connsiteY2" fmla="*/ 3268550 h 5087155"/>
                <a:gd name="connsiteX3" fmla="*/ 4649273 w 4649275"/>
                <a:gd name="connsiteY3" fmla="*/ 5087155 h 5087155"/>
                <a:gd name="connsiteX4" fmla="*/ 3739881 w 4649275"/>
                <a:gd name="connsiteY4" fmla="*/ 3649550 h 5087155"/>
                <a:gd name="connsiteX5" fmla="*/ 2800081 w 4649275"/>
                <a:gd name="connsiteY5" fmla="*/ 4081350 h 5087155"/>
                <a:gd name="connsiteX6" fmla="*/ 2050781 w 4649275"/>
                <a:gd name="connsiteY6" fmla="*/ 4805250 h 5087155"/>
                <a:gd name="connsiteX7" fmla="*/ 0 w 4649275"/>
                <a:gd name="connsiteY7" fmla="*/ 5087155 h 5087155"/>
                <a:gd name="connsiteX8" fmla="*/ 0 w 4649275"/>
                <a:gd name="connsiteY8" fmla="*/ 0 h 5087155"/>
                <a:gd name="connsiteX0" fmla="*/ 0 w 4649275"/>
                <a:gd name="connsiteY0" fmla="*/ 0 h 5087155"/>
                <a:gd name="connsiteX1" fmla="*/ 4649273 w 4649275"/>
                <a:gd name="connsiteY1" fmla="*/ 0 h 5087155"/>
                <a:gd name="connsiteX2" fmla="*/ 3638281 w 4649275"/>
                <a:gd name="connsiteY2" fmla="*/ 3268550 h 5087155"/>
                <a:gd name="connsiteX3" fmla="*/ 3739881 w 4649275"/>
                <a:gd name="connsiteY3" fmla="*/ 3649550 h 5087155"/>
                <a:gd name="connsiteX4" fmla="*/ 2800081 w 4649275"/>
                <a:gd name="connsiteY4" fmla="*/ 4081350 h 5087155"/>
                <a:gd name="connsiteX5" fmla="*/ 2050781 w 4649275"/>
                <a:gd name="connsiteY5" fmla="*/ 4805250 h 5087155"/>
                <a:gd name="connsiteX6" fmla="*/ 0 w 4649275"/>
                <a:gd name="connsiteY6" fmla="*/ 5087155 h 5087155"/>
                <a:gd name="connsiteX7" fmla="*/ 0 w 4649275"/>
                <a:gd name="connsiteY7" fmla="*/ 0 h 5087155"/>
                <a:gd name="connsiteX0" fmla="*/ 0 w 4649275"/>
                <a:gd name="connsiteY0" fmla="*/ 0 h 5087155"/>
                <a:gd name="connsiteX1" fmla="*/ 4649273 w 4649275"/>
                <a:gd name="connsiteY1" fmla="*/ 0 h 5087155"/>
                <a:gd name="connsiteX2" fmla="*/ 3612881 w 4649275"/>
                <a:gd name="connsiteY2" fmla="*/ 3154250 h 5087155"/>
                <a:gd name="connsiteX3" fmla="*/ 3739881 w 4649275"/>
                <a:gd name="connsiteY3" fmla="*/ 3649550 h 5087155"/>
                <a:gd name="connsiteX4" fmla="*/ 2800081 w 4649275"/>
                <a:gd name="connsiteY4" fmla="*/ 4081350 h 5087155"/>
                <a:gd name="connsiteX5" fmla="*/ 2050781 w 4649275"/>
                <a:gd name="connsiteY5" fmla="*/ 4805250 h 5087155"/>
                <a:gd name="connsiteX6" fmla="*/ 0 w 4649275"/>
                <a:gd name="connsiteY6" fmla="*/ 5087155 h 5087155"/>
                <a:gd name="connsiteX7" fmla="*/ 0 w 4649275"/>
                <a:gd name="connsiteY7" fmla="*/ 0 h 5087155"/>
                <a:gd name="connsiteX0" fmla="*/ 0 w 4649275"/>
                <a:gd name="connsiteY0" fmla="*/ 0 h 5087155"/>
                <a:gd name="connsiteX1" fmla="*/ 4649273 w 4649275"/>
                <a:gd name="connsiteY1" fmla="*/ 0 h 5087155"/>
                <a:gd name="connsiteX2" fmla="*/ 3612881 w 4649275"/>
                <a:gd name="connsiteY2" fmla="*/ 3154250 h 5087155"/>
                <a:gd name="connsiteX3" fmla="*/ 3739881 w 4649275"/>
                <a:gd name="connsiteY3" fmla="*/ 3649550 h 5087155"/>
                <a:gd name="connsiteX4" fmla="*/ 2800081 w 4649275"/>
                <a:gd name="connsiteY4" fmla="*/ 4081350 h 5087155"/>
                <a:gd name="connsiteX5" fmla="*/ 2050781 w 4649275"/>
                <a:gd name="connsiteY5" fmla="*/ 4805250 h 5087155"/>
                <a:gd name="connsiteX6" fmla="*/ 0 w 4649275"/>
                <a:gd name="connsiteY6" fmla="*/ 5087155 h 5087155"/>
                <a:gd name="connsiteX7" fmla="*/ 0 w 4649275"/>
                <a:gd name="connsiteY7" fmla="*/ 0 h 5087155"/>
                <a:gd name="connsiteX0" fmla="*/ 0 w 4649275"/>
                <a:gd name="connsiteY0" fmla="*/ 0 h 5087155"/>
                <a:gd name="connsiteX1" fmla="*/ 4649273 w 4649275"/>
                <a:gd name="connsiteY1" fmla="*/ 0 h 5087155"/>
                <a:gd name="connsiteX2" fmla="*/ 3612881 w 4649275"/>
                <a:gd name="connsiteY2" fmla="*/ 3154250 h 5087155"/>
                <a:gd name="connsiteX3" fmla="*/ 3739881 w 4649275"/>
                <a:gd name="connsiteY3" fmla="*/ 3649550 h 5087155"/>
                <a:gd name="connsiteX4" fmla="*/ 2800081 w 4649275"/>
                <a:gd name="connsiteY4" fmla="*/ 4081350 h 5087155"/>
                <a:gd name="connsiteX5" fmla="*/ 2050781 w 4649275"/>
                <a:gd name="connsiteY5" fmla="*/ 4805250 h 5087155"/>
                <a:gd name="connsiteX6" fmla="*/ 0 w 4649275"/>
                <a:gd name="connsiteY6" fmla="*/ 5087155 h 5087155"/>
                <a:gd name="connsiteX7" fmla="*/ 0 w 4649275"/>
                <a:gd name="connsiteY7" fmla="*/ 0 h 5087155"/>
                <a:gd name="connsiteX0" fmla="*/ 0 w 4827715"/>
                <a:gd name="connsiteY0" fmla="*/ 0 h 5087155"/>
                <a:gd name="connsiteX1" fmla="*/ 4649273 w 4827715"/>
                <a:gd name="connsiteY1" fmla="*/ 0 h 5087155"/>
                <a:gd name="connsiteX2" fmla="*/ 3841481 w 4827715"/>
                <a:gd name="connsiteY2" fmla="*/ 2176350 h 5087155"/>
                <a:gd name="connsiteX3" fmla="*/ 3612881 w 4827715"/>
                <a:gd name="connsiteY3" fmla="*/ 3154250 h 5087155"/>
                <a:gd name="connsiteX4" fmla="*/ 3739881 w 4827715"/>
                <a:gd name="connsiteY4" fmla="*/ 3649550 h 5087155"/>
                <a:gd name="connsiteX5" fmla="*/ 2800081 w 4827715"/>
                <a:gd name="connsiteY5" fmla="*/ 4081350 h 5087155"/>
                <a:gd name="connsiteX6" fmla="*/ 2050781 w 4827715"/>
                <a:gd name="connsiteY6" fmla="*/ 4805250 h 5087155"/>
                <a:gd name="connsiteX7" fmla="*/ 0 w 4827715"/>
                <a:gd name="connsiteY7" fmla="*/ 5087155 h 5087155"/>
                <a:gd name="connsiteX8" fmla="*/ 0 w 4827715"/>
                <a:gd name="connsiteY8" fmla="*/ 0 h 5087155"/>
                <a:gd name="connsiteX0" fmla="*/ 0 w 4840184"/>
                <a:gd name="connsiteY0" fmla="*/ 0 h 5087155"/>
                <a:gd name="connsiteX1" fmla="*/ 4649273 w 4840184"/>
                <a:gd name="connsiteY1" fmla="*/ 0 h 5087155"/>
                <a:gd name="connsiteX2" fmla="*/ 3955781 w 4840184"/>
                <a:gd name="connsiteY2" fmla="*/ 2366850 h 5087155"/>
                <a:gd name="connsiteX3" fmla="*/ 3612881 w 4840184"/>
                <a:gd name="connsiteY3" fmla="*/ 3154250 h 5087155"/>
                <a:gd name="connsiteX4" fmla="*/ 3739881 w 4840184"/>
                <a:gd name="connsiteY4" fmla="*/ 3649550 h 5087155"/>
                <a:gd name="connsiteX5" fmla="*/ 2800081 w 4840184"/>
                <a:gd name="connsiteY5" fmla="*/ 4081350 h 5087155"/>
                <a:gd name="connsiteX6" fmla="*/ 2050781 w 4840184"/>
                <a:gd name="connsiteY6" fmla="*/ 4805250 h 5087155"/>
                <a:gd name="connsiteX7" fmla="*/ 0 w 4840184"/>
                <a:gd name="connsiteY7" fmla="*/ 5087155 h 5087155"/>
                <a:gd name="connsiteX8" fmla="*/ 0 w 4840184"/>
                <a:gd name="connsiteY8" fmla="*/ 0 h 5087155"/>
                <a:gd name="connsiteX0" fmla="*/ 0 w 4048435"/>
                <a:gd name="connsiteY0" fmla="*/ 0 h 5087155"/>
                <a:gd name="connsiteX1" fmla="*/ 3468173 w 4048435"/>
                <a:gd name="connsiteY1" fmla="*/ 558800 h 5087155"/>
                <a:gd name="connsiteX2" fmla="*/ 3955781 w 4048435"/>
                <a:gd name="connsiteY2" fmla="*/ 2366850 h 5087155"/>
                <a:gd name="connsiteX3" fmla="*/ 3612881 w 4048435"/>
                <a:gd name="connsiteY3" fmla="*/ 3154250 h 5087155"/>
                <a:gd name="connsiteX4" fmla="*/ 3739881 w 4048435"/>
                <a:gd name="connsiteY4" fmla="*/ 3649550 h 5087155"/>
                <a:gd name="connsiteX5" fmla="*/ 2800081 w 4048435"/>
                <a:gd name="connsiteY5" fmla="*/ 4081350 h 5087155"/>
                <a:gd name="connsiteX6" fmla="*/ 2050781 w 4048435"/>
                <a:gd name="connsiteY6" fmla="*/ 4805250 h 5087155"/>
                <a:gd name="connsiteX7" fmla="*/ 0 w 4048435"/>
                <a:gd name="connsiteY7" fmla="*/ 5087155 h 5087155"/>
                <a:gd name="connsiteX8" fmla="*/ 0 w 4048435"/>
                <a:gd name="connsiteY8" fmla="*/ 0 h 5087155"/>
                <a:gd name="connsiteX0" fmla="*/ 0 w 4048435"/>
                <a:gd name="connsiteY0" fmla="*/ 0 h 5087155"/>
                <a:gd name="connsiteX1" fmla="*/ 3468173 w 4048435"/>
                <a:gd name="connsiteY1" fmla="*/ 558800 h 5087155"/>
                <a:gd name="connsiteX2" fmla="*/ 3955781 w 4048435"/>
                <a:gd name="connsiteY2" fmla="*/ 2366850 h 5087155"/>
                <a:gd name="connsiteX3" fmla="*/ 3612881 w 4048435"/>
                <a:gd name="connsiteY3" fmla="*/ 3154250 h 5087155"/>
                <a:gd name="connsiteX4" fmla="*/ 3739881 w 4048435"/>
                <a:gd name="connsiteY4" fmla="*/ 3649550 h 5087155"/>
                <a:gd name="connsiteX5" fmla="*/ 2800081 w 4048435"/>
                <a:gd name="connsiteY5" fmla="*/ 4081350 h 5087155"/>
                <a:gd name="connsiteX6" fmla="*/ 2050781 w 4048435"/>
                <a:gd name="connsiteY6" fmla="*/ 4805250 h 5087155"/>
                <a:gd name="connsiteX7" fmla="*/ 0 w 4048435"/>
                <a:gd name="connsiteY7" fmla="*/ 5087155 h 5087155"/>
                <a:gd name="connsiteX8" fmla="*/ 0 w 4048435"/>
                <a:gd name="connsiteY8" fmla="*/ 0 h 5087155"/>
                <a:gd name="connsiteX0" fmla="*/ 0 w 4031100"/>
                <a:gd name="connsiteY0" fmla="*/ 0 h 5087155"/>
                <a:gd name="connsiteX1" fmla="*/ 3468173 w 4031100"/>
                <a:gd name="connsiteY1" fmla="*/ 558800 h 5087155"/>
                <a:gd name="connsiteX2" fmla="*/ 3955781 w 4031100"/>
                <a:gd name="connsiteY2" fmla="*/ 2366850 h 5087155"/>
                <a:gd name="connsiteX3" fmla="*/ 3612881 w 4031100"/>
                <a:gd name="connsiteY3" fmla="*/ 3154250 h 5087155"/>
                <a:gd name="connsiteX4" fmla="*/ 3739881 w 4031100"/>
                <a:gd name="connsiteY4" fmla="*/ 3649550 h 5087155"/>
                <a:gd name="connsiteX5" fmla="*/ 2800081 w 4031100"/>
                <a:gd name="connsiteY5" fmla="*/ 4081350 h 5087155"/>
                <a:gd name="connsiteX6" fmla="*/ 2050781 w 4031100"/>
                <a:gd name="connsiteY6" fmla="*/ 4805250 h 5087155"/>
                <a:gd name="connsiteX7" fmla="*/ 0 w 4031100"/>
                <a:gd name="connsiteY7" fmla="*/ 5087155 h 5087155"/>
                <a:gd name="connsiteX8" fmla="*/ 0 w 4031100"/>
                <a:gd name="connsiteY8" fmla="*/ 0 h 5087155"/>
                <a:gd name="connsiteX0" fmla="*/ 0 w 4031100"/>
                <a:gd name="connsiteY0" fmla="*/ 0 h 4805250"/>
                <a:gd name="connsiteX1" fmla="*/ 3468173 w 4031100"/>
                <a:gd name="connsiteY1" fmla="*/ 558800 h 4805250"/>
                <a:gd name="connsiteX2" fmla="*/ 3955781 w 4031100"/>
                <a:gd name="connsiteY2" fmla="*/ 2366850 h 4805250"/>
                <a:gd name="connsiteX3" fmla="*/ 3612881 w 4031100"/>
                <a:gd name="connsiteY3" fmla="*/ 3154250 h 4805250"/>
                <a:gd name="connsiteX4" fmla="*/ 3739881 w 4031100"/>
                <a:gd name="connsiteY4" fmla="*/ 3649550 h 4805250"/>
                <a:gd name="connsiteX5" fmla="*/ 2800081 w 4031100"/>
                <a:gd name="connsiteY5" fmla="*/ 4081350 h 4805250"/>
                <a:gd name="connsiteX6" fmla="*/ 2050781 w 4031100"/>
                <a:gd name="connsiteY6" fmla="*/ 4805250 h 4805250"/>
                <a:gd name="connsiteX7" fmla="*/ 723900 w 4031100"/>
                <a:gd name="connsiteY7" fmla="*/ 3817155 h 4805250"/>
                <a:gd name="connsiteX8" fmla="*/ 0 w 4031100"/>
                <a:gd name="connsiteY8" fmla="*/ 0 h 4805250"/>
                <a:gd name="connsiteX0" fmla="*/ 0 w 4031100"/>
                <a:gd name="connsiteY0" fmla="*/ 0 h 4805250"/>
                <a:gd name="connsiteX1" fmla="*/ 3468173 w 4031100"/>
                <a:gd name="connsiteY1" fmla="*/ 558800 h 4805250"/>
                <a:gd name="connsiteX2" fmla="*/ 3955781 w 4031100"/>
                <a:gd name="connsiteY2" fmla="*/ 2366850 h 4805250"/>
                <a:gd name="connsiteX3" fmla="*/ 3612881 w 4031100"/>
                <a:gd name="connsiteY3" fmla="*/ 3154250 h 4805250"/>
                <a:gd name="connsiteX4" fmla="*/ 3739881 w 4031100"/>
                <a:gd name="connsiteY4" fmla="*/ 3649550 h 4805250"/>
                <a:gd name="connsiteX5" fmla="*/ 2800081 w 4031100"/>
                <a:gd name="connsiteY5" fmla="*/ 4081350 h 4805250"/>
                <a:gd name="connsiteX6" fmla="*/ 2050781 w 4031100"/>
                <a:gd name="connsiteY6" fmla="*/ 4805250 h 4805250"/>
                <a:gd name="connsiteX7" fmla="*/ 1377681 w 4031100"/>
                <a:gd name="connsiteY7" fmla="*/ 4271850 h 4805250"/>
                <a:gd name="connsiteX8" fmla="*/ 723900 w 4031100"/>
                <a:gd name="connsiteY8" fmla="*/ 3817155 h 4805250"/>
                <a:gd name="connsiteX9" fmla="*/ 0 w 4031100"/>
                <a:gd name="connsiteY9" fmla="*/ 0 h 4805250"/>
                <a:gd name="connsiteX0" fmla="*/ 0 w 4031100"/>
                <a:gd name="connsiteY0" fmla="*/ 0 h 4805250"/>
                <a:gd name="connsiteX1" fmla="*/ 3468173 w 4031100"/>
                <a:gd name="connsiteY1" fmla="*/ 558800 h 4805250"/>
                <a:gd name="connsiteX2" fmla="*/ 3955781 w 4031100"/>
                <a:gd name="connsiteY2" fmla="*/ 2366850 h 4805250"/>
                <a:gd name="connsiteX3" fmla="*/ 3612881 w 4031100"/>
                <a:gd name="connsiteY3" fmla="*/ 3154250 h 4805250"/>
                <a:gd name="connsiteX4" fmla="*/ 3739881 w 4031100"/>
                <a:gd name="connsiteY4" fmla="*/ 3649550 h 4805250"/>
                <a:gd name="connsiteX5" fmla="*/ 2800081 w 4031100"/>
                <a:gd name="connsiteY5" fmla="*/ 4081350 h 4805250"/>
                <a:gd name="connsiteX6" fmla="*/ 2050781 w 4031100"/>
                <a:gd name="connsiteY6" fmla="*/ 4805250 h 4805250"/>
                <a:gd name="connsiteX7" fmla="*/ 844281 w 4031100"/>
                <a:gd name="connsiteY7" fmla="*/ 4322650 h 4805250"/>
                <a:gd name="connsiteX8" fmla="*/ 723900 w 4031100"/>
                <a:gd name="connsiteY8" fmla="*/ 3817155 h 4805250"/>
                <a:gd name="connsiteX9" fmla="*/ 0 w 4031100"/>
                <a:gd name="connsiteY9" fmla="*/ 0 h 4805250"/>
                <a:gd name="connsiteX0" fmla="*/ 0 w 4031100"/>
                <a:gd name="connsiteY0" fmla="*/ 0 h 4805250"/>
                <a:gd name="connsiteX1" fmla="*/ 3468173 w 4031100"/>
                <a:gd name="connsiteY1" fmla="*/ 558800 h 4805250"/>
                <a:gd name="connsiteX2" fmla="*/ 3955781 w 4031100"/>
                <a:gd name="connsiteY2" fmla="*/ 2366850 h 4805250"/>
                <a:gd name="connsiteX3" fmla="*/ 3612881 w 4031100"/>
                <a:gd name="connsiteY3" fmla="*/ 3154250 h 4805250"/>
                <a:gd name="connsiteX4" fmla="*/ 3739881 w 4031100"/>
                <a:gd name="connsiteY4" fmla="*/ 3649550 h 4805250"/>
                <a:gd name="connsiteX5" fmla="*/ 2800081 w 4031100"/>
                <a:gd name="connsiteY5" fmla="*/ 4081350 h 4805250"/>
                <a:gd name="connsiteX6" fmla="*/ 2050781 w 4031100"/>
                <a:gd name="connsiteY6" fmla="*/ 4805250 h 4805250"/>
                <a:gd name="connsiteX7" fmla="*/ 844281 w 4031100"/>
                <a:gd name="connsiteY7" fmla="*/ 4322650 h 4805250"/>
                <a:gd name="connsiteX8" fmla="*/ 723900 w 4031100"/>
                <a:gd name="connsiteY8" fmla="*/ 3817155 h 4805250"/>
                <a:gd name="connsiteX9" fmla="*/ 0 w 4031100"/>
                <a:gd name="connsiteY9" fmla="*/ 0 h 4805250"/>
                <a:gd name="connsiteX0" fmla="*/ 0 w 4031100"/>
                <a:gd name="connsiteY0" fmla="*/ 0 h 4815880"/>
                <a:gd name="connsiteX1" fmla="*/ 3468173 w 4031100"/>
                <a:gd name="connsiteY1" fmla="*/ 558800 h 4815880"/>
                <a:gd name="connsiteX2" fmla="*/ 3955781 w 4031100"/>
                <a:gd name="connsiteY2" fmla="*/ 2366850 h 4815880"/>
                <a:gd name="connsiteX3" fmla="*/ 3612881 w 4031100"/>
                <a:gd name="connsiteY3" fmla="*/ 3154250 h 4815880"/>
                <a:gd name="connsiteX4" fmla="*/ 3739881 w 4031100"/>
                <a:gd name="connsiteY4" fmla="*/ 3649550 h 4815880"/>
                <a:gd name="connsiteX5" fmla="*/ 2800081 w 4031100"/>
                <a:gd name="connsiteY5" fmla="*/ 4081350 h 4815880"/>
                <a:gd name="connsiteX6" fmla="*/ 2050781 w 4031100"/>
                <a:gd name="connsiteY6" fmla="*/ 4805250 h 4815880"/>
                <a:gd name="connsiteX7" fmla="*/ 1707881 w 4031100"/>
                <a:gd name="connsiteY7" fmla="*/ 4500450 h 4815880"/>
                <a:gd name="connsiteX8" fmla="*/ 844281 w 4031100"/>
                <a:gd name="connsiteY8" fmla="*/ 4322650 h 4815880"/>
                <a:gd name="connsiteX9" fmla="*/ 723900 w 4031100"/>
                <a:gd name="connsiteY9" fmla="*/ 3817155 h 4815880"/>
                <a:gd name="connsiteX10" fmla="*/ 0 w 4031100"/>
                <a:gd name="connsiteY10" fmla="*/ 0 h 4815880"/>
                <a:gd name="connsiteX0" fmla="*/ 0 w 4031100"/>
                <a:gd name="connsiteY0" fmla="*/ 0 h 4813031"/>
                <a:gd name="connsiteX1" fmla="*/ 3468173 w 4031100"/>
                <a:gd name="connsiteY1" fmla="*/ 558800 h 4813031"/>
                <a:gd name="connsiteX2" fmla="*/ 3955781 w 4031100"/>
                <a:gd name="connsiteY2" fmla="*/ 2366850 h 4813031"/>
                <a:gd name="connsiteX3" fmla="*/ 3612881 w 4031100"/>
                <a:gd name="connsiteY3" fmla="*/ 3154250 h 4813031"/>
                <a:gd name="connsiteX4" fmla="*/ 3739881 w 4031100"/>
                <a:gd name="connsiteY4" fmla="*/ 3649550 h 4813031"/>
                <a:gd name="connsiteX5" fmla="*/ 2800081 w 4031100"/>
                <a:gd name="connsiteY5" fmla="*/ 4081350 h 4813031"/>
                <a:gd name="connsiteX6" fmla="*/ 2050781 w 4031100"/>
                <a:gd name="connsiteY6" fmla="*/ 4805250 h 4813031"/>
                <a:gd name="connsiteX7" fmla="*/ 1847581 w 4031100"/>
                <a:gd name="connsiteY7" fmla="*/ 4373450 h 4813031"/>
                <a:gd name="connsiteX8" fmla="*/ 844281 w 4031100"/>
                <a:gd name="connsiteY8" fmla="*/ 4322650 h 4813031"/>
                <a:gd name="connsiteX9" fmla="*/ 723900 w 4031100"/>
                <a:gd name="connsiteY9" fmla="*/ 3817155 h 4813031"/>
                <a:gd name="connsiteX10" fmla="*/ 0 w 4031100"/>
                <a:gd name="connsiteY10" fmla="*/ 0 h 4813031"/>
                <a:gd name="connsiteX0" fmla="*/ 0 w 4031100"/>
                <a:gd name="connsiteY0" fmla="*/ 0 h 4808719"/>
                <a:gd name="connsiteX1" fmla="*/ 3468173 w 4031100"/>
                <a:gd name="connsiteY1" fmla="*/ 558800 h 4808719"/>
                <a:gd name="connsiteX2" fmla="*/ 3955781 w 4031100"/>
                <a:gd name="connsiteY2" fmla="*/ 2366850 h 4808719"/>
                <a:gd name="connsiteX3" fmla="*/ 3612881 w 4031100"/>
                <a:gd name="connsiteY3" fmla="*/ 3154250 h 4808719"/>
                <a:gd name="connsiteX4" fmla="*/ 3739881 w 4031100"/>
                <a:gd name="connsiteY4" fmla="*/ 3649550 h 4808719"/>
                <a:gd name="connsiteX5" fmla="*/ 2800081 w 4031100"/>
                <a:gd name="connsiteY5" fmla="*/ 4081350 h 4808719"/>
                <a:gd name="connsiteX6" fmla="*/ 2050781 w 4031100"/>
                <a:gd name="connsiteY6" fmla="*/ 4805250 h 4808719"/>
                <a:gd name="connsiteX7" fmla="*/ 1847581 w 4031100"/>
                <a:gd name="connsiteY7" fmla="*/ 4373450 h 4808719"/>
                <a:gd name="connsiteX8" fmla="*/ 844281 w 4031100"/>
                <a:gd name="connsiteY8" fmla="*/ 4322650 h 4808719"/>
                <a:gd name="connsiteX9" fmla="*/ 723900 w 4031100"/>
                <a:gd name="connsiteY9" fmla="*/ 3817155 h 4808719"/>
                <a:gd name="connsiteX10" fmla="*/ 0 w 4031100"/>
                <a:gd name="connsiteY10" fmla="*/ 0 h 4808719"/>
                <a:gd name="connsiteX0" fmla="*/ 0 w 4031100"/>
                <a:gd name="connsiteY0" fmla="*/ 0 h 4808719"/>
                <a:gd name="connsiteX1" fmla="*/ 3468173 w 4031100"/>
                <a:gd name="connsiteY1" fmla="*/ 558800 h 4808719"/>
                <a:gd name="connsiteX2" fmla="*/ 3955781 w 4031100"/>
                <a:gd name="connsiteY2" fmla="*/ 2366850 h 4808719"/>
                <a:gd name="connsiteX3" fmla="*/ 3612881 w 4031100"/>
                <a:gd name="connsiteY3" fmla="*/ 3154250 h 4808719"/>
                <a:gd name="connsiteX4" fmla="*/ 3739881 w 4031100"/>
                <a:gd name="connsiteY4" fmla="*/ 3649550 h 4808719"/>
                <a:gd name="connsiteX5" fmla="*/ 2800081 w 4031100"/>
                <a:gd name="connsiteY5" fmla="*/ 4081350 h 4808719"/>
                <a:gd name="connsiteX6" fmla="*/ 2050781 w 4031100"/>
                <a:gd name="connsiteY6" fmla="*/ 4805250 h 4808719"/>
                <a:gd name="connsiteX7" fmla="*/ 1847581 w 4031100"/>
                <a:gd name="connsiteY7" fmla="*/ 4373450 h 4808719"/>
                <a:gd name="connsiteX8" fmla="*/ 882381 w 4031100"/>
                <a:gd name="connsiteY8" fmla="*/ 4157550 h 4808719"/>
                <a:gd name="connsiteX9" fmla="*/ 723900 w 4031100"/>
                <a:gd name="connsiteY9" fmla="*/ 3817155 h 4808719"/>
                <a:gd name="connsiteX10" fmla="*/ 0 w 4031100"/>
                <a:gd name="connsiteY10" fmla="*/ 0 h 4808719"/>
                <a:gd name="connsiteX0" fmla="*/ 0 w 4031100"/>
                <a:gd name="connsiteY0" fmla="*/ 0 h 4808436"/>
                <a:gd name="connsiteX1" fmla="*/ 3468173 w 4031100"/>
                <a:gd name="connsiteY1" fmla="*/ 558800 h 4808436"/>
                <a:gd name="connsiteX2" fmla="*/ 3955781 w 4031100"/>
                <a:gd name="connsiteY2" fmla="*/ 2366850 h 4808436"/>
                <a:gd name="connsiteX3" fmla="*/ 3612881 w 4031100"/>
                <a:gd name="connsiteY3" fmla="*/ 3154250 h 4808436"/>
                <a:gd name="connsiteX4" fmla="*/ 3739881 w 4031100"/>
                <a:gd name="connsiteY4" fmla="*/ 3649550 h 4808436"/>
                <a:gd name="connsiteX5" fmla="*/ 2800081 w 4031100"/>
                <a:gd name="connsiteY5" fmla="*/ 4081350 h 4808436"/>
                <a:gd name="connsiteX6" fmla="*/ 2050781 w 4031100"/>
                <a:gd name="connsiteY6" fmla="*/ 4805250 h 4808436"/>
                <a:gd name="connsiteX7" fmla="*/ 1796781 w 4031100"/>
                <a:gd name="connsiteY7" fmla="*/ 4335350 h 4808436"/>
                <a:gd name="connsiteX8" fmla="*/ 882381 w 4031100"/>
                <a:gd name="connsiteY8" fmla="*/ 4157550 h 4808436"/>
                <a:gd name="connsiteX9" fmla="*/ 723900 w 4031100"/>
                <a:gd name="connsiteY9" fmla="*/ 3817155 h 4808436"/>
                <a:gd name="connsiteX10" fmla="*/ 0 w 4031100"/>
                <a:gd name="connsiteY10" fmla="*/ 0 h 4808436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882381 w 4031100"/>
                <a:gd name="connsiteY8" fmla="*/ 4157550 h 4808127"/>
                <a:gd name="connsiteX9" fmla="*/ 723900 w 4031100"/>
                <a:gd name="connsiteY9" fmla="*/ 3817155 h 4808127"/>
                <a:gd name="connsiteX10" fmla="*/ 0 w 4031100"/>
                <a:gd name="connsiteY10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882381 w 4031100"/>
                <a:gd name="connsiteY8" fmla="*/ 4157550 h 4808127"/>
                <a:gd name="connsiteX9" fmla="*/ 736600 w 4031100"/>
                <a:gd name="connsiteY9" fmla="*/ 3448855 h 4808127"/>
                <a:gd name="connsiteX10" fmla="*/ 0 w 4031100"/>
                <a:gd name="connsiteY10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33181 w 4031100"/>
                <a:gd name="connsiteY8" fmla="*/ 4119450 h 4808127"/>
                <a:gd name="connsiteX9" fmla="*/ 736600 w 4031100"/>
                <a:gd name="connsiteY9" fmla="*/ 3448855 h 4808127"/>
                <a:gd name="connsiteX10" fmla="*/ 0 w 4031100"/>
                <a:gd name="connsiteY10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33181 w 4031100"/>
                <a:gd name="connsiteY8" fmla="*/ 4119450 h 4808127"/>
                <a:gd name="connsiteX9" fmla="*/ 736600 w 4031100"/>
                <a:gd name="connsiteY9" fmla="*/ 3448855 h 4808127"/>
                <a:gd name="connsiteX10" fmla="*/ 0 w 4031100"/>
                <a:gd name="connsiteY10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33181 w 4031100"/>
                <a:gd name="connsiteY8" fmla="*/ 4119450 h 4808127"/>
                <a:gd name="connsiteX9" fmla="*/ 495300 w 4031100"/>
                <a:gd name="connsiteY9" fmla="*/ 3029755 h 4808127"/>
                <a:gd name="connsiteX10" fmla="*/ 0 w 4031100"/>
                <a:gd name="connsiteY10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495300 w 4031100"/>
                <a:gd name="connsiteY9" fmla="*/ 3029755 h 4808127"/>
                <a:gd name="connsiteX10" fmla="*/ 0 w 4031100"/>
                <a:gd name="connsiteY10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495300 w 4031100"/>
                <a:gd name="connsiteY9" fmla="*/ 3029755 h 4808127"/>
                <a:gd name="connsiteX10" fmla="*/ 0 w 4031100"/>
                <a:gd name="connsiteY10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823644 w 4031100"/>
                <a:gd name="connsiteY9" fmla="*/ 3844815 h 4808127"/>
                <a:gd name="connsiteX10" fmla="*/ 495300 w 4031100"/>
                <a:gd name="connsiteY10" fmla="*/ 3029755 h 4808127"/>
                <a:gd name="connsiteX11" fmla="*/ 0 w 4031100"/>
                <a:gd name="connsiteY11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899844 w 4031100"/>
                <a:gd name="connsiteY9" fmla="*/ 3768615 h 4808127"/>
                <a:gd name="connsiteX10" fmla="*/ 495300 w 4031100"/>
                <a:gd name="connsiteY10" fmla="*/ 3029755 h 4808127"/>
                <a:gd name="connsiteX11" fmla="*/ 0 w 4031100"/>
                <a:gd name="connsiteY11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899844 w 4031100"/>
                <a:gd name="connsiteY9" fmla="*/ 3768615 h 4808127"/>
                <a:gd name="connsiteX10" fmla="*/ 495300 w 4031100"/>
                <a:gd name="connsiteY10" fmla="*/ 3029755 h 4808127"/>
                <a:gd name="connsiteX11" fmla="*/ 0 w 4031100"/>
                <a:gd name="connsiteY11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495300 w 4031100"/>
                <a:gd name="connsiteY10" fmla="*/ 3029755 h 4808127"/>
                <a:gd name="connsiteX11" fmla="*/ 0 w 4031100"/>
                <a:gd name="connsiteY11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495300 w 4031100"/>
                <a:gd name="connsiteY10" fmla="*/ 3029755 h 4808127"/>
                <a:gd name="connsiteX11" fmla="*/ 0 w 4031100"/>
                <a:gd name="connsiteY11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647431 w 4031100"/>
                <a:gd name="connsiteY10" fmla="*/ 3463815 h 4808127"/>
                <a:gd name="connsiteX11" fmla="*/ 495300 w 4031100"/>
                <a:gd name="connsiteY11" fmla="*/ 3029755 h 4808127"/>
                <a:gd name="connsiteX12" fmla="*/ 0 w 4031100"/>
                <a:gd name="connsiteY12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495300 w 4031100"/>
                <a:gd name="connsiteY11" fmla="*/ 3029755 h 4808127"/>
                <a:gd name="connsiteX12" fmla="*/ 0 w 4031100"/>
                <a:gd name="connsiteY12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495300 w 4031100"/>
                <a:gd name="connsiteY11" fmla="*/ 3029755 h 4808127"/>
                <a:gd name="connsiteX12" fmla="*/ 0 w 4031100"/>
                <a:gd name="connsiteY12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537894 w 4031100"/>
                <a:gd name="connsiteY11" fmla="*/ 3220927 h 4808127"/>
                <a:gd name="connsiteX12" fmla="*/ 495300 w 4031100"/>
                <a:gd name="connsiteY12" fmla="*/ 3029755 h 4808127"/>
                <a:gd name="connsiteX13" fmla="*/ 0 w 4031100"/>
                <a:gd name="connsiteY13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56956 w 4031100"/>
                <a:gd name="connsiteY11" fmla="*/ 3206640 h 4808127"/>
                <a:gd name="connsiteX12" fmla="*/ 495300 w 4031100"/>
                <a:gd name="connsiteY12" fmla="*/ 3029755 h 4808127"/>
                <a:gd name="connsiteX13" fmla="*/ 0 w 4031100"/>
                <a:gd name="connsiteY13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85531 w 4031100"/>
                <a:gd name="connsiteY11" fmla="*/ 3159015 h 4808127"/>
                <a:gd name="connsiteX12" fmla="*/ 495300 w 4031100"/>
                <a:gd name="connsiteY12" fmla="*/ 3029755 h 4808127"/>
                <a:gd name="connsiteX13" fmla="*/ 0 w 4031100"/>
                <a:gd name="connsiteY13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85531 w 4031100"/>
                <a:gd name="connsiteY11" fmla="*/ 3159015 h 4808127"/>
                <a:gd name="connsiteX12" fmla="*/ 495300 w 4031100"/>
                <a:gd name="connsiteY12" fmla="*/ 3029755 h 4808127"/>
                <a:gd name="connsiteX13" fmla="*/ 0 w 4031100"/>
                <a:gd name="connsiteY13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718869 w 4031100"/>
                <a:gd name="connsiteY11" fmla="*/ 3339990 h 4808127"/>
                <a:gd name="connsiteX12" fmla="*/ 685531 w 4031100"/>
                <a:gd name="connsiteY12" fmla="*/ 3159015 h 4808127"/>
                <a:gd name="connsiteX13" fmla="*/ 495300 w 4031100"/>
                <a:gd name="connsiteY13" fmla="*/ 3029755 h 4808127"/>
                <a:gd name="connsiteX14" fmla="*/ 0 w 4031100"/>
                <a:gd name="connsiteY14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0081 w 4031100"/>
                <a:gd name="connsiteY5" fmla="*/ 4081350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71244 w 4031100"/>
                <a:gd name="connsiteY11" fmla="*/ 3354277 h 4808127"/>
                <a:gd name="connsiteX12" fmla="*/ 685531 w 4031100"/>
                <a:gd name="connsiteY12" fmla="*/ 3159015 h 4808127"/>
                <a:gd name="connsiteX13" fmla="*/ 495300 w 4031100"/>
                <a:gd name="connsiteY13" fmla="*/ 3029755 h 4808127"/>
                <a:gd name="connsiteX14" fmla="*/ 0 w 4031100"/>
                <a:gd name="connsiteY14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9606 w 4031100"/>
                <a:gd name="connsiteY5" fmla="*/ 4114687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71244 w 4031100"/>
                <a:gd name="connsiteY11" fmla="*/ 3354277 h 4808127"/>
                <a:gd name="connsiteX12" fmla="*/ 685531 w 4031100"/>
                <a:gd name="connsiteY12" fmla="*/ 3159015 h 4808127"/>
                <a:gd name="connsiteX13" fmla="*/ 495300 w 4031100"/>
                <a:gd name="connsiteY13" fmla="*/ 3029755 h 4808127"/>
                <a:gd name="connsiteX14" fmla="*/ 0 w 4031100"/>
                <a:gd name="connsiteY14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09606 w 4031100"/>
                <a:gd name="connsiteY5" fmla="*/ 4114687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71244 w 4031100"/>
                <a:gd name="connsiteY11" fmla="*/ 3354277 h 4808127"/>
                <a:gd name="connsiteX12" fmla="*/ 685531 w 4031100"/>
                <a:gd name="connsiteY12" fmla="*/ 3159015 h 4808127"/>
                <a:gd name="connsiteX13" fmla="*/ 495300 w 4031100"/>
                <a:gd name="connsiteY13" fmla="*/ 3029755 h 4808127"/>
                <a:gd name="connsiteX14" fmla="*/ 0 w 4031100"/>
                <a:gd name="connsiteY14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14369 w 4031100"/>
                <a:gd name="connsiteY5" fmla="*/ 4124212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71244 w 4031100"/>
                <a:gd name="connsiteY11" fmla="*/ 3354277 h 4808127"/>
                <a:gd name="connsiteX12" fmla="*/ 685531 w 4031100"/>
                <a:gd name="connsiteY12" fmla="*/ 3159015 h 4808127"/>
                <a:gd name="connsiteX13" fmla="*/ 495300 w 4031100"/>
                <a:gd name="connsiteY13" fmla="*/ 3029755 h 4808127"/>
                <a:gd name="connsiteX14" fmla="*/ 0 w 4031100"/>
                <a:gd name="connsiteY14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14369 w 4031100"/>
                <a:gd name="connsiteY5" fmla="*/ 4124212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71244 w 4031100"/>
                <a:gd name="connsiteY11" fmla="*/ 3354277 h 4808127"/>
                <a:gd name="connsiteX12" fmla="*/ 685531 w 4031100"/>
                <a:gd name="connsiteY12" fmla="*/ 3159015 h 4808127"/>
                <a:gd name="connsiteX13" fmla="*/ 495300 w 4031100"/>
                <a:gd name="connsiteY13" fmla="*/ 3029755 h 4808127"/>
                <a:gd name="connsiteX14" fmla="*/ 0 w 4031100"/>
                <a:gd name="connsiteY14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14369 w 4031100"/>
                <a:gd name="connsiteY5" fmla="*/ 4124212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80769 w 4031100"/>
                <a:gd name="connsiteY11" fmla="*/ 3373327 h 4808127"/>
                <a:gd name="connsiteX12" fmla="*/ 685531 w 4031100"/>
                <a:gd name="connsiteY12" fmla="*/ 3159015 h 4808127"/>
                <a:gd name="connsiteX13" fmla="*/ 495300 w 4031100"/>
                <a:gd name="connsiteY13" fmla="*/ 3029755 h 4808127"/>
                <a:gd name="connsiteX14" fmla="*/ 0 w 4031100"/>
                <a:gd name="connsiteY14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14369 w 4031100"/>
                <a:gd name="connsiteY5" fmla="*/ 4124212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80769 w 4031100"/>
                <a:gd name="connsiteY11" fmla="*/ 3373327 h 4808127"/>
                <a:gd name="connsiteX12" fmla="*/ 685531 w 4031100"/>
                <a:gd name="connsiteY12" fmla="*/ 3159015 h 4808127"/>
                <a:gd name="connsiteX13" fmla="*/ 414337 w 4031100"/>
                <a:gd name="connsiteY13" fmla="*/ 2934505 h 4808127"/>
                <a:gd name="connsiteX14" fmla="*/ 0 w 4031100"/>
                <a:gd name="connsiteY14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14369 w 4031100"/>
                <a:gd name="connsiteY5" fmla="*/ 4124212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80769 w 4031100"/>
                <a:gd name="connsiteY11" fmla="*/ 3373327 h 4808127"/>
                <a:gd name="connsiteX12" fmla="*/ 685531 w 4031100"/>
                <a:gd name="connsiteY12" fmla="*/ 3159015 h 4808127"/>
                <a:gd name="connsiteX13" fmla="*/ 414337 w 4031100"/>
                <a:gd name="connsiteY13" fmla="*/ 2934505 h 4808127"/>
                <a:gd name="connsiteX14" fmla="*/ 260081 w 4031100"/>
                <a:gd name="connsiteY14" fmla="*/ 1903302 h 4808127"/>
                <a:gd name="connsiteX15" fmla="*/ 0 w 4031100"/>
                <a:gd name="connsiteY15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14369 w 4031100"/>
                <a:gd name="connsiteY5" fmla="*/ 4124212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80769 w 4031100"/>
                <a:gd name="connsiteY11" fmla="*/ 3373327 h 4808127"/>
                <a:gd name="connsiteX12" fmla="*/ 685531 w 4031100"/>
                <a:gd name="connsiteY12" fmla="*/ 3159015 h 4808127"/>
                <a:gd name="connsiteX13" fmla="*/ 414337 w 4031100"/>
                <a:gd name="connsiteY13" fmla="*/ 2934505 h 4808127"/>
                <a:gd name="connsiteX14" fmla="*/ 526781 w 4031100"/>
                <a:gd name="connsiteY14" fmla="*/ 2011252 h 4808127"/>
                <a:gd name="connsiteX15" fmla="*/ 0 w 4031100"/>
                <a:gd name="connsiteY15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14369 w 4031100"/>
                <a:gd name="connsiteY5" fmla="*/ 4124212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80769 w 4031100"/>
                <a:gd name="connsiteY11" fmla="*/ 3373327 h 4808127"/>
                <a:gd name="connsiteX12" fmla="*/ 685531 w 4031100"/>
                <a:gd name="connsiteY12" fmla="*/ 3159015 h 4808127"/>
                <a:gd name="connsiteX13" fmla="*/ 414337 w 4031100"/>
                <a:gd name="connsiteY13" fmla="*/ 2934505 h 4808127"/>
                <a:gd name="connsiteX14" fmla="*/ 526781 w 4031100"/>
                <a:gd name="connsiteY14" fmla="*/ 2011252 h 4808127"/>
                <a:gd name="connsiteX15" fmla="*/ 0 w 4031100"/>
                <a:gd name="connsiteY15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14369 w 4031100"/>
                <a:gd name="connsiteY5" fmla="*/ 4124212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80769 w 4031100"/>
                <a:gd name="connsiteY11" fmla="*/ 3373327 h 4808127"/>
                <a:gd name="connsiteX12" fmla="*/ 685531 w 4031100"/>
                <a:gd name="connsiteY12" fmla="*/ 3159015 h 4808127"/>
                <a:gd name="connsiteX13" fmla="*/ 414337 w 4031100"/>
                <a:gd name="connsiteY13" fmla="*/ 2934505 h 4808127"/>
                <a:gd name="connsiteX14" fmla="*/ 526781 w 4031100"/>
                <a:gd name="connsiteY14" fmla="*/ 2011252 h 4808127"/>
                <a:gd name="connsiteX15" fmla="*/ 336281 w 4031100"/>
                <a:gd name="connsiteY15" fmla="*/ 1293702 h 4808127"/>
                <a:gd name="connsiteX16" fmla="*/ 0 w 4031100"/>
                <a:gd name="connsiteY16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14369 w 4031100"/>
                <a:gd name="connsiteY5" fmla="*/ 4124212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80769 w 4031100"/>
                <a:gd name="connsiteY11" fmla="*/ 3373327 h 4808127"/>
                <a:gd name="connsiteX12" fmla="*/ 685531 w 4031100"/>
                <a:gd name="connsiteY12" fmla="*/ 3159015 h 4808127"/>
                <a:gd name="connsiteX13" fmla="*/ 414337 w 4031100"/>
                <a:gd name="connsiteY13" fmla="*/ 2934505 h 4808127"/>
                <a:gd name="connsiteX14" fmla="*/ 526781 w 4031100"/>
                <a:gd name="connsiteY14" fmla="*/ 2011252 h 4808127"/>
                <a:gd name="connsiteX15" fmla="*/ 755381 w 4031100"/>
                <a:gd name="connsiteY15" fmla="*/ 1173052 h 4808127"/>
                <a:gd name="connsiteX16" fmla="*/ 0 w 4031100"/>
                <a:gd name="connsiteY16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14369 w 4031100"/>
                <a:gd name="connsiteY5" fmla="*/ 4124212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80769 w 4031100"/>
                <a:gd name="connsiteY11" fmla="*/ 3373327 h 4808127"/>
                <a:gd name="connsiteX12" fmla="*/ 685531 w 4031100"/>
                <a:gd name="connsiteY12" fmla="*/ 3159015 h 4808127"/>
                <a:gd name="connsiteX13" fmla="*/ 414337 w 4031100"/>
                <a:gd name="connsiteY13" fmla="*/ 2934505 h 4808127"/>
                <a:gd name="connsiteX14" fmla="*/ 526781 w 4031100"/>
                <a:gd name="connsiteY14" fmla="*/ 2011252 h 4808127"/>
                <a:gd name="connsiteX15" fmla="*/ 755381 w 4031100"/>
                <a:gd name="connsiteY15" fmla="*/ 1173052 h 4808127"/>
                <a:gd name="connsiteX16" fmla="*/ 0 w 4031100"/>
                <a:gd name="connsiteY16" fmla="*/ 0 h 4808127"/>
                <a:gd name="connsiteX0" fmla="*/ 0 w 4031100"/>
                <a:gd name="connsiteY0" fmla="*/ 0 h 4808127"/>
                <a:gd name="connsiteX1" fmla="*/ 3468173 w 4031100"/>
                <a:gd name="connsiteY1" fmla="*/ 558800 h 4808127"/>
                <a:gd name="connsiteX2" fmla="*/ 3955781 w 4031100"/>
                <a:gd name="connsiteY2" fmla="*/ 2366850 h 4808127"/>
                <a:gd name="connsiteX3" fmla="*/ 3612881 w 4031100"/>
                <a:gd name="connsiteY3" fmla="*/ 3154250 h 4808127"/>
                <a:gd name="connsiteX4" fmla="*/ 3739881 w 4031100"/>
                <a:gd name="connsiteY4" fmla="*/ 3649550 h 4808127"/>
                <a:gd name="connsiteX5" fmla="*/ 2814369 w 4031100"/>
                <a:gd name="connsiteY5" fmla="*/ 4124212 h 4808127"/>
                <a:gd name="connsiteX6" fmla="*/ 2050781 w 4031100"/>
                <a:gd name="connsiteY6" fmla="*/ 4805250 h 4808127"/>
                <a:gd name="connsiteX7" fmla="*/ 1796781 w 4031100"/>
                <a:gd name="connsiteY7" fmla="*/ 4335350 h 4808127"/>
                <a:gd name="connsiteX8" fmla="*/ 971281 w 4031100"/>
                <a:gd name="connsiteY8" fmla="*/ 4170250 h 4808127"/>
                <a:gd name="connsiteX9" fmla="*/ 909369 w 4031100"/>
                <a:gd name="connsiteY9" fmla="*/ 3759090 h 4808127"/>
                <a:gd name="connsiteX10" fmla="*/ 761731 w 4031100"/>
                <a:gd name="connsiteY10" fmla="*/ 3501915 h 4808127"/>
                <a:gd name="connsiteX11" fmla="*/ 680769 w 4031100"/>
                <a:gd name="connsiteY11" fmla="*/ 3373327 h 4808127"/>
                <a:gd name="connsiteX12" fmla="*/ 685531 w 4031100"/>
                <a:gd name="connsiteY12" fmla="*/ 3159015 h 4808127"/>
                <a:gd name="connsiteX13" fmla="*/ 414337 w 4031100"/>
                <a:gd name="connsiteY13" fmla="*/ 2934505 h 4808127"/>
                <a:gd name="connsiteX14" fmla="*/ 526781 w 4031100"/>
                <a:gd name="connsiteY14" fmla="*/ 2011252 h 4808127"/>
                <a:gd name="connsiteX15" fmla="*/ 755381 w 4031100"/>
                <a:gd name="connsiteY15" fmla="*/ 1173052 h 4808127"/>
                <a:gd name="connsiteX16" fmla="*/ 0 w 4031100"/>
                <a:gd name="connsiteY16" fmla="*/ 0 h 4808127"/>
                <a:gd name="connsiteX0" fmla="*/ 354523 w 3630242"/>
                <a:gd name="connsiteY0" fmla="*/ 614252 h 4249327"/>
                <a:gd name="connsiteX1" fmla="*/ 3067315 w 3630242"/>
                <a:gd name="connsiteY1" fmla="*/ 0 h 4249327"/>
                <a:gd name="connsiteX2" fmla="*/ 3554923 w 3630242"/>
                <a:gd name="connsiteY2" fmla="*/ 1808050 h 4249327"/>
                <a:gd name="connsiteX3" fmla="*/ 3212023 w 3630242"/>
                <a:gd name="connsiteY3" fmla="*/ 2595450 h 4249327"/>
                <a:gd name="connsiteX4" fmla="*/ 3339023 w 3630242"/>
                <a:gd name="connsiteY4" fmla="*/ 3090750 h 4249327"/>
                <a:gd name="connsiteX5" fmla="*/ 2413511 w 3630242"/>
                <a:gd name="connsiteY5" fmla="*/ 3565412 h 4249327"/>
                <a:gd name="connsiteX6" fmla="*/ 1649923 w 3630242"/>
                <a:gd name="connsiteY6" fmla="*/ 4246450 h 4249327"/>
                <a:gd name="connsiteX7" fmla="*/ 1395923 w 3630242"/>
                <a:gd name="connsiteY7" fmla="*/ 3776550 h 4249327"/>
                <a:gd name="connsiteX8" fmla="*/ 570423 w 3630242"/>
                <a:gd name="connsiteY8" fmla="*/ 3611450 h 4249327"/>
                <a:gd name="connsiteX9" fmla="*/ 508511 w 3630242"/>
                <a:gd name="connsiteY9" fmla="*/ 3200290 h 4249327"/>
                <a:gd name="connsiteX10" fmla="*/ 360873 w 3630242"/>
                <a:gd name="connsiteY10" fmla="*/ 2943115 h 4249327"/>
                <a:gd name="connsiteX11" fmla="*/ 279911 w 3630242"/>
                <a:gd name="connsiteY11" fmla="*/ 2814527 h 4249327"/>
                <a:gd name="connsiteX12" fmla="*/ 284673 w 3630242"/>
                <a:gd name="connsiteY12" fmla="*/ 2600215 h 4249327"/>
                <a:gd name="connsiteX13" fmla="*/ 13479 w 3630242"/>
                <a:gd name="connsiteY13" fmla="*/ 2375705 h 4249327"/>
                <a:gd name="connsiteX14" fmla="*/ 125923 w 3630242"/>
                <a:gd name="connsiteY14" fmla="*/ 1452452 h 4249327"/>
                <a:gd name="connsiteX15" fmla="*/ 354523 w 3630242"/>
                <a:gd name="connsiteY15" fmla="*/ 614252 h 4249327"/>
                <a:gd name="connsiteX0" fmla="*/ 354523 w 3630242"/>
                <a:gd name="connsiteY0" fmla="*/ 614252 h 4249327"/>
                <a:gd name="connsiteX1" fmla="*/ 1345123 w 3630242"/>
                <a:gd name="connsiteY1" fmla="*/ 385652 h 4249327"/>
                <a:gd name="connsiteX2" fmla="*/ 3067315 w 3630242"/>
                <a:gd name="connsiteY2" fmla="*/ 0 h 4249327"/>
                <a:gd name="connsiteX3" fmla="*/ 3554923 w 3630242"/>
                <a:gd name="connsiteY3" fmla="*/ 1808050 h 4249327"/>
                <a:gd name="connsiteX4" fmla="*/ 3212023 w 3630242"/>
                <a:gd name="connsiteY4" fmla="*/ 2595450 h 4249327"/>
                <a:gd name="connsiteX5" fmla="*/ 3339023 w 3630242"/>
                <a:gd name="connsiteY5" fmla="*/ 3090750 h 4249327"/>
                <a:gd name="connsiteX6" fmla="*/ 2413511 w 3630242"/>
                <a:gd name="connsiteY6" fmla="*/ 3565412 h 4249327"/>
                <a:gd name="connsiteX7" fmla="*/ 1649923 w 3630242"/>
                <a:gd name="connsiteY7" fmla="*/ 4246450 h 4249327"/>
                <a:gd name="connsiteX8" fmla="*/ 1395923 w 3630242"/>
                <a:gd name="connsiteY8" fmla="*/ 3776550 h 4249327"/>
                <a:gd name="connsiteX9" fmla="*/ 570423 w 3630242"/>
                <a:gd name="connsiteY9" fmla="*/ 3611450 h 4249327"/>
                <a:gd name="connsiteX10" fmla="*/ 508511 w 3630242"/>
                <a:gd name="connsiteY10" fmla="*/ 3200290 h 4249327"/>
                <a:gd name="connsiteX11" fmla="*/ 360873 w 3630242"/>
                <a:gd name="connsiteY11" fmla="*/ 2943115 h 4249327"/>
                <a:gd name="connsiteX12" fmla="*/ 279911 w 3630242"/>
                <a:gd name="connsiteY12" fmla="*/ 2814527 h 4249327"/>
                <a:gd name="connsiteX13" fmla="*/ 284673 w 3630242"/>
                <a:gd name="connsiteY13" fmla="*/ 2600215 h 4249327"/>
                <a:gd name="connsiteX14" fmla="*/ 13479 w 3630242"/>
                <a:gd name="connsiteY14" fmla="*/ 2375705 h 4249327"/>
                <a:gd name="connsiteX15" fmla="*/ 125923 w 3630242"/>
                <a:gd name="connsiteY15" fmla="*/ 1452452 h 4249327"/>
                <a:gd name="connsiteX16" fmla="*/ 354523 w 3630242"/>
                <a:gd name="connsiteY16" fmla="*/ 614252 h 4249327"/>
                <a:gd name="connsiteX0" fmla="*/ 354523 w 3630242"/>
                <a:gd name="connsiteY0" fmla="*/ 723900 h 4358975"/>
                <a:gd name="connsiteX1" fmla="*/ 341823 w 3630242"/>
                <a:gd name="connsiteY1" fmla="*/ 0 h 4358975"/>
                <a:gd name="connsiteX2" fmla="*/ 3067315 w 3630242"/>
                <a:gd name="connsiteY2" fmla="*/ 109648 h 4358975"/>
                <a:gd name="connsiteX3" fmla="*/ 3554923 w 3630242"/>
                <a:gd name="connsiteY3" fmla="*/ 1917698 h 4358975"/>
                <a:gd name="connsiteX4" fmla="*/ 3212023 w 3630242"/>
                <a:gd name="connsiteY4" fmla="*/ 2705098 h 4358975"/>
                <a:gd name="connsiteX5" fmla="*/ 3339023 w 3630242"/>
                <a:gd name="connsiteY5" fmla="*/ 3200398 h 4358975"/>
                <a:gd name="connsiteX6" fmla="*/ 2413511 w 3630242"/>
                <a:gd name="connsiteY6" fmla="*/ 3675060 h 4358975"/>
                <a:gd name="connsiteX7" fmla="*/ 1649923 w 3630242"/>
                <a:gd name="connsiteY7" fmla="*/ 4356098 h 4358975"/>
                <a:gd name="connsiteX8" fmla="*/ 1395923 w 3630242"/>
                <a:gd name="connsiteY8" fmla="*/ 3886198 h 4358975"/>
                <a:gd name="connsiteX9" fmla="*/ 570423 w 3630242"/>
                <a:gd name="connsiteY9" fmla="*/ 3721098 h 4358975"/>
                <a:gd name="connsiteX10" fmla="*/ 508511 w 3630242"/>
                <a:gd name="connsiteY10" fmla="*/ 3309938 h 4358975"/>
                <a:gd name="connsiteX11" fmla="*/ 360873 w 3630242"/>
                <a:gd name="connsiteY11" fmla="*/ 3052763 h 4358975"/>
                <a:gd name="connsiteX12" fmla="*/ 279911 w 3630242"/>
                <a:gd name="connsiteY12" fmla="*/ 2924175 h 4358975"/>
                <a:gd name="connsiteX13" fmla="*/ 284673 w 3630242"/>
                <a:gd name="connsiteY13" fmla="*/ 2709863 h 4358975"/>
                <a:gd name="connsiteX14" fmla="*/ 13479 w 3630242"/>
                <a:gd name="connsiteY14" fmla="*/ 2485353 h 4358975"/>
                <a:gd name="connsiteX15" fmla="*/ 125923 w 3630242"/>
                <a:gd name="connsiteY15" fmla="*/ 1562100 h 4358975"/>
                <a:gd name="connsiteX16" fmla="*/ 354523 w 3630242"/>
                <a:gd name="connsiteY16" fmla="*/ 723900 h 4358975"/>
                <a:gd name="connsiteX0" fmla="*/ 354523 w 3630242"/>
                <a:gd name="connsiteY0" fmla="*/ 1080752 h 4715827"/>
                <a:gd name="connsiteX1" fmla="*/ 341823 w 3630242"/>
                <a:gd name="connsiteY1" fmla="*/ 356852 h 4715827"/>
                <a:gd name="connsiteX2" fmla="*/ 3067315 w 3630242"/>
                <a:gd name="connsiteY2" fmla="*/ 466500 h 4715827"/>
                <a:gd name="connsiteX3" fmla="*/ 3554923 w 3630242"/>
                <a:gd name="connsiteY3" fmla="*/ 2274550 h 4715827"/>
                <a:gd name="connsiteX4" fmla="*/ 3212023 w 3630242"/>
                <a:gd name="connsiteY4" fmla="*/ 3061950 h 4715827"/>
                <a:gd name="connsiteX5" fmla="*/ 3339023 w 3630242"/>
                <a:gd name="connsiteY5" fmla="*/ 3557250 h 4715827"/>
                <a:gd name="connsiteX6" fmla="*/ 2413511 w 3630242"/>
                <a:gd name="connsiteY6" fmla="*/ 4031912 h 4715827"/>
                <a:gd name="connsiteX7" fmla="*/ 1649923 w 3630242"/>
                <a:gd name="connsiteY7" fmla="*/ 4712950 h 4715827"/>
                <a:gd name="connsiteX8" fmla="*/ 1395923 w 3630242"/>
                <a:gd name="connsiteY8" fmla="*/ 4243050 h 4715827"/>
                <a:gd name="connsiteX9" fmla="*/ 570423 w 3630242"/>
                <a:gd name="connsiteY9" fmla="*/ 4077950 h 4715827"/>
                <a:gd name="connsiteX10" fmla="*/ 508511 w 3630242"/>
                <a:gd name="connsiteY10" fmla="*/ 3666790 h 4715827"/>
                <a:gd name="connsiteX11" fmla="*/ 360873 w 3630242"/>
                <a:gd name="connsiteY11" fmla="*/ 3409615 h 4715827"/>
                <a:gd name="connsiteX12" fmla="*/ 279911 w 3630242"/>
                <a:gd name="connsiteY12" fmla="*/ 3281027 h 4715827"/>
                <a:gd name="connsiteX13" fmla="*/ 284673 w 3630242"/>
                <a:gd name="connsiteY13" fmla="*/ 3066715 h 4715827"/>
                <a:gd name="connsiteX14" fmla="*/ 13479 w 3630242"/>
                <a:gd name="connsiteY14" fmla="*/ 2842205 h 4715827"/>
                <a:gd name="connsiteX15" fmla="*/ 125923 w 3630242"/>
                <a:gd name="connsiteY15" fmla="*/ 1918952 h 4715827"/>
                <a:gd name="connsiteX16" fmla="*/ 354523 w 3630242"/>
                <a:gd name="connsiteY16" fmla="*/ 1080752 h 4715827"/>
                <a:gd name="connsiteX0" fmla="*/ 354523 w 3630242"/>
                <a:gd name="connsiteY0" fmla="*/ 1080752 h 4715827"/>
                <a:gd name="connsiteX1" fmla="*/ 418023 w 3630242"/>
                <a:gd name="connsiteY1" fmla="*/ 356852 h 4715827"/>
                <a:gd name="connsiteX2" fmla="*/ 3067315 w 3630242"/>
                <a:gd name="connsiteY2" fmla="*/ 466500 h 4715827"/>
                <a:gd name="connsiteX3" fmla="*/ 3554923 w 3630242"/>
                <a:gd name="connsiteY3" fmla="*/ 2274550 h 4715827"/>
                <a:gd name="connsiteX4" fmla="*/ 3212023 w 3630242"/>
                <a:gd name="connsiteY4" fmla="*/ 3061950 h 4715827"/>
                <a:gd name="connsiteX5" fmla="*/ 3339023 w 3630242"/>
                <a:gd name="connsiteY5" fmla="*/ 3557250 h 4715827"/>
                <a:gd name="connsiteX6" fmla="*/ 2413511 w 3630242"/>
                <a:gd name="connsiteY6" fmla="*/ 4031912 h 4715827"/>
                <a:gd name="connsiteX7" fmla="*/ 1649923 w 3630242"/>
                <a:gd name="connsiteY7" fmla="*/ 4712950 h 4715827"/>
                <a:gd name="connsiteX8" fmla="*/ 1395923 w 3630242"/>
                <a:gd name="connsiteY8" fmla="*/ 4243050 h 4715827"/>
                <a:gd name="connsiteX9" fmla="*/ 570423 w 3630242"/>
                <a:gd name="connsiteY9" fmla="*/ 4077950 h 4715827"/>
                <a:gd name="connsiteX10" fmla="*/ 508511 w 3630242"/>
                <a:gd name="connsiteY10" fmla="*/ 3666790 h 4715827"/>
                <a:gd name="connsiteX11" fmla="*/ 360873 w 3630242"/>
                <a:gd name="connsiteY11" fmla="*/ 3409615 h 4715827"/>
                <a:gd name="connsiteX12" fmla="*/ 279911 w 3630242"/>
                <a:gd name="connsiteY12" fmla="*/ 3281027 h 4715827"/>
                <a:gd name="connsiteX13" fmla="*/ 284673 w 3630242"/>
                <a:gd name="connsiteY13" fmla="*/ 3066715 h 4715827"/>
                <a:gd name="connsiteX14" fmla="*/ 13479 w 3630242"/>
                <a:gd name="connsiteY14" fmla="*/ 2842205 h 4715827"/>
                <a:gd name="connsiteX15" fmla="*/ 125923 w 3630242"/>
                <a:gd name="connsiteY15" fmla="*/ 1918952 h 4715827"/>
                <a:gd name="connsiteX16" fmla="*/ 354523 w 3630242"/>
                <a:gd name="connsiteY16" fmla="*/ 1080752 h 4715827"/>
                <a:gd name="connsiteX0" fmla="*/ 354523 w 3630242"/>
                <a:gd name="connsiteY0" fmla="*/ 1141285 h 4776360"/>
                <a:gd name="connsiteX1" fmla="*/ 418023 w 3630242"/>
                <a:gd name="connsiteY1" fmla="*/ 417385 h 4776360"/>
                <a:gd name="connsiteX2" fmla="*/ 3067315 w 3630242"/>
                <a:gd name="connsiteY2" fmla="*/ 527033 h 4776360"/>
                <a:gd name="connsiteX3" fmla="*/ 3554923 w 3630242"/>
                <a:gd name="connsiteY3" fmla="*/ 2335083 h 4776360"/>
                <a:gd name="connsiteX4" fmla="*/ 3212023 w 3630242"/>
                <a:gd name="connsiteY4" fmla="*/ 3122483 h 4776360"/>
                <a:gd name="connsiteX5" fmla="*/ 3339023 w 3630242"/>
                <a:gd name="connsiteY5" fmla="*/ 3617783 h 4776360"/>
                <a:gd name="connsiteX6" fmla="*/ 2413511 w 3630242"/>
                <a:gd name="connsiteY6" fmla="*/ 4092445 h 4776360"/>
                <a:gd name="connsiteX7" fmla="*/ 1649923 w 3630242"/>
                <a:gd name="connsiteY7" fmla="*/ 4773483 h 4776360"/>
                <a:gd name="connsiteX8" fmla="*/ 1395923 w 3630242"/>
                <a:gd name="connsiteY8" fmla="*/ 4303583 h 4776360"/>
                <a:gd name="connsiteX9" fmla="*/ 570423 w 3630242"/>
                <a:gd name="connsiteY9" fmla="*/ 4138483 h 4776360"/>
                <a:gd name="connsiteX10" fmla="*/ 508511 w 3630242"/>
                <a:gd name="connsiteY10" fmla="*/ 3727323 h 4776360"/>
                <a:gd name="connsiteX11" fmla="*/ 360873 w 3630242"/>
                <a:gd name="connsiteY11" fmla="*/ 3470148 h 4776360"/>
                <a:gd name="connsiteX12" fmla="*/ 279911 w 3630242"/>
                <a:gd name="connsiteY12" fmla="*/ 3341560 h 4776360"/>
                <a:gd name="connsiteX13" fmla="*/ 284673 w 3630242"/>
                <a:gd name="connsiteY13" fmla="*/ 3127248 h 4776360"/>
                <a:gd name="connsiteX14" fmla="*/ 13479 w 3630242"/>
                <a:gd name="connsiteY14" fmla="*/ 2902738 h 4776360"/>
                <a:gd name="connsiteX15" fmla="*/ 125923 w 3630242"/>
                <a:gd name="connsiteY15" fmla="*/ 1979485 h 4776360"/>
                <a:gd name="connsiteX16" fmla="*/ 354523 w 3630242"/>
                <a:gd name="connsiteY16" fmla="*/ 1141285 h 4776360"/>
                <a:gd name="connsiteX0" fmla="*/ 354523 w 3641221"/>
                <a:gd name="connsiteY0" fmla="*/ 1149058 h 4784133"/>
                <a:gd name="connsiteX1" fmla="*/ 418023 w 3641221"/>
                <a:gd name="connsiteY1" fmla="*/ 425158 h 4784133"/>
                <a:gd name="connsiteX2" fmla="*/ 3118115 w 3641221"/>
                <a:gd name="connsiteY2" fmla="*/ 509406 h 4784133"/>
                <a:gd name="connsiteX3" fmla="*/ 3554923 w 3641221"/>
                <a:gd name="connsiteY3" fmla="*/ 2342856 h 4784133"/>
                <a:gd name="connsiteX4" fmla="*/ 3212023 w 3641221"/>
                <a:gd name="connsiteY4" fmla="*/ 3130256 h 4784133"/>
                <a:gd name="connsiteX5" fmla="*/ 3339023 w 3641221"/>
                <a:gd name="connsiteY5" fmla="*/ 3625556 h 4784133"/>
                <a:gd name="connsiteX6" fmla="*/ 2413511 w 3641221"/>
                <a:gd name="connsiteY6" fmla="*/ 4100218 h 4784133"/>
                <a:gd name="connsiteX7" fmla="*/ 1649923 w 3641221"/>
                <a:gd name="connsiteY7" fmla="*/ 4781256 h 4784133"/>
                <a:gd name="connsiteX8" fmla="*/ 1395923 w 3641221"/>
                <a:gd name="connsiteY8" fmla="*/ 4311356 h 4784133"/>
                <a:gd name="connsiteX9" fmla="*/ 570423 w 3641221"/>
                <a:gd name="connsiteY9" fmla="*/ 4146256 h 4784133"/>
                <a:gd name="connsiteX10" fmla="*/ 508511 w 3641221"/>
                <a:gd name="connsiteY10" fmla="*/ 3735096 h 4784133"/>
                <a:gd name="connsiteX11" fmla="*/ 360873 w 3641221"/>
                <a:gd name="connsiteY11" fmla="*/ 3477921 h 4784133"/>
                <a:gd name="connsiteX12" fmla="*/ 279911 w 3641221"/>
                <a:gd name="connsiteY12" fmla="*/ 3349333 h 4784133"/>
                <a:gd name="connsiteX13" fmla="*/ 284673 w 3641221"/>
                <a:gd name="connsiteY13" fmla="*/ 3135021 h 4784133"/>
                <a:gd name="connsiteX14" fmla="*/ 13479 w 3641221"/>
                <a:gd name="connsiteY14" fmla="*/ 2910511 h 4784133"/>
                <a:gd name="connsiteX15" fmla="*/ 125923 w 3641221"/>
                <a:gd name="connsiteY15" fmla="*/ 1987258 h 4784133"/>
                <a:gd name="connsiteX16" fmla="*/ 354523 w 3641221"/>
                <a:gd name="connsiteY16" fmla="*/ 1149058 h 4784133"/>
                <a:gd name="connsiteX0" fmla="*/ 354523 w 3639924"/>
                <a:gd name="connsiteY0" fmla="*/ 1149058 h 4784133"/>
                <a:gd name="connsiteX1" fmla="*/ 418023 w 3639924"/>
                <a:gd name="connsiteY1" fmla="*/ 425158 h 4784133"/>
                <a:gd name="connsiteX2" fmla="*/ 3118115 w 3639924"/>
                <a:gd name="connsiteY2" fmla="*/ 509406 h 4784133"/>
                <a:gd name="connsiteX3" fmla="*/ 3554923 w 3639924"/>
                <a:gd name="connsiteY3" fmla="*/ 2342856 h 4784133"/>
                <a:gd name="connsiteX4" fmla="*/ 3212023 w 3639924"/>
                <a:gd name="connsiteY4" fmla="*/ 3130256 h 4784133"/>
                <a:gd name="connsiteX5" fmla="*/ 3339023 w 3639924"/>
                <a:gd name="connsiteY5" fmla="*/ 3625556 h 4784133"/>
                <a:gd name="connsiteX6" fmla="*/ 2413511 w 3639924"/>
                <a:gd name="connsiteY6" fmla="*/ 4100218 h 4784133"/>
                <a:gd name="connsiteX7" fmla="*/ 1649923 w 3639924"/>
                <a:gd name="connsiteY7" fmla="*/ 4781256 h 4784133"/>
                <a:gd name="connsiteX8" fmla="*/ 1395923 w 3639924"/>
                <a:gd name="connsiteY8" fmla="*/ 4311356 h 4784133"/>
                <a:gd name="connsiteX9" fmla="*/ 570423 w 3639924"/>
                <a:gd name="connsiteY9" fmla="*/ 4146256 h 4784133"/>
                <a:gd name="connsiteX10" fmla="*/ 508511 w 3639924"/>
                <a:gd name="connsiteY10" fmla="*/ 3735096 h 4784133"/>
                <a:gd name="connsiteX11" fmla="*/ 360873 w 3639924"/>
                <a:gd name="connsiteY11" fmla="*/ 3477921 h 4784133"/>
                <a:gd name="connsiteX12" fmla="*/ 279911 w 3639924"/>
                <a:gd name="connsiteY12" fmla="*/ 3349333 h 4784133"/>
                <a:gd name="connsiteX13" fmla="*/ 284673 w 3639924"/>
                <a:gd name="connsiteY13" fmla="*/ 3135021 h 4784133"/>
                <a:gd name="connsiteX14" fmla="*/ 13479 w 3639924"/>
                <a:gd name="connsiteY14" fmla="*/ 2910511 h 4784133"/>
                <a:gd name="connsiteX15" fmla="*/ 125923 w 3639924"/>
                <a:gd name="connsiteY15" fmla="*/ 1987258 h 4784133"/>
                <a:gd name="connsiteX16" fmla="*/ 354523 w 3639924"/>
                <a:gd name="connsiteY16" fmla="*/ 1149058 h 4784133"/>
                <a:gd name="connsiteX0" fmla="*/ 354523 w 3639924"/>
                <a:gd name="connsiteY0" fmla="*/ 1149058 h 4784133"/>
                <a:gd name="connsiteX1" fmla="*/ 418023 w 3639924"/>
                <a:gd name="connsiteY1" fmla="*/ 425158 h 4784133"/>
                <a:gd name="connsiteX2" fmla="*/ 3118115 w 3639924"/>
                <a:gd name="connsiteY2" fmla="*/ 509406 h 4784133"/>
                <a:gd name="connsiteX3" fmla="*/ 3554923 w 3639924"/>
                <a:gd name="connsiteY3" fmla="*/ 2342856 h 4784133"/>
                <a:gd name="connsiteX4" fmla="*/ 3212023 w 3639924"/>
                <a:gd name="connsiteY4" fmla="*/ 3130256 h 4784133"/>
                <a:gd name="connsiteX5" fmla="*/ 3339023 w 3639924"/>
                <a:gd name="connsiteY5" fmla="*/ 3625556 h 4784133"/>
                <a:gd name="connsiteX6" fmla="*/ 2413511 w 3639924"/>
                <a:gd name="connsiteY6" fmla="*/ 4100218 h 4784133"/>
                <a:gd name="connsiteX7" fmla="*/ 1649923 w 3639924"/>
                <a:gd name="connsiteY7" fmla="*/ 4781256 h 4784133"/>
                <a:gd name="connsiteX8" fmla="*/ 1395923 w 3639924"/>
                <a:gd name="connsiteY8" fmla="*/ 4311356 h 4784133"/>
                <a:gd name="connsiteX9" fmla="*/ 570423 w 3639924"/>
                <a:gd name="connsiteY9" fmla="*/ 4146256 h 4784133"/>
                <a:gd name="connsiteX10" fmla="*/ 508511 w 3639924"/>
                <a:gd name="connsiteY10" fmla="*/ 3735096 h 4784133"/>
                <a:gd name="connsiteX11" fmla="*/ 360873 w 3639924"/>
                <a:gd name="connsiteY11" fmla="*/ 3477921 h 4784133"/>
                <a:gd name="connsiteX12" fmla="*/ 279911 w 3639924"/>
                <a:gd name="connsiteY12" fmla="*/ 3349333 h 4784133"/>
                <a:gd name="connsiteX13" fmla="*/ 284673 w 3639924"/>
                <a:gd name="connsiteY13" fmla="*/ 3135021 h 4784133"/>
                <a:gd name="connsiteX14" fmla="*/ 13479 w 3639924"/>
                <a:gd name="connsiteY14" fmla="*/ 2910511 h 4784133"/>
                <a:gd name="connsiteX15" fmla="*/ 125923 w 3639924"/>
                <a:gd name="connsiteY15" fmla="*/ 1987258 h 4784133"/>
                <a:gd name="connsiteX16" fmla="*/ 354523 w 3639924"/>
                <a:gd name="connsiteY16" fmla="*/ 1149058 h 4784133"/>
                <a:gd name="connsiteX0" fmla="*/ 354523 w 3639924"/>
                <a:gd name="connsiteY0" fmla="*/ 1155725 h 4790800"/>
                <a:gd name="connsiteX1" fmla="*/ 418023 w 3639924"/>
                <a:gd name="connsiteY1" fmla="*/ 431825 h 4790800"/>
                <a:gd name="connsiteX2" fmla="*/ 3118115 w 3639924"/>
                <a:gd name="connsiteY2" fmla="*/ 516073 h 4790800"/>
                <a:gd name="connsiteX3" fmla="*/ 3554923 w 3639924"/>
                <a:gd name="connsiteY3" fmla="*/ 2349523 h 4790800"/>
                <a:gd name="connsiteX4" fmla="*/ 3212023 w 3639924"/>
                <a:gd name="connsiteY4" fmla="*/ 3136923 h 4790800"/>
                <a:gd name="connsiteX5" fmla="*/ 3339023 w 3639924"/>
                <a:gd name="connsiteY5" fmla="*/ 3632223 h 4790800"/>
                <a:gd name="connsiteX6" fmla="*/ 2413511 w 3639924"/>
                <a:gd name="connsiteY6" fmla="*/ 4106885 h 4790800"/>
                <a:gd name="connsiteX7" fmla="*/ 1649923 w 3639924"/>
                <a:gd name="connsiteY7" fmla="*/ 4787923 h 4790800"/>
                <a:gd name="connsiteX8" fmla="*/ 1395923 w 3639924"/>
                <a:gd name="connsiteY8" fmla="*/ 4318023 h 4790800"/>
                <a:gd name="connsiteX9" fmla="*/ 570423 w 3639924"/>
                <a:gd name="connsiteY9" fmla="*/ 4152923 h 4790800"/>
                <a:gd name="connsiteX10" fmla="*/ 508511 w 3639924"/>
                <a:gd name="connsiteY10" fmla="*/ 3741763 h 4790800"/>
                <a:gd name="connsiteX11" fmla="*/ 360873 w 3639924"/>
                <a:gd name="connsiteY11" fmla="*/ 3484588 h 4790800"/>
                <a:gd name="connsiteX12" fmla="*/ 279911 w 3639924"/>
                <a:gd name="connsiteY12" fmla="*/ 3356000 h 4790800"/>
                <a:gd name="connsiteX13" fmla="*/ 284673 w 3639924"/>
                <a:gd name="connsiteY13" fmla="*/ 3141688 h 4790800"/>
                <a:gd name="connsiteX14" fmla="*/ 13479 w 3639924"/>
                <a:gd name="connsiteY14" fmla="*/ 2917178 h 4790800"/>
                <a:gd name="connsiteX15" fmla="*/ 125923 w 3639924"/>
                <a:gd name="connsiteY15" fmla="*/ 1993925 h 4790800"/>
                <a:gd name="connsiteX16" fmla="*/ 354523 w 3639924"/>
                <a:gd name="connsiteY16" fmla="*/ 1155725 h 4790800"/>
                <a:gd name="connsiteX0" fmla="*/ 354523 w 3639924"/>
                <a:gd name="connsiteY0" fmla="*/ 1155725 h 4790800"/>
                <a:gd name="connsiteX1" fmla="*/ 418023 w 3639924"/>
                <a:gd name="connsiteY1" fmla="*/ 431825 h 4790800"/>
                <a:gd name="connsiteX2" fmla="*/ 3118115 w 3639924"/>
                <a:gd name="connsiteY2" fmla="*/ 516073 h 4790800"/>
                <a:gd name="connsiteX3" fmla="*/ 3554923 w 3639924"/>
                <a:gd name="connsiteY3" fmla="*/ 2349523 h 4790800"/>
                <a:gd name="connsiteX4" fmla="*/ 3212023 w 3639924"/>
                <a:gd name="connsiteY4" fmla="*/ 3136923 h 4790800"/>
                <a:gd name="connsiteX5" fmla="*/ 3339023 w 3639924"/>
                <a:gd name="connsiteY5" fmla="*/ 3632223 h 4790800"/>
                <a:gd name="connsiteX6" fmla="*/ 2413511 w 3639924"/>
                <a:gd name="connsiteY6" fmla="*/ 4106885 h 4790800"/>
                <a:gd name="connsiteX7" fmla="*/ 1649923 w 3639924"/>
                <a:gd name="connsiteY7" fmla="*/ 4787923 h 4790800"/>
                <a:gd name="connsiteX8" fmla="*/ 1395923 w 3639924"/>
                <a:gd name="connsiteY8" fmla="*/ 4318023 h 4790800"/>
                <a:gd name="connsiteX9" fmla="*/ 570423 w 3639924"/>
                <a:gd name="connsiteY9" fmla="*/ 4152923 h 4790800"/>
                <a:gd name="connsiteX10" fmla="*/ 508511 w 3639924"/>
                <a:gd name="connsiteY10" fmla="*/ 3741763 h 4790800"/>
                <a:gd name="connsiteX11" fmla="*/ 360873 w 3639924"/>
                <a:gd name="connsiteY11" fmla="*/ 3484588 h 4790800"/>
                <a:gd name="connsiteX12" fmla="*/ 279911 w 3639924"/>
                <a:gd name="connsiteY12" fmla="*/ 3356000 h 4790800"/>
                <a:gd name="connsiteX13" fmla="*/ 284673 w 3639924"/>
                <a:gd name="connsiteY13" fmla="*/ 3141688 h 4790800"/>
                <a:gd name="connsiteX14" fmla="*/ 13479 w 3639924"/>
                <a:gd name="connsiteY14" fmla="*/ 2917178 h 4790800"/>
                <a:gd name="connsiteX15" fmla="*/ 125923 w 3639924"/>
                <a:gd name="connsiteY15" fmla="*/ 1993925 h 4790800"/>
                <a:gd name="connsiteX16" fmla="*/ 354523 w 3639924"/>
                <a:gd name="connsiteY16" fmla="*/ 1155725 h 4790800"/>
                <a:gd name="connsiteX0" fmla="*/ 354523 w 3639924"/>
                <a:gd name="connsiteY0" fmla="*/ 1155725 h 4790800"/>
                <a:gd name="connsiteX1" fmla="*/ 418023 w 3639924"/>
                <a:gd name="connsiteY1" fmla="*/ 431825 h 4790800"/>
                <a:gd name="connsiteX2" fmla="*/ 3118115 w 3639924"/>
                <a:gd name="connsiteY2" fmla="*/ 516073 h 4790800"/>
                <a:gd name="connsiteX3" fmla="*/ 3554923 w 3639924"/>
                <a:gd name="connsiteY3" fmla="*/ 2349523 h 4790800"/>
                <a:gd name="connsiteX4" fmla="*/ 3212023 w 3639924"/>
                <a:gd name="connsiteY4" fmla="*/ 3136923 h 4790800"/>
                <a:gd name="connsiteX5" fmla="*/ 3339023 w 3639924"/>
                <a:gd name="connsiteY5" fmla="*/ 3632223 h 4790800"/>
                <a:gd name="connsiteX6" fmla="*/ 2413511 w 3639924"/>
                <a:gd name="connsiteY6" fmla="*/ 4106885 h 4790800"/>
                <a:gd name="connsiteX7" fmla="*/ 1649923 w 3639924"/>
                <a:gd name="connsiteY7" fmla="*/ 4787923 h 4790800"/>
                <a:gd name="connsiteX8" fmla="*/ 1395923 w 3639924"/>
                <a:gd name="connsiteY8" fmla="*/ 4318023 h 4790800"/>
                <a:gd name="connsiteX9" fmla="*/ 570423 w 3639924"/>
                <a:gd name="connsiteY9" fmla="*/ 4152923 h 4790800"/>
                <a:gd name="connsiteX10" fmla="*/ 508511 w 3639924"/>
                <a:gd name="connsiteY10" fmla="*/ 3741763 h 4790800"/>
                <a:gd name="connsiteX11" fmla="*/ 360873 w 3639924"/>
                <a:gd name="connsiteY11" fmla="*/ 3484588 h 4790800"/>
                <a:gd name="connsiteX12" fmla="*/ 279911 w 3639924"/>
                <a:gd name="connsiteY12" fmla="*/ 3356000 h 4790800"/>
                <a:gd name="connsiteX13" fmla="*/ 284673 w 3639924"/>
                <a:gd name="connsiteY13" fmla="*/ 3141688 h 4790800"/>
                <a:gd name="connsiteX14" fmla="*/ 13479 w 3639924"/>
                <a:gd name="connsiteY14" fmla="*/ 2917178 h 4790800"/>
                <a:gd name="connsiteX15" fmla="*/ 125923 w 3639924"/>
                <a:gd name="connsiteY15" fmla="*/ 1993925 h 4790800"/>
                <a:gd name="connsiteX16" fmla="*/ 354523 w 3639924"/>
                <a:gd name="connsiteY16" fmla="*/ 1155725 h 4790800"/>
                <a:gd name="connsiteX0" fmla="*/ 354523 w 3639924"/>
                <a:gd name="connsiteY0" fmla="*/ 1186422 h 4821497"/>
                <a:gd name="connsiteX1" fmla="*/ 424373 w 3639924"/>
                <a:gd name="connsiteY1" fmla="*/ 418072 h 4821497"/>
                <a:gd name="connsiteX2" fmla="*/ 3118115 w 3639924"/>
                <a:gd name="connsiteY2" fmla="*/ 546770 h 4821497"/>
                <a:gd name="connsiteX3" fmla="*/ 3554923 w 3639924"/>
                <a:gd name="connsiteY3" fmla="*/ 2380220 h 4821497"/>
                <a:gd name="connsiteX4" fmla="*/ 3212023 w 3639924"/>
                <a:gd name="connsiteY4" fmla="*/ 3167620 h 4821497"/>
                <a:gd name="connsiteX5" fmla="*/ 3339023 w 3639924"/>
                <a:gd name="connsiteY5" fmla="*/ 3662920 h 4821497"/>
                <a:gd name="connsiteX6" fmla="*/ 2413511 w 3639924"/>
                <a:gd name="connsiteY6" fmla="*/ 4137582 h 4821497"/>
                <a:gd name="connsiteX7" fmla="*/ 1649923 w 3639924"/>
                <a:gd name="connsiteY7" fmla="*/ 4818620 h 4821497"/>
                <a:gd name="connsiteX8" fmla="*/ 1395923 w 3639924"/>
                <a:gd name="connsiteY8" fmla="*/ 4348720 h 4821497"/>
                <a:gd name="connsiteX9" fmla="*/ 570423 w 3639924"/>
                <a:gd name="connsiteY9" fmla="*/ 4183620 h 4821497"/>
                <a:gd name="connsiteX10" fmla="*/ 508511 w 3639924"/>
                <a:gd name="connsiteY10" fmla="*/ 3772460 h 4821497"/>
                <a:gd name="connsiteX11" fmla="*/ 360873 w 3639924"/>
                <a:gd name="connsiteY11" fmla="*/ 3515285 h 4821497"/>
                <a:gd name="connsiteX12" fmla="*/ 279911 w 3639924"/>
                <a:gd name="connsiteY12" fmla="*/ 3386697 h 4821497"/>
                <a:gd name="connsiteX13" fmla="*/ 284673 w 3639924"/>
                <a:gd name="connsiteY13" fmla="*/ 3172385 h 4821497"/>
                <a:gd name="connsiteX14" fmla="*/ 13479 w 3639924"/>
                <a:gd name="connsiteY14" fmla="*/ 2947875 h 4821497"/>
                <a:gd name="connsiteX15" fmla="*/ 125923 w 3639924"/>
                <a:gd name="connsiteY15" fmla="*/ 2024622 h 4821497"/>
                <a:gd name="connsiteX16" fmla="*/ 354523 w 3639924"/>
                <a:gd name="connsiteY16" fmla="*/ 1186422 h 4821497"/>
                <a:gd name="connsiteX0" fmla="*/ 354523 w 3639924"/>
                <a:gd name="connsiteY0" fmla="*/ 1107997 h 4743072"/>
                <a:gd name="connsiteX1" fmla="*/ 424373 w 3639924"/>
                <a:gd name="connsiteY1" fmla="*/ 339647 h 4743072"/>
                <a:gd name="connsiteX2" fmla="*/ 3118115 w 3639924"/>
                <a:gd name="connsiteY2" fmla="*/ 468345 h 4743072"/>
                <a:gd name="connsiteX3" fmla="*/ 3554923 w 3639924"/>
                <a:gd name="connsiteY3" fmla="*/ 2301795 h 4743072"/>
                <a:gd name="connsiteX4" fmla="*/ 3212023 w 3639924"/>
                <a:gd name="connsiteY4" fmla="*/ 3089195 h 4743072"/>
                <a:gd name="connsiteX5" fmla="*/ 3339023 w 3639924"/>
                <a:gd name="connsiteY5" fmla="*/ 3584495 h 4743072"/>
                <a:gd name="connsiteX6" fmla="*/ 2413511 w 3639924"/>
                <a:gd name="connsiteY6" fmla="*/ 4059157 h 4743072"/>
                <a:gd name="connsiteX7" fmla="*/ 1649923 w 3639924"/>
                <a:gd name="connsiteY7" fmla="*/ 4740195 h 4743072"/>
                <a:gd name="connsiteX8" fmla="*/ 1395923 w 3639924"/>
                <a:gd name="connsiteY8" fmla="*/ 4270295 h 4743072"/>
                <a:gd name="connsiteX9" fmla="*/ 570423 w 3639924"/>
                <a:gd name="connsiteY9" fmla="*/ 4105195 h 4743072"/>
                <a:gd name="connsiteX10" fmla="*/ 508511 w 3639924"/>
                <a:gd name="connsiteY10" fmla="*/ 3694035 h 4743072"/>
                <a:gd name="connsiteX11" fmla="*/ 360873 w 3639924"/>
                <a:gd name="connsiteY11" fmla="*/ 3436860 h 4743072"/>
                <a:gd name="connsiteX12" fmla="*/ 279911 w 3639924"/>
                <a:gd name="connsiteY12" fmla="*/ 3308272 h 4743072"/>
                <a:gd name="connsiteX13" fmla="*/ 284673 w 3639924"/>
                <a:gd name="connsiteY13" fmla="*/ 3093960 h 4743072"/>
                <a:gd name="connsiteX14" fmla="*/ 13479 w 3639924"/>
                <a:gd name="connsiteY14" fmla="*/ 2869450 h 4743072"/>
                <a:gd name="connsiteX15" fmla="*/ 125923 w 3639924"/>
                <a:gd name="connsiteY15" fmla="*/ 1946197 h 4743072"/>
                <a:gd name="connsiteX16" fmla="*/ 354523 w 3639924"/>
                <a:gd name="connsiteY16" fmla="*/ 1107997 h 4743072"/>
                <a:gd name="connsiteX0" fmla="*/ 354523 w 3639924"/>
                <a:gd name="connsiteY0" fmla="*/ 1128530 h 4763605"/>
                <a:gd name="connsiteX1" fmla="*/ 424373 w 3639924"/>
                <a:gd name="connsiteY1" fmla="*/ 360180 h 4763605"/>
                <a:gd name="connsiteX2" fmla="*/ 3118115 w 3639924"/>
                <a:gd name="connsiteY2" fmla="*/ 488878 h 4763605"/>
                <a:gd name="connsiteX3" fmla="*/ 3554923 w 3639924"/>
                <a:gd name="connsiteY3" fmla="*/ 2322328 h 4763605"/>
                <a:gd name="connsiteX4" fmla="*/ 3212023 w 3639924"/>
                <a:gd name="connsiteY4" fmla="*/ 3109728 h 4763605"/>
                <a:gd name="connsiteX5" fmla="*/ 3339023 w 3639924"/>
                <a:gd name="connsiteY5" fmla="*/ 3605028 h 4763605"/>
                <a:gd name="connsiteX6" fmla="*/ 2413511 w 3639924"/>
                <a:gd name="connsiteY6" fmla="*/ 4079690 h 4763605"/>
                <a:gd name="connsiteX7" fmla="*/ 1649923 w 3639924"/>
                <a:gd name="connsiteY7" fmla="*/ 4760728 h 4763605"/>
                <a:gd name="connsiteX8" fmla="*/ 1395923 w 3639924"/>
                <a:gd name="connsiteY8" fmla="*/ 4290828 h 4763605"/>
                <a:gd name="connsiteX9" fmla="*/ 570423 w 3639924"/>
                <a:gd name="connsiteY9" fmla="*/ 4125728 h 4763605"/>
                <a:gd name="connsiteX10" fmla="*/ 508511 w 3639924"/>
                <a:gd name="connsiteY10" fmla="*/ 3714568 h 4763605"/>
                <a:gd name="connsiteX11" fmla="*/ 360873 w 3639924"/>
                <a:gd name="connsiteY11" fmla="*/ 3457393 h 4763605"/>
                <a:gd name="connsiteX12" fmla="*/ 279911 w 3639924"/>
                <a:gd name="connsiteY12" fmla="*/ 3328805 h 4763605"/>
                <a:gd name="connsiteX13" fmla="*/ 284673 w 3639924"/>
                <a:gd name="connsiteY13" fmla="*/ 3114493 h 4763605"/>
                <a:gd name="connsiteX14" fmla="*/ 13479 w 3639924"/>
                <a:gd name="connsiteY14" fmla="*/ 2889983 h 4763605"/>
                <a:gd name="connsiteX15" fmla="*/ 125923 w 3639924"/>
                <a:gd name="connsiteY15" fmla="*/ 1966730 h 4763605"/>
                <a:gd name="connsiteX16" fmla="*/ 354523 w 3639924"/>
                <a:gd name="connsiteY16" fmla="*/ 1128530 h 4763605"/>
                <a:gd name="connsiteX0" fmla="*/ 354523 w 3639924"/>
                <a:gd name="connsiteY0" fmla="*/ 1130305 h 4765380"/>
                <a:gd name="connsiteX1" fmla="*/ 424373 w 3639924"/>
                <a:gd name="connsiteY1" fmla="*/ 361955 h 4765380"/>
                <a:gd name="connsiteX2" fmla="*/ 3118115 w 3639924"/>
                <a:gd name="connsiteY2" fmla="*/ 490653 h 4765380"/>
                <a:gd name="connsiteX3" fmla="*/ 3554923 w 3639924"/>
                <a:gd name="connsiteY3" fmla="*/ 2324103 h 4765380"/>
                <a:gd name="connsiteX4" fmla="*/ 3212023 w 3639924"/>
                <a:gd name="connsiteY4" fmla="*/ 3111503 h 4765380"/>
                <a:gd name="connsiteX5" fmla="*/ 3339023 w 3639924"/>
                <a:gd name="connsiteY5" fmla="*/ 3606803 h 4765380"/>
                <a:gd name="connsiteX6" fmla="*/ 2413511 w 3639924"/>
                <a:gd name="connsiteY6" fmla="*/ 4081465 h 4765380"/>
                <a:gd name="connsiteX7" fmla="*/ 1649923 w 3639924"/>
                <a:gd name="connsiteY7" fmla="*/ 4762503 h 4765380"/>
                <a:gd name="connsiteX8" fmla="*/ 1395923 w 3639924"/>
                <a:gd name="connsiteY8" fmla="*/ 4292603 h 4765380"/>
                <a:gd name="connsiteX9" fmla="*/ 570423 w 3639924"/>
                <a:gd name="connsiteY9" fmla="*/ 4127503 h 4765380"/>
                <a:gd name="connsiteX10" fmla="*/ 508511 w 3639924"/>
                <a:gd name="connsiteY10" fmla="*/ 3716343 h 4765380"/>
                <a:gd name="connsiteX11" fmla="*/ 360873 w 3639924"/>
                <a:gd name="connsiteY11" fmla="*/ 3459168 h 4765380"/>
                <a:gd name="connsiteX12" fmla="*/ 279911 w 3639924"/>
                <a:gd name="connsiteY12" fmla="*/ 3330580 h 4765380"/>
                <a:gd name="connsiteX13" fmla="*/ 284673 w 3639924"/>
                <a:gd name="connsiteY13" fmla="*/ 3116268 h 4765380"/>
                <a:gd name="connsiteX14" fmla="*/ 13479 w 3639924"/>
                <a:gd name="connsiteY14" fmla="*/ 2891758 h 4765380"/>
                <a:gd name="connsiteX15" fmla="*/ 125923 w 3639924"/>
                <a:gd name="connsiteY15" fmla="*/ 1968505 h 4765380"/>
                <a:gd name="connsiteX16" fmla="*/ 354523 w 3639924"/>
                <a:gd name="connsiteY16" fmla="*/ 1130305 h 4765380"/>
                <a:gd name="connsiteX0" fmla="*/ 354523 w 3642960"/>
                <a:gd name="connsiteY0" fmla="*/ 1119755 h 4754830"/>
                <a:gd name="connsiteX1" fmla="*/ 424373 w 3642960"/>
                <a:gd name="connsiteY1" fmla="*/ 351405 h 4754830"/>
                <a:gd name="connsiteX2" fmla="*/ 3130815 w 3642960"/>
                <a:gd name="connsiteY2" fmla="*/ 511853 h 4754830"/>
                <a:gd name="connsiteX3" fmla="*/ 3554923 w 3642960"/>
                <a:gd name="connsiteY3" fmla="*/ 2313553 h 4754830"/>
                <a:gd name="connsiteX4" fmla="*/ 3212023 w 3642960"/>
                <a:gd name="connsiteY4" fmla="*/ 3100953 h 4754830"/>
                <a:gd name="connsiteX5" fmla="*/ 3339023 w 3642960"/>
                <a:gd name="connsiteY5" fmla="*/ 3596253 h 4754830"/>
                <a:gd name="connsiteX6" fmla="*/ 2413511 w 3642960"/>
                <a:gd name="connsiteY6" fmla="*/ 4070915 h 4754830"/>
                <a:gd name="connsiteX7" fmla="*/ 1649923 w 3642960"/>
                <a:gd name="connsiteY7" fmla="*/ 4751953 h 4754830"/>
                <a:gd name="connsiteX8" fmla="*/ 1395923 w 3642960"/>
                <a:gd name="connsiteY8" fmla="*/ 4282053 h 4754830"/>
                <a:gd name="connsiteX9" fmla="*/ 570423 w 3642960"/>
                <a:gd name="connsiteY9" fmla="*/ 4116953 h 4754830"/>
                <a:gd name="connsiteX10" fmla="*/ 508511 w 3642960"/>
                <a:gd name="connsiteY10" fmla="*/ 3705793 h 4754830"/>
                <a:gd name="connsiteX11" fmla="*/ 360873 w 3642960"/>
                <a:gd name="connsiteY11" fmla="*/ 3448618 h 4754830"/>
                <a:gd name="connsiteX12" fmla="*/ 279911 w 3642960"/>
                <a:gd name="connsiteY12" fmla="*/ 3320030 h 4754830"/>
                <a:gd name="connsiteX13" fmla="*/ 284673 w 3642960"/>
                <a:gd name="connsiteY13" fmla="*/ 3105718 h 4754830"/>
                <a:gd name="connsiteX14" fmla="*/ 13479 w 3642960"/>
                <a:gd name="connsiteY14" fmla="*/ 2881208 h 4754830"/>
                <a:gd name="connsiteX15" fmla="*/ 125923 w 3642960"/>
                <a:gd name="connsiteY15" fmla="*/ 1957955 h 4754830"/>
                <a:gd name="connsiteX16" fmla="*/ 354523 w 3642960"/>
                <a:gd name="connsiteY16" fmla="*/ 1119755 h 4754830"/>
                <a:gd name="connsiteX0" fmla="*/ 354523 w 3642960"/>
                <a:gd name="connsiteY0" fmla="*/ 1119755 h 4754830"/>
                <a:gd name="connsiteX1" fmla="*/ 424373 w 3642960"/>
                <a:gd name="connsiteY1" fmla="*/ 351405 h 4754830"/>
                <a:gd name="connsiteX2" fmla="*/ 3130815 w 3642960"/>
                <a:gd name="connsiteY2" fmla="*/ 511853 h 4754830"/>
                <a:gd name="connsiteX3" fmla="*/ 3554923 w 3642960"/>
                <a:gd name="connsiteY3" fmla="*/ 2313553 h 4754830"/>
                <a:gd name="connsiteX4" fmla="*/ 3212023 w 3642960"/>
                <a:gd name="connsiteY4" fmla="*/ 3100953 h 4754830"/>
                <a:gd name="connsiteX5" fmla="*/ 3339023 w 3642960"/>
                <a:gd name="connsiteY5" fmla="*/ 3596253 h 4754830"/>
                <a:gd name="connsiteX6" fmla="*/ 2413511 w 3642960"/>
                <a:gd name="connsiteY6" fmla="*/ 4070915 h 4754830"/>
                <a:gd name="connsiteX7" fmla="*/ 1649923 w 3642960"/>
                <a:gd name="connsiteY7" fmla="*/ 4751953 h 4754830"/>
                <a:gd name="connsiteX8" fmla="*/ 1395923 w 3642960"/>
                <a:gd name="connsiteY8" fmla="*/ 4282053 h 4754830"/>
                <a:gd name="connsiteX9" fmla="*/ 570423 w 3642960"/>
                <a:gd name="connsiteY9" fmla="*/ 4116953 h 4754830"/>
                <a:gd name="connsiteX10" fmla="*/ 508511 w 3642960"/>
                <a:gd name="connsiteY10" fmla="*/ 3705793 h 4754830"/>
                <a:gd name="connsiteX11" fmla="*/ 360873 w 3642960"/>
                <a:gd name="connsiteY11" fmla="*/ 3448618 h 4754830"/>
                <a:gd name="connsiteX12" fmla="*/ 279911 w 3642960"/>
                <a:gd name="connsiteY12" fmla="*/ 3320030 h 4754830"/>
                <a:gd name="connsiteX13" fmla="*/ 284673 w 3642960"/>
                <a:gd name="connsiteY13" fmla="*/ 3105718 h 4754830"/>
                <a:gd name="connsiteX14" fmla="*/ 13479 w 3642960"/>
                <a:gd name="connsiteY14" fmla="*/ 2881208 h 4754830"/>
                <a:gd name="connsiteX15" fmla="*/ 125923 w 3642960"/>
                <a:gd name="connsiteY15" fmla="*/ 1957955 h 4754830"/>
                <a:gd name="connsiteX16" fmla="*/ 354523 w 3642960"/>
                <a:gd name="connsiteY16" fmla="*/ 1119755 h 4754830"/>
                <a:gd name="connsiteX0" fmla="*/ 354523 w 3564221"/>
                <a:gd name="connsiteY0" fmla="*/ 1119755 h 4754830"/>
                <a:gd name="connsiteX1" fmla="*/ 424373 w 3564221"/>
                <a:gd name="connsiteY1" fmla="*/ 351405 h 4754830"/>
                <a:gd name="connsiteX2" fmla="*/ 3130815 w 3564221"/>
                <a:gd name="connsiteY2" fmla="*/ 511853 h 4754830"/>
                <a:gd name="connsiteX3" fmla="*/ 3554923 w 3564221"/>
                <a:gd name="connsiteY3" fmla="*/ 2313553 h 4754830"/>
                <a:gd name="connsiteX4" fmla="*/ 3339023 w 3564221"/>
                <a:gd name="connsiteY4" fmla="*/ 3596253 h 4754830"/>
                <a:gd name="connsiteX5" fmla="*/ 2413511 w 3564221"/>
                <a:gd name="connsiteY5" fmla="*/ 4070915 h 4754830"/>
                <a:gd name="connsiteX6" fmla="*/ 1649923 w 3564221"/>
                <a:gd name="connsiteY6" fmla="*/ 4751953 h 4754830"/>
                <a:gd name="connsiteX7" fmla="*/ 1395923 w 3564221"/>
                <a:gd name="connsiteY7" fmla="*/ 4282053 h 4754830"/>
                <a:gd name="connsiteX8" fmla="*/ 570423 w 3564221"/>
                <a:gd name="connsiteY8" fmla="*/ 4116953 h 4754830"/>
                <a:gd name="connsiteX9" fmla="*/ 508511 w 3564221"/>
                <a:gd name="connsiteY9" fmla="*/ 3705793 h 4754830"/>
                <a:gd name="connsiteX10" fmla="*/ 360873 w 3564221"/>
                <a:gd name="connsiteY10" fmla="*/ 3448618 h 4754830"/>
                <a:gd name="connsiteX11" fmla="*/ 279911 w 3564221"/>
                <a:gd name="connsiteY11" fmla="*/ 3320030 h 4754830"/>
                <a:gd name="connsiteX12" fmla="*/ 284673 w 3564221"/>
                <a:gd name="connsiteY12" fmla="*/ 3105718 h 4754830"/>
                <a:gd name="connsiteX13" fmla="*/ 13479 w 3564221"/>
                <a:gd name="connsiteY13" fmla="*/ 2881208 h 4754830"/>
                <a:gd name="connsiteX14" fmla="*/ 125923 w 3564221"/>
                <a:gd name="connsiteY14" fmla="*/ 1957955 h 4754830"/>
                <a:gd name="connsiteX15" fmla="*/ 354523 w 3564221"/>
                <a:gd name="connsiteY15" fmla="*/ 1119755 h 4754830"/>
                <a:gd name="connsiteX0" fmla="*/ 354523 w 3619348"/>
                <a:gd name="connsiteY0" fmla="*/ 1119755 h 4754830"/>
                <a:gd name="connsiteX1" fmla="*/ 424373 w 3619348"/>
                <a:gd name="connsiteY1" fmla="*/ 351405 h 4754830"/>
                <a:gd name="connsiteX2" fmla="*/ 3130815 w 3619348"/>
                <a:gd name="connsiteY2" fmla="*/ 511853 h 4754830"/>
                <a:gd name="connsiteX3" fmla="*/ 3554923 w 3619348"/>
                <a:gd name="connsiteY3" fmla="*/ 2313553 h 4754830"/>
                <a:gd name="connsiteX4" fmla="*/ 2413511 w 3619348"/>
                <a:gd name="connsiteY4" fmla="*/ 4070915 h 4754830"/>
                <a:gd name="connsiteX5" fmla="*/ 1649923 w 3619348"/>
                <a:gd name="connsiteY5" fmla="*/ 4751953 h 4754830"/>
                <a:gd name="connsiteX6" fmla="*/ 1395923 w 3619348"/>
                <a:gd name="connsiteY6" fmla="*/ 4282053 h 4754830"/>
                <a:gd name="connsiteX7" fmla="*/ 570423 w 3619348"/>
                <a:gd name="connsiteY7" fmla="*/ 4116953 h 4754830"/>
                <a:gd name="connsiteX8" fmla="*/ 508511 w 3619348"/>
                <a:gd name="connsiteY8" fmla="*/ 3705793 h 4754830"/>
                <a:gd name="connsiteX9" fmla="*/ 360873 w 3619348"/>
                <a:gd name="connsiteY9" fmla="*/ 3448618 h 4754830"/>
                <a:gd name="connsiteX10" fmla="*/ 279911 w 3619348"/>
                <a:gd name="connsiteY10" fmla="*/ 3320030 h 4754830"/>
                <a:gd name="connsiteX11" fmla="*/ 284673 w 3619348"/>
                <a:gd name="connsiteY11" fmla="*/ 3105718 h 4754830"/>
                <a:gd name="connsiteX12" fmla="*/ 13479 w 3619348"/>
                <a:gd name="connsiteY12" fmla="*/ 2881208 h 4754830"/>
                <a:gd name="connsiteX13" fmla="*/ 125923 w 3619348"/>
                <a:gd name="connsiteY13" fmla="*/ 1957955 h 4754830"/>
                <a:gd name="connsiteX14" fmla="*/ 354523 w 3619348"/>
                <a:gd name="connsiteY14" fmla="*/ 1119755 h 4754830"/>
                <a:gd name="connsiteX0" fmla="*/ 354523 w 3675865"/>
                <a:gd name="connsiteY0" fmla="*/ 1119755 h 4754830"/>
                <a:gd name="connsiteX1" fmla="*/ 424373 w 3675865"/>
                <a:gd name="connsiteY1" fmla="*/ 351405 h 4754830"/>
                <a:gd name="connsiteX2" fmla="*/ 3130815 w 3675865"/>
                <a:gd name="connsiteY2" fmla="*/ 511853 h 4754830"/>
                <a:gd name="connsiteX3" fmla="*/ 3554923 w 3675865"/>
                <a:gd name="connsiteY3" fmla="*/ 2313553 h 4754830"/>
                <a:gd name="connsiteX4" fmla="*/ 1649923 w 3675865"/>
                <a:gd name="connsiteY4" fmla="*/ 4751953 h 4754830"/>
                <a:gd name="connsiteX5" fmla="*/ 1395923 w 3675865"/>
                <a:gd name="connsiteY5" fmla="*/ 4282053 h 4754830"/>
                <a:gd name="connsiteX6" fmla="*/ 570423 w 3675865"/>
                <a:gd name="connsiteY6" fmla="*/ 4116953 h 4754830"/>
                <a:gd name="connsiteX7" fmla="*/ 508511 w 3675865"/>
                <a:gd name="connsiteY7" fmla="*/ 3705793 h 4754830"/>
                <a:gd name="connsiteX8" fmla="*/ 360873 w 3675865"/>
                <a:gd name="connsiteY8" fmla="*/ 3448618 h 4754830"/>
                <a:gd name="connsiteX9" fmla="*/ 279911 w 3675865"/>
                <a:gd name="connsiteY9" fmla="*/ 3320030 h 4754830"/>
                <a:gd name="connsiteX10" fmla="*/ 284673 w 3675865"/>
                <a:gd name="connsiteY10" fmla="*/ 3105718 h 4754830"/>
                <a:gd name="connsiteX11" fmla="*/ 13479 w 3675865"/>
                <a:gd name="connsiteY11" fmla="*/ 2881208 h 4754830"/>
                <a:gd name="connsiteX12" fmla="*/ 125923 w 3675865"/>
                <a:gd name="connsiteY12" fmla="*/ 1957955 h 4754830"/>
                <a:gd name="connsiteX13" fmla="*/ 354523 w 3675865"/>
                <a:gd name="connsiteY13" fmla="*/ 1119755 h 4754830"/>
                <a:gd name="connsiteX0" fmla="*/ 354523 w 3694671"/>
                <a:gd name="connsiteY0" fmla="*/ 1119755 h 4282053"/>
                <a:gd name="connsiteX1" fmla="*/ 424373 w 3694671"/>
                <a:gd name="connsiteY1" fmla="*/ 351405 h 4282053"/>
                <a:gd name="connsiteX2" fmla="*/ 3130815 w 3694671"/>
                <a:gd name="connsiteY2" fmla="*/ 511853 h 4282053"/>
                <a:gd name="connsiteX3" fmla="*/ 3554923 w 3694671"/>
                <a:gd name="connsiteY3" fmla="*/ 2313553 h 4282053"/>
                <a:gd name="connsiteX4" fmla="*/ 1395923 w 3694671"/>
                <a:gd name="connsiteY4" fmla="*/ 4282053 h 4282053"/>
                <a:gd name="connsiteX5" fmla="*/ 570423 w 3694671"/>
                <a:gd name="connsiteY5" fmla="*/ 4116953 h 4282053"/>
                <a:gd name="connsiteX6" fmla="*/ 508511 w 3694671"/>
                <a:gd name="connsiteY6" fmla="*/ 3705793 h 4282053"/>
                <a:gd name="connsiteX7" fmla="*/ 360873 w 3694671"/>
                <a:gd name="connsiteY7" fmla="*/ 3448618 h 4282053"/>
                <a:gd name="connsiteX8" fmla="*/ 279911 w 3694671"/>
                <a:gd name="connsiteY8" fmla="*/ 3320030 h 4282053"/>
                <a:gd name="connsiteX9" fmla="*/ 284673 w 3694671"/>
                <a:gd name="connsiteY9" fmla="*/ 3105718 h 4282053"/>
                <a:gd name="connsiteX10" fmla="*/ 13479 w 3694671"/>
                <a:gd name="connsiteY10" fmla="*/ 2881208 h 4282053"/>
                <a:gd name="connsiteX11" fmla="*/ 125923 w 3694671"/>
                <a:gd name="connsiteY11" fmla="*/ 1957955 h 4282053"/>
                <a:gd name="connsiteX12" fmla="*/ 354523 w 3694671"/>
                <a:gd name="connsiteY12" fmla="*/ 1119755 h 4282053"/>
                <a:gd name="connsiteX0" fmla="*/ 354523 w 3755799"/>
                <a:gd name="connsiteY0" fmla="*/ 1119755 h 4116953"/>
                <a:gd name="connsiteX1" fmla="*/ 424373 w 3755799"/>
                <a:gd name="connsiteY1" fmla="*/ 351405 h 4116953"/>
                <a:gd name="connsiteX2" fmla="*/ 3130815 w 3755799"/>
                <a:gd name="connsiteY2" fmla="*/ 511853 h 4116953"/>
                <a:gd name="connsiteX3" fmla="*/ 3554923 w 3755799"/>
                <a:gd name="connsiteY3" fmla="*/ 2313553 h 4116953"/>
                <a:gd name="connsiteX4" fmla="*/ 570423 w 3755799"/>
                <a:gd name="connsiteY4" fmla="*/ 4116953 h 4116953"/>
                <a:gd name="connsiteX5" fmla="*/ 508511 w 3755799"/>
                <a:gd name="connsiteY5" fmla="*/ 3705793 h 4116953"/>
                <a:gd name="connsiteX6" fmla="*/ 360873 w 3755799"/>
                <a:gd name="connsiteY6" fmla="*/ 3448618 h 4116953"/>
                <a:gd name="connsiteX7" fmla="*/ 279911 w 3755799"/>
                <a:gd name="connsiteY7" fmla="*/ 3320030 h 4116953"/>
                <a:gd name="connsiteX8" fmla="*/ 284673 w 3755799"/>
                <a:gd name="connsiteY8" fmla="*/ 3105718 h 4116953"/>
                <a:gd name="connsiteX9" fmla="*/ 13479 w 3755799"/>
                <a:gd name="connsiteY9" fmla="*/ 2881208 h 4116953"/>
                <a:gd name="connsiteX10" fmla="*/ 125923 w 3755799"/>
                <a:gd name="connsiteY10" fmla="*/ 1957955 h 4116953"/>
                <a:gd name="connsiteX11" fmla="*/ 354523 w 3755799"/>
                <a:gd name="connsiteY11" fmla="*/ 1119755 h 4116953"/>
                <a:gd name="connsiteX0" fmla="*/ 354523 w 3760384"/>
                <a:gd name="connsiteY0" fmla="*/ 1119755 h 3705793"/>
                <a:gd name="connsiteX1" fmla="*/ 424373 w 3760384"/>
                <a:gd name="connsiteY1" fmla="*/ 351405 h 3705793"/>
                <a:gd name="connsiteX2" fmla="*/ 3130815 w 3760384"/>
                <a:gd name="connsiteY2" fmla="*/ 511853 h 3705793"/>
                <a:gd name="connsiteX3" fmla="*/ 3554923 w 3760384"/>
                <a:gd name="connsiteY3" fmla="*/ 2313553 h 3705793"/>
                <a:gd name="connsiteX4" fmla="*/ 508511 w 3760384"/>
                <a:gd name="connsiteY4" fmla="*/ 3705793 h 3705793"/>
                <a:gd name="connsiteX5" fmla="*/ 360873 w 3760384"/>
                <a:gd name="connsiteY5" fmla="*/ 3448618 h 3705793"/>
                <a:gd name="connsiteX6" fmla="*/ 279911 w 3760384"/>
                <a:gd name="connsiteY6" fmla="*/ 3320030 h 3705793"/>
                <a:gd name="connsiteX7" fmla="*/ 284673 w 3760384"/>
                <a:gd name="connsiteY7" fmla="*/ 3105718 h 3705793"/>
                <a:gd name="connsiteX8" fmla="*/ 13479 w 3760384"/>
                <a:gd name="connsiteY8" fmla="*/ 2881208 h 3705793"/>
                <a:gd name="connsiteX9" fmla="*/ 125923 w 3760384"/>
                <a:gd name="connsiteY9" fmla="*/ 1957955 h 3705793"/>
                <a:gd name="connsiteX10" fmla="*/ 354523 w 3760384"/>
                <a:gd name="connsiteY10" fmla="*/ 1119755 h 3705793"/>
                <a:gd name="connsiteX0" fmla="*/ 354523 w 3771318"/>
                <a:gd name="connsiteY0" fmla="*/ 1119755 h 3507334"/>
                <a:gd name="connsiteX1" fmla="*/ 424373 w 3771318"/>
                <a:gd name="connsiteY1" fmla="*/ 351405 h 3507334"/>
                <a:gd name="connsiteX2" fmla="*/ 3130815 w 3771318"/>
                <a:gd name="connsiteY2" fmla="*/ 511853 h 3507334"/>
                <a:gd name="connsiteX3" fmla="*/ 3554923 w 3771318"/>
                <a:gd name="connsiteY3" fmla="*/ 2313553 h 3507334"/>
                <a:gd name="connsiteX4" fmla="*/ 360873 w 3771318"/>
                <a:gd name="connsiteY4" fmla="*/ 3448618 h 3507334"/>
                <a:gd name="connsiteX5" fmla="*/ 279911 w 3771318"/>
                <a:gd name="connsiteY5" fmla="*/ 3320030 h 3507334"/>
                <a:gd name="connsiteX6" fmla="*/ 284673 w 3771318"/>
                <a:gd name="connsiteY6" fmla="*/ 3105718 h 3507334"/>
                <a:gd name="connsiteX7" fmla="*/ 13479 w 3771318"/>
                <a:gd name="connsiteY7" fmla="*/ 2881208 h 3507334"/>
                <a:gd name="connsiteX8" fmla="*/ 125923 w 3771318"/>
                <a:gd name="connsiteY8" fmla="*/ 1957955 h 3507334"/>
                <a:gd name="connsiteX9" fmla="*/ 354523 w 3771318"/>
                <a:gd name="connsiteY9" fmla="*/ 1119755 h 3507334"/>
                <a:gd name="connsiteX0" fmla="*/ 354523 w 3777314"/>
                <a:gd name="connsiteY0" fmla="*/ 1119755 h 3320030"/>
                <a:gd name="connsiteX1" fmla="*/ 424373 w 3777314"/>
                <a:gd name="connsiteY1" fmla="*/ 351405 h 3320030"/>
                <a:gd name="connsiteX2" fmla="*/ 3130815 w 3777314"/>
                <a:gd name="connsiteY2" fmla="*/ 511853 h 3320030"/>
                <a:gd name="connsiteX3" fmla="*/ 3554923 w 3777314"/>
                <a:gd name="connsiteY3" fmla="*/ 2313553 h 3320030"/>
                <a:gd name="connsiteX4" fmla="*/ 279911 w 3777314"/>
                <a:gd name="connsiteY4" fmla="*/ 3320030 h 3320030"/>
                <a:gd name="connsiteX5" fmla="*/ 284673 w 3777314"/>
                <a:gd name="connsiteY5" fmla="*/ 3105718 h 3320030"/>
                <a:gd name="connsiteX6" fmla="*/ 13479 w 3777314"/>
                <a:gd name="connsiteY6" fmla="*/ 2881208 h 3320030"/>
                <a:gd name="connsiteX7" fmla="*/ 125923 w 3777314"/>
                <a:gd name="connsiteY7" fmla="*/ 1957955 h 3320030"/>
                <a:gd name="connsiteX8" fmla="*/ 354523 w 3777314"/>
                <a:gd name="connsiteY8" fmla="*/ 1119755 h 3320030"/>
                <a:gd name="connsiteX0" fmla="*/ 354523 w 3776961"/>
                <a:gd name="connsiteY0" fmla="*/ 1119755 h 3105718"/>
                <a:gd name="connsiteX1" fmla="*/ 424373 w 3776961"/>
                <a:gd name="connsiteY1" fmla="*/ 351405 h 3105718"/>
                <a:gd name="connsiteX2" fmla="*/ 3130815 w 3776961"/>
                <a:gd name="connsiteY2" fmla="*/ 511853 h 3105718"/>
                <a:gd name="connsiteX3" fmla="*/ 3554923 w 3776961"/>
                <a:gd name="connsiteY3" fmla="*/ 2313553 h 3105718"/>
                <a:gd name="connsiteX4" fmla="*/ 284673 w 3776961"/>
                <a:gd name="connsiteY4" fmla="*/ 3105718 h 3105718"/>
                <a:gd name="connsiteX5" fmla="*/ 13479 w 3776961"/>
                <a:gd name="connsiteY5" fmla="*/ 2881208 h 3105718"/>
                <a:gd name="connsiteX6" fmla="*/ 125923 w 3776961"/>
                <a:gd name="connsiteY6" fmla="*/ 1957955 h 3105718"/>
                <a:gd name="connsiteX7" fmla="*/ 354523 w 3776961"/>
                <a:gd name="connsiteY7" fmla="*/ 1119755 h 3105718"/>
                <a:gd name="connsiteX0" fmla="*/ 341044 w 3783567"/>
                <a:gd name="connsiteY0" fmla="*/ 1119755 h 2890391"/>
                <a:gd name="connsiteX1" fmla="*/ 410894 w 3783567"/>
                <a:gd name="connsiteY1" fmla="*/ 351405 h 2890391"/>
                <a:gd name="connsiteX2" fmla="*/ 3117336 w 3783567"/>
                <a:gd name="connsiteY2" fmla="*/ 511853 h 2890391"/>
                <a:gd name="connsiteX3" fmla="*/ 3541444 w 3783567"/>
                <a:gd name="connsiteY3" fmla="*/ 2313553 h 2890391"/>
                <a:gd name="connsiteX4" fmla="*/ 0 w 3783567"/>
                <a:gd name="connsiteY4" fmla="*/ 2881208 h 2890391"/>
                <a:gd name="connsiteX5" fmla="*/ 112444 w 3783567"/>
                <a:gd name="connsiteY5" fmla="*/ 1957955 h 2890391"/>
                <a:gd name="connsiteX6" fmla="*/ 341044 w 3783567"/>
                <a:gd name="connsiteY6" fmla="*/ 1119755 h 2890391"/>
                <a:gd name="connsiteX0" fmla="*/ 242693 w 3676888"/>
                <a:gd name="connsiteY0" fmla="*/ 1119755 h 2388806"/>
                <a:gd name="connsiteX1" fmla="*/ 312543 w 3676888"/>
                <a:gd name="connsiteY1" fmla="*/ 351405 h 2388806"/>
                <a:gd name="connsiteX2" fmla="*/ 3018985 w 3676888"/>
                <a:gd name="connsiteY2" fmla="*/ 511853 h 2388806"/>
                <a:gd name="connsiteX3" fmla="*/ 3443093 w 3676888"/>
                <a:gd name="connsiteY3" fmla="*/ 2313553 h 2388806"/>
                <a:gd name="connsiteX4" fmla="*/ 14093 w 3676888"/>
                <a:gd name="connsiteY4" fmla="*/ 1957955 h 2388806"/>
                <a:gd name="connsiteX5" fmla="*/ 242693 w 3676888"/>
                <a:gd name="connsiteY5" fmla="*/ 1119755 h 2388806"/>
                <a:gd name="connsiteX0" fmla="*/ 59276 w 3493471"/>
                <a:gd name="connsiteY0" fmla="*/ 1119755 h 2320945"/>
                <a:gd name="connsiteX1" fmla="*/ 129126 w 3493471"/>
                <a:gd name="connsiteY1" fmla="*/ 351405 h 2320945"/>
                <a:gd name="connsiteX2" fmla="*/ 2835568 w 3493471"/>
                <a:gd name="connsiteY2" fmla="*/ 511853 h 2320945"/>
                <a:gd name="connsiteX3" fmla="*/ 3259676 w 3493471"/>
                <a:gd name="connsiteY3" fmla="*/ 2313553 h 2320945"/>
                <a:gd name="connsiteX4" fmla="*/ 59276 w 3493471"/>
                <a:gd name="connsiteY4" fmla="*/ 1119755 h 2320945"/>
                <a:gd name="connsiteX0" fmla="*/ 59276 w 3363694"/>
                <a:gd name="connsiteY0" fmla="*/ 1119755 h 2320945"/>
                <a:gd name="connsiteX1" fmla="*/ 129126 w 3363694"/>
                <a:gd name="connsiteY1" fmla="*/ 351405 h 2320945"/>
                <a:gd name="connsiteX2" fmla="*/ 2835568 w 3363694"/>
                <a:gd name="connsiteY2" fmla="*/ 511853 h 2320945"/>
                <a:gd name="connsiteX3" fmla="*/ 3259676 w 3363694"/>
                <a:gd name="connsiteY3" fmla="*/ 2313553 h 2320945"/>
                <a:gd name="connsiteX4" fmla="*/ 59276 w 3363694"/>
                <a:gd name="connsiteY4" fmla="*/ 1119755 h 2320945"/>
                <a:gd name="connsiteX0" fmla="*/ 59276 w 3363694"/>
                <a:gd name="connsiteY0" fmla="*/ 1119755 h 2313553"/>
                <a:gd name="connsiteX1" fmla="*/ 129126 w 3363694"/>
                <a:gd name="connsiteY1" fmla="*/ 351405 h 2313553"/>
                <a:gd name="connsiteX2" fmla="*/ 2835568 w 3363694"/>
                <a:gd name="connsiteY2" fmla="*/ 511853 h 2313553"/>
                <a:gd name="connsiteX3" fmla="*/ 3259676 w 3363694"/>
                <a:gd name="connsiteY3" fmla="*/ 2313553 h 2313553"/>
                <a:gd name="connsiteX4" fmla="*/ 59276 w 3363694"/>
                <a:gd name="connsiteY4" fmla="*/ 1119755 h 2313553"/>
                <a:gd name="connsiteX0" fmla="*/ 59276 w 3363694"/>
                <a:gd name="connsiteY0" fmla="*/ 1119755 h 2313553"/>
                <a:gd name="connsiteX1" fmla="*/ 129126 w 3363694"/>
                <a:gd name="connsiteY1" fmla="*/ 351405 h 2313553"/>
                <a:gd name="connsiteX2" fmla="*/ 2835568 w 3363694"/>
                <a:gd name="connsiteY2" fmla="*/ 511853 h 2313553"/>
                <a:gd name="connsiteX3" fmla="*/ 3259676 w 3363694"/>
                <a:gd name="connsiteY3" fmla="*/ 2313553 h 2313553"/>
                <a:gd name="connsiteX4" fmla="*/ 59276 w 3363694"/>
                <a:gd name="connsiteY4" fmla="*/ 1119755 h 2313553"/>
                <a:gd name="connsiteX0" fmla="*/ 59276 w 3363694"/>
                <a:gd name="connsiteY0" fmla="*/ 1119755 h 2325155"/>
                <a:gd name="connsiteX1" fmla="*/ 129126 w 3363694"/>
                <a:gd name="connsiteY1" fmla="*/ 351405 h 2325155"/>
                <a:gd name="connsiteX2" fmla="*/ 2835568 w 3363694"/>
                <a:gd name="connsiteY2" fmla="*/ 511853 h 2325155"/>
                <a:gd name="connsiteX3" fmla="*/ 3259676 w 3363694"/>
                <a:gd name="connsiteY3" fmla="*/ 2313553 h 2325155"/>
                <a:gd name="connsiteX4" fmla="*/ 1748714 w 3363694"/>
                <a:gd name="connsiteY4" fmla="*/ 1277971 h 2325155"/>
                <a:gd name="connsiteX5" fmla="*/ 59276 w 3363694"/>
                <a:gd name="connsiteY5" fmla="*/ 1119755 h 2325155"/>
                <a:gd name="connsiteX0" fmla="*/ 59276 w 3363694"/>
                <a:gd name="connsiteY0" fmla="*/ 1119755 h 2332774"/>
                <a:gd name="connsiteX1" fmla="*/ 129126 w 3363694"/>
                <a:gd name="connsiteY1" fmla="*/ 351405 h 2332774"/>
                <a:gd name="connsiteX2" fmla="*/ 2835568 w 3363694"/>
                <a:gd name="connsiteY2" fmla="*/ 511853 h 2332774"/>
                <a:gd name="connsiteX3" fmla="*/ 3259676 w 3363694"/>
                <a:gd name="connsiteY3" fmla="*/ 2313553 h 2332774"/>
                <a:gd name="connsiteX4" fmla="*/ 1906814 w 3363694"/>
                <a:gd name="connsiteY4" fmla="*/ 1699573 h 2332774"/>
                <a:gd name="connsiteX5" fmla="*/ 59276 w 3363694"/>
                <a:gd name="connsiteY5" fmla="*/ 1119755 h 2332774"/>
                <a:gd name="connsiteX0" fmla="*/ 59276 w 3363694"/>
                <a:gd name="connsiteY0" fmla="*/ 1119755 h 2332774"/>
                <a:gd name="connsiteX1" fmla="*/ 129126 w 3363694"/>
                <a:gd name="connsiteY1" fmla="*/ 351405 h 2332774"/>
                <a:gd name="connsiteX2" fmla="*/ 2835568 w 3363694"/>
                <a:gd name="connsiteY2" fmla="*/ 511853 h 2332774"/>
                <a:gd name="connsiteX3" fmla="*/ 3259676 w 3363694"/>
                <a:gd name="connsiteY3" fmla="*/ 2313553 h 2332774"/>
                <a:gd name="connsiteX4" fmla="*/ 1906814 w 3363694"/>
                <a:gd name="connsiteY4" fmla="*/ 1699573 h 2332774"/>
                <a:gd name="connsiteX5" fmla="*/ 59276 w 3363694"/>
                <a:gd name="connsiteY5" fmla="*/ 1119755 h 2332774"/>
                <a:gd name="connsiteX0" fmla="*/ 59276 w 3363694"/>
                <a:gd name="connsiteY0" fmla="*/ 1119755 h 2361274"/>
                <a:gd name="connsiteX1" fmla="*/ 129126 w 3363694"/>
                <a:gd name="connsiteY1" fmla="*/ 351405 h 2361274"/>
                <a:gd name="connsiteX2" fmla="*/ 2835568 w 3363694"/>
                <a:gd name="connsiteY2" fmla="*/ 511853 h 2361274"/>
                <a:gd name="connsiteX3" fmla="*/ 3259676 w 3363694"/>
                <a:gd name="connsiteY3" fmla="*/ 2313553 h 2361274"/>
                <a:gd name="connsiteX4" fmla="*/ 2104452 w 3363694"/>
                <a:gd name="connsiteY4" fmla="*/ 2094817 h 2361274"/>
                <a:gd name="connsiteX5" fmla="*/ 59276 w 3363694"/>
                <a:gd name="connsiteY5" fmla="*/ 1119755 h 2361274"/>
                <a:gd name="connsiteX0" fmla="*/ 59276 w 3363694"/>
                <a:gd name="connsiteY0" fmla="*/ 1119755 h 2474277"/>
                <a:gd name="connsiteX1" fmla="*/ 129126 w 3363694"/>
                <a:gd name="connsiteY1" fmla="*/ 351405 h 2474277"/>
                <a:gd name="connsiteX2" fmla="*/ 2835568 w 3363694"/>
                <a:gd name="connsiteY2" fmla="*/ 511853 h 2474277"/>
                <a:gd name="connsiteX3" fmla="*/ 3259676 w 3363694"/>
                <a:gd name="connsiteY3" fmla="*/ 2313553 h 2474277"/>
                <a:gd name="connsiteX4" fmla="*/ 2420653 w 3363694"/>
                <a:gd name="connsiteY4" fmla="*/ 2371499 h 2474277"/>
                <a:gd name="connsiteX5" fmla="*/ 59276 w 3363694"/>
                <a:gd name="connsiteY5" fmla="*/ 1119755 h 2474277"/>
                <a:gd name="connsiteX0" fmla="*/ 59276 w 3363694"/>
                <a:gd name="connsiteY0" fmla="*/ 1119755 h 2526629"/>
                <a:gd name="connsiteX1" fmla="*/ 129126 w 3363694"/>
                <a:gd name="connsiteY1" fmla="*/ 351405 h 2526629"/>
                <a:gd name="connsiteX2" fmla="*/ 2835568 w 3363694"/>
                <a:gd name="connsiteY2" fmla="*/ 511853 h 2526629"/>
                <a:gd name="connsiteX3" fmla="*/ 3259676 w 3363694"/>
                <a:gd name="connsiteY3" fmla="*/ 2313553 h 2526629"/>
                <a:gd name="connsiteX4" fmla="*/ 2420653 w 3363694"/>
                <a:gd name="connsiteY4" fmla="*/ 2371499 h 2526629"/>
                <a:gd name="connsiteX5" fmla="*/ 59276 w 3363694"/>
                <a:gd name="connsiteY5" fmla="*/ 1119755 h 2526629"/>
                <a:gd name="connsiteX0" fmla="*/ 59276 w 3351793"/>
                <a:gd name="connsiteY0" fmla="*/ 1106084 h 2512958"/>
                <a:gd name="connsiteX1" fmla="*/ 129126 w 3351793"/>
                <a:gd name="connsiteY1" fmla="*/ 337734 h 2512958"/>
                <a:gd name="connsiteX2" fmla="*/ 2782791 w 3351793"/>
                <a:gd name="connsiteY2" fmla="*/ 541740 h 2512958"/>
                <a:gd name="connsiteX3" fmla="*/ 3259676 w 3351793"/>
                <a:gd name="connsiteY3" fmla="*/ 2299882 h 2512958"/>
                <a:gd name="connsiteX4" fmla="*/ 2420653 w 3351793"/>
                <a:gd name="connsiteY4" fmla="*/ 2357828 h 2512958"/>
                <a:gd name="connsiteX5" fmla="*/ 59276 w 3351793"/>
                <a:gd name="connsiteY5" fmla="*/ 1106084 h 2512958"/>
                <a:gd name="connsiteX0" fmla="*/ 59276 w 3351793"/>
                <a:gd name="connsiteY0" fmla="*/ 1121769 h 2528643"/>
                <a:gd name="connsiteX1" fmla="*/ 129126 w 3351793"/>
                <a:gd name="connsiteY1" fmla="*/ 353419 h 2528643"/>
                <a:gd name="connsiteX2" fmla="*/ 2782791 w 3351793"/>
                <a:gd name="connsiteY2" fmla="*/ 557425 h 2528643"/>
                <a:gd name="connsiteX3" fmla="*/ 3259676 w 3351793"/>
                <a:gd name="connsiteY3" fmla="*/ 2315567 h 2528643"/>
                <a:gd name="connsiteX4" fmla="*/ 2420653 w 3351793"/>
                <a:gd name="connsiteY4" fmla="*/ 2373513 h 2528643"/>
                <a:gd name="connsiteX5" fmla="*/ 59276 w 3351793"/>
                <a:gd name="connsiteY5" fmla="*/ 1121769 h 2528643"/>
                <a:gd name="connsiteX0" fmla="*/ 59276 w 3351793"/>
                <a:gd name="connsiteY0" fmla="*/ 1138454 h 2545328"/>
                <a:gd name="connsiteX1" fmla="*/ 129126 w 3351793"/>
                <a:gd name="connsiteY1" fmla="*/ 370104 h 2545328"/>
                <a:gd name="connsiteX2" fmla="*/ 2782791 w 3351793"/>
                <a:gd name="connsiteY2" fmla="*/ 574110 h 2545328"/>
                <a:gd name="connsiteX3" fmla="*/ 3259676 w 3351793"/>
                <a:gd name="connsiteY3" fmla="*/ 2332252 h 2545328"/>
                <a:gd name="connsiteX4" fmla="*/ 2420653 w 3351793"/>
                <a:gd name="connsiteY4" fmla="*/ 2390198 h 2545328"/>
                <a:gd name="connsiteX5" fmla="*/ 59276 w 3351793"/>
                <a:gd name="connsiteY5" fmla="*/ 1138454 h 2545328"/>
                <a:gd name="connsiteX0" fmla="*/ 59276 w 3380160"/>
                <a:gd name="connsiteY0" fmla="*/ 1138454 h 2545328"/>
                <a:gd name="connsiteX1" fmla="*/ 129126 w 3380160"/>
                <a:gd name="connsiteY1" fmla="*/ 370104 h 2545328"/>
                <a:gd name="connsiteX2" fmla="*/ 2782791 w 3380160"/>
                <a:gd name="connsiteY2" fmla="*/ 574110 h 2545328"/>
                <a:gd name="connsiteX3" fmla="*/ 3259676 w 3380160"/>
                <a:gd name="connsiteY3" fmla="*/ 2332252 h 2545328"/>
                <a:gd name="connsiteX4" fmla="*/ 2420653 w 3380160"/>
                <a:gd name="connsiteY4" fmla="*/ 2390198 h 2545328"/>
                <a:gd name="connsiteX5" fmla="*/ 59276 w 3380160"/>
                <a:gd name="connsiteY5" fmla="*/ 1138454 h 2545328"/>
                <a:gd name="connsiteX0" fmla="*/ 59276 w 3380160"/>
                <a:gd name="connsiteY0" fmla="*/ 1138454 h 2782253"/>
                <a:gd name="connsiteX1" fmla="*/ 129126 w 3380160"/>
                <a:gd name="connsiteY1" fmla="*/ 370104 h 2782253"/>
                <a:gd name="connsiteX2" fmla="*/ 2782791 w 3380160"/>
                <a:gd name="connsiteY2" fmla="*/ 574110 h 2782253"/>
                <a:gd name="connsiteX3" fmla="*/ 3259676 w 3380160"/>
                <a:gd name="connsiteY3" fmla="*/ 2332252 h 2782253"/>
                <a:gd name="connsiteX4" fmla="*/ 2532556 w 3380160"/>
                <a:gd name="connsiteY4" fmla="*/ 2683839 h 2782253"/>
                <a:gd name="connsiteX5" fmla="*/ 59276 w 3380160"/>
                <a:gd name="connsiteY5" fmla="*/ 1138454 h 2782253"/>
                <a:gd name="connsiteX0" fmla="*/ 59276 w 3380160"/>
                <a:gd name="connsiteY0" fmla="*/ 1138454 h 2956745"/>
                <a:gd name="connsiteX1" fmla="*/ 129126 w 3380160"/>
                <a:gd name="connsiteY1" fmla="*/ 370104 h 2956745"/>
                <a:gd name="connsiteX2" fmla="*/ 2782791 w 3380160"/>
                <a:gd name="connsiteY2" fmla="*/ 574110 h 2956745"/>
                <a:gd name="connsiteX3" fmla="*/ 3259676 w 3380160"/>
                <a:gd name="connsiteY3" fmla="*/ 2332252 h 2956745"/>
                <a:gd name="connsiteX4" fmla="*/ 2532556 w 3380160"/>
                <a:gd name="connsiteY4" fmla="*/ 2683839 h 2956745"/>
                <a:gd name="connsiteX5" fmla="*/ 59276 w 3380160"/>
                <a:gd name="connsiteY5" fmla="*/ 1138454 h 2956745"/>
                <a:gd name="connsiteX0" fmla="*/ 59276 w 2999325"/>
                <a:gd name="connsiteY0" fmla="*/ 1138454 h 2683836"/>
                <a:gd name="connsiteX1" fmla="*/ 129126 w 2999325"/>
                <a:gd name="connsiteY1" fmla="*/ 370104 h 2683836"/>
                <a:gd name="connsiteX2" fmla="*/ 2782791 w 2999325"/>
                <a:gd name="connsiteY2" fmla="*/ 574110 h 2683836"/>
                <a:gd name="connsiteX3" fmla="*/ 2532556 w 2999325"/>
                <a:gd name="connsiteY3" fmla="*/ 2683839 h 2683836"/>
                <a:gd name="connsiteX4" fmla="*/ 59276 w 2999325"/>
                <a:gd name="connsiteY4" fmla="*/ 1138454 h 2683836"/>
                <a:gd name="connsiteX0" fmla="*/ 59276 w 3072823"/>
                <a:gd name="connsiteY0" fmla="*/ 1138454 h 3037233"/>
                <a:gd name="connsiteX1" fmla="*/ 129126 w 3072823"/>
                <a:gd name="connsiteY1" fmla="*/ 370104 h 3037233"/>
                <a:gd name="connsiteX2" fmla="*/ 2782791 w 3072823"/>
                <a:gd name="connsiteY2" fmla="*/ 574110 h 3037233"/>
                <a:gd name="connsiteX3" fmla="*/ 2720894 w 3072823"/>
                <a:gd name="connsiteY3" fmla="*/ 3037228 h 3037233"/>
                <a:gd name="connsiteX4" fmla="*/ 59276 w 3072823"/>
                <a:gd name="connsiteY4" fmla="*/ 1138454 h 3037233"/>
                <a:gd name="connsiteX0" fmla="*/ 59276 w 3244086"/>
                <a:gd name="connsiteY0" fmla="*/ 1138454 h 3037233"/>
                <a:gd name="connsiteX1" fmla="*/ 129126 w 3244086"/>
                <a:gd name="connsiteY1" fmla="*/ 370104 h 3037233"/>
                <a:gd name="connsiteX2" fmla="*/ 2782791 w 3244086"/>
                <a:gd name="connsiteY2" fmla="*/ 574110 h 3037233"/>
                <a:gd name="connsiteX3" fmla="*/ 2720894 w 3244086"/>
                <a:gd name="connsiteY3" fmla="*/ 3037228 h 3037233"/>
                <a:gd name="connsiteX4" fmla="*/ 59276 w 3244086"/>
                <a:gd name="connsiteY4" fmla="*/ 1138454 h 3037233"/>
                <a:gd name="connsiteX0" fmla="*/ 59276 w 3263191"/>
                <a:gd name="connsiteY0" fmla="*/ 1138454 h 3037233"/>
                <a:gd name="connsiteX1" fmla="*/ 129126 w 3263191"/>
                <a:gd name="connsiteY1" fmla="*/ 370104 h 3037233"/>
                <a:gd name="connsiteX2" fmla="*/ 2782791 w 3263191"/>
                <a:gd name="connsiteY2" fmla="*/ 574110 h 3037233"/>
                <a:gd name="connsiteX3" fmla="*/ 2720894 w 3263191"/>
                <a:gd name="connsiteY3" fmla="*/ 3037228 h 3037233"/>
                <a:gd name="connsiteX4" fmla="*/ 59276 w 3263191"/>
                <a:gd name="connsiteY4" fmla="*/ 1138454 h 3037233"/>
                <a:gd name="connsiteX0" fmla="*/ 59276 w 3309484"/>
                <a:gd name="connsiteY0" fmla="*/ 1138454 h 3037233"/>
                <a:gd name="connsiteX1" fmla="*/ 129126 w 3309484"/>
                <a:gd name="connsiteY1" fmla="*/ 370104 h 3037233"/>
                <a:gd name="connsiteX2" fmla="*/ 2782791 w 3309484"/>
                <a:gd name="connsiteY2" fmla="*/ 574110 h 3037233"/>
                <a:gd name="connsiteX3" fmla="*/ 2720894 w 3309484"/>
                <a:gd name="connsiteY3" fmla="*/ 3037228 h 3037233"/>
                <a:gd name="connsiteX4" fmla="*/ 59276 w 3309484"/>
                <a:gd name="connsiteY4" fmla="*/ 1138454 h 3037233"/>
                <a:gd name="connsiteX0" fmla="*/ 59276 w 3405805"/>
                <a:gd name="connsiteY0" fmla="*/ 1138454 h 2998988"/>
                <a:gd name="connsiteX1" fmla="*/ 129126 w 3405805"/>
                <a:gd name="connsiteY1" fmla="*/ 370104 h 2998988"/>
                <a:gd name="connsiteX2" fmla="*/ 2782791 w 3405805"/>
                <a:gd name="connsiteY2" fmla="*/ 574110 h 2998988"/>
                <a:gd name="connsiteX3" fmla="*/ 2873514 w 3405805"/>
                <a:gd name="connsiteY3" fmla="*/ 2998988 h 2998988"/>
                <a:gd name="connsiteX4" fmla="*/ 59276 w 3405805"/>
                <a:gd name="connsiteY4" fmla="*/ 1138454 h 2998988"/>
                <a:gd name="connsiteX0" fmla="*/ 59276 w 3335394"/>
                <a:gd name="connsiteY0" fmla="*/ 1116848 h 2977382"/>
                <a:gd name="connsiteX1" fmla="*/ 129126 w 3335394"/>
                <a:gd name="connsiteY1" fmla="*/ 348498 h 2977382"/>
                <a:gd name="connsiteX2" fmla="*/ 2548012 w 3335394"/>
                <a:gd name="connsiteY2" fmla="*/ 623480 h 2977382"/>
                <a:gd name="connsiteX3" fmla="*/ 2873514 w 3335394"/>
                <a:gd name="connsiteY3" fmla="*/ 2977382 h 2977382"/>
                <a:gd name="connsiteX4" fmla="*/ 59276 w 3335394"/>
                <a:gd name="connsiteY4" fmla="*/ 1116848 h 2977382"/>
                <a:gd name="connsiteX0" fmla="*/ 59276 w 3401854"/>
                <a:gd name="connsiteY0" fmla="*/ 1129904 h 2990438"/>
                <a:gd name="connsiteX1" fmla="*/ 129126 w 3401854"/>
                <a:gd name="connsiteY1" fmla="*/ 361554 h 2990438"/>
                <a:gd name="connsiteX2" fmla="*/ 2771085 w 3401854"/>
                <a:gd name="connsiteY2" fmla="*/ 592777 h 2990438"/>
                <a:gd name="connsiteX3" fmla="*/ 2873514 w 3401854"/>
                <a:gd name="connsiteY3" fmla="*/ 2990438 h 2990438"/>
                <a:gd name="connsiteX4" fmla="*/ 59276 w 3401854"/>
                <a:gd name="connsiteY4" fmla="*/ 1129904 h 2990438"/>
                <a:gd name="connsiteX0" fmla="*/ 59276 w 3200183"/>
                <a:gd name="connsiteY0" fmla="*/ 1129904 h 2990438"/>
                <a:gd name="connsiteX1" fmla="*/ 129126 w 3200183"/>
                <a:gd name="connsiteY1" fmla="*/ 361554 h 2990438"/>
                <a:gd name="connsiteX2" fmla="*/ 2771085 w 3200183"/>
                <a:gd name="connsiteY2" fmla="*/ 592777 h 2990438"/>
                <a:gd name="connsiteX3" fmla="*/ 2873514 w 3200183"/>
                <a:gd name="connsiteY3" fmla="*/ 2990438 h 2990438"/>
                <a:gd name="connsiteX4" fmla="*/ 59276 w 3200183"/>
                <a:gd name="connsiteY4" fmla="*/ 1129904 h 2990438"/>
                <a:gd name="connsiteX0" fmla="*/ 59276 w 3330481"/>
                <a:gd name="connsiteY0" fmla="*/ 1129904 h 2990438"/>
                <a:gd name="connsiteX1" fmla="*/ 129126 w 3330481"/>
                <a:gd name="connsiteY1" fmla="*/ 361554 h 2990438"/>
                <a:gd name="connsiteX2" fmla="*/ 2771085 w 3330481"/>
                <a:gd name="connsiteY2" fmla="*/ 592777 h 2990438"/>
                <a:gd name="connsiteX3" fmla="*/ 2873514 w 3330481"/>
                <a:gd name="connsiteY3" fmla="*/ 2990438 h 2990438"/>
                <a:gd name="connsiteX4" fmla="*/ 59276 w 3330481"/>
                <a:gd name="connsiteY4" fmla="*/ 1129904 h 2990438"/>
                <a:gd name="connsiteX0" fmla="*/ 59276 w 3356242"/>
                <a:gd name="connsiteY0" fmla="*/ 1131611 h 2992145"/>
                <a:gd name="connsiteX1" fmla="*/ 129126 w 3356242"/>
                <a:gd name="connsiteY1" fmla="*/ 363261 h 2992145"/>
                <a:gd name="connsiteX2" fmla="*/ 2841544 w 3356242"/>
                <a:gd name="connsiteY2" fmla="*/ 588972 h 2992145"/>
                <a:gd name="connsiteX3" fmla="*/ 2873514 w 3356242"/>
                <a:gd name="connsiteY3" fmla="*/ 2992145 h 2992145"/>
                <a:gd name="connsiteX4" fmla="*/ 59276 w 3356242"/>
                <a:gd name="connsiteY4" fmla="*/ 1131611 h 2992145"/>
                <a:gd name="connsiteX0" fmla="*/ 59276 w 3356242"/>
                <a:gd name="connsiteY0" fmla="*/ 1155600 h 3016134"/>
                <a:gd name="connsiteX1" fmla="*/ 129126 w 3356242"/>
                <a:gd name="connsiteY1" fmla="*/ 387250 h 3016134"/>
                <a:gd name="connsiteX2" fmla="*/ 2841544 w 3356242"/>
                <a:gd name="connsiteY2" fmla="*/ 612961 h 3016134"/>
                <a:gd name="connsiteX3" fmla="*/ 2873514 w 3356242"/>
                <a:gd name="connsiteY3" fmla="*/ 3016134 h 3016134"/>
                <a:gd name="connsiteX4" fmla="*/ 59276 w 3356242"/>
                <a:gd name="connsiteY4" fmla="*/ 1155600 h 3016134"/>
                <a:gd name="connsiteX0" fmla="*/ 59276 w 3356242"/>
                <a:gd name="connsiteY0" fmla="*/ 1155600 h 3016134"/>
                <a:gd name="connsiteX1" fmla="*/ 129126 w 3356242"/>
                <a:gd name="connsiteY1" fmla="*/ 387250 h 3016134"/>
                <a:gd name="connsiteX2" fmla="*/ 2841544 w 3356242"/>
                <a:gd name="connsiteY2" fmla="*/ 612961 h 3016134"/>
                <a:gd name="connsiteX3" fmla="*/ 2873514 w 3356242"/>
                <a:gd name="connsiteY3" fmla="*/ 3016134 h 3016134"/>
                <a:gd name="connsiteX4" fmla="*/ 59276 w 3356242"/>
                <a:gd name="connsiteY4" fmla="*/ 1155600 h 3016134"/>
                <a:gd name="connsiteX0" fmla="*/ 59276 w 2873559"/>
                <a:gd name="connsiteY0" fmla="*/ 768357 h 2628891"/>
                <a:gd name="connsiteX1" fmla="*/ 129126 w 2873559"/>
                <a:gd name="connsiteY1" fmla="*/ 7 h 2628891"/>
                <a:gd name="connsiteX2" fmla="*/ 2873514 w 2873559"/>
                <a:gd name="connsiteY2" fmla="*/ 2628891 h 2628891"/>
                <a:gd name="connsiteX3" fmla="*/ 59276 w 2873559"/>
                <a:gd name="connsiteY3" fmla="*/ 768357 h 2628891"/>
                <a:gd name="connsiteX0" fmla="*/ 59276 w 3266876"/>
                <a:gd name="connsiteY0" fmla="*/ 768357 h 2628891"/>
                <a:gd name="connsiteX1" fmla="*/ 129126 w 3266876"/>
                <a:gd name="connsiteY1" fmla="*/ 7 h 2628891"/>
                <a:gd name="connsiteX2" fmla="*/ 2873514 w 3266876"/>
                <a:gd name="connsiteY2" fmla="*/ 2628891 h 2628891"/>
                <a:gd name="connsiteX3" fmla="*/ 59276 w 3266876"/>
                <a:gd name="connsiteY3" fmla="*/ 768357 h 2628891"/>
                <a:gd name="connsiteX0" fmla="*/ 59276 w 3361570"/>
                <a:gd name="connsiteY0" fmla="*/ 1112757 h 2973291"/>
                <a:gd name="connsiteX1" fmla="*/ 129126 w 3361570"/>
                <a:gd name="connsiteY1" fmla="*/ 344407 h 2973291"/>
                <a:gd name="connsiteX2" fmla="*/ 2873514 w 3361570"/>
                <a:gd name="connsiteY2" fmla="*/ 2973291 h 2973291"/>
                <a:gd name="connsiteX3" fmla="*/ 59276 w 3361570"/>
                <a:gd name="connsiteY3" fmla="*/ 1112757 h 2973291"/>
                <a:gd name="connsiteX0" fmla="*/ 59276 w 3351196"/>
                <a:gd name="connsiteY0" fmla="*/ 1178605 h 3039139"/>
                <a:gd name="connsiteX1" fmla="*/ 129126 w 3351196"/>
                <a:gd name="connsiteY1" fmla="*/ 410255 h 3039139"/>
                <a:gd name="connsiteX2" fmla="*/ 2873514 w 3351196"/>
                <a:gd name="connsiteY2" fmla="*/ 3039139 h 3039139"/>
                <a:gd name="connsiteX3" fmla="*/ 59276 w 3351196"/>
                <a:gd name="connsiteY3" fmla="*/ 1178605 h 3039139"/>
                <a:gd name="connsiteX0" fmla="*/ 59276 w 3374201"/>
                <a:gd name="connsiteY0" fmla="*/ 1176022 h 3036556"/>
                <a:gd name="connsiteX1" fmla="*/ 129126 w 3374201"/>
                <a:gd name="connsiteY1" fmla="*/ 407672 h 3036556"/>
                <a:gd name="connsiteX2" fmla="*/ 2873514 w 3374201"/>
                <a:gd name="connsiteY2" fmla="*/ 3036556 h 3036556"/>
                <a:gd name="connsiteX3" fmla="*/ 59276 w 3374201"/>
                <a:gd name="connsiteY3" fmla="*/ 1176022 h 3036556"/>
                <a:gd name="connsiteX0" fmla="*/ 59276 w 3352955"/>
                <a:gd name="connsiteY0" fmla="*/ 1233735 h 3094269"/>
                <a:gd name="connsiteX1" fmla="*/ 129126 w 3352955"/>
                <a:gd name="connsiteY1" fmla="*/ 465385 h 3094269"/>
                <a:gd name="connsiteX2" fmla="*/ 2873514 w 3352955"/>
                <a:gd name="connsiteY2" fmla="*/ 3094269 h 3094269"/>
                <a:gd name="connsiteX3" fmla="*/ 59276 w 3352955"/>
                <a:gd name="connsiteY3" fmla="*/ 1233735 h 3094269"/>
                <a:gd name="connsiteX0" fmla="*/ 59276 w 3321883"/>
                <a:gd name="connsiteY0" fmla="*/ 1169164 h 3029698"/>
                <a:gd name="connsiteX1" fmla="*/ 129126 w 3321883"/>
                <a:gd name="connsiteY1" fmla="*/ 400814 h 3029698"/>
                <a:gd name="connsiteX2" fmla="*/ 2873514 w 3321883"/>
                <a:gd name="connsiteY2" fmla="*/ 3029698 h 3029698"/>
                <a:gd name="connsiteX3" fmla="*/ 59276 w 3321883"/>
                <a:gd name="connsiteY3" fmla="*/ 1169164 h 3029698"/>
                <a:gd name="connsiteX0" fmla="*/ 59276 w 3365753"/>
                <a:gd name="connsiteY0" fmla="*/ 1203349 h 3063883"/>
                <a:gd name="connsiteX1" fmla="*/ 129126 w 3365753"/>
                <a:gd name="connsiteY1" fmla="*/ 434999 h 3063883"/>
                <a:gd name="connsiteX2" fmla="*/ 2873514 w 3365753"/>
                <a:gd name="connsiteY2" fmla="*/ 3063883 h 3063883"/>
                <a:gd name="connsiteX3" fmla="*/ 59276 w 3365753"/>
                <a:gd name="connsiteY3" fmla="*/ 1203349 h 30638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365753" h="3063883">
                  <a:moveTo>
                    <a:pt x="59276" y="1203349"/>
                  </a:moveTo>
                  <a:cubicBezTo>
                    <a:pt x="35993" y="993799"/>
                    <a:pt x="-95241" y="828699"/>
                    <a:pt x="129126" y="434999"/>
                  </a:cubicBezTo>
                  <a:cubicBezTo>
                    <a:pt x="1024914" y="-800276"/>
                    <a:pt x="4673362" y="758000"/>
                    <a:pt x="2873514" y="3063883"/>
                  </a:cubicBezTo>
                  <a:cubicBezTo>
                    <a:pt x="2340114" y="2864917"/>
                    <a:pt x="836909" y="383763"/>
                    <a:pt x="59276" y="1203349"/>
                  </a:cubicBezTo>
                  <a:close/>
                </a:path>
              </a:pathLst>
            </a:custGeom>
            <a:solidFill>
              <a:sysClr val="windowText" lastClr="000000">
                <a:lumMod val="75000"/>
                <a:lumOff val="25000"/>
              </a:sys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9" name="Rectangle 3"/>
            <p:cNvSpPr/>
            <p:nvPr/>
          </p:nvSpPr>
          <p:spPr>
            <a:xfrm>
              <a:off x="5674058" y="2412365"/>
              <a:ext cx="868851" cy="677638"/>
            </a:xfrm>
            <a:custGeom>
              <a:avLst/>
              <a:gdLst>
                <a:gd name="connsiteX0" fmla="*/ 0 w 838200"/>
                <a:gd name="connsiteY0" fmla="*/ 0 h 1206500"/>
                <a:gd name="connsiteX1" fmla="*/ 838200 w 838200"/>
                <a:gd name="connsiteY1" fmla="*/ 0 h 1206500"/>
                <a:gd name="connsiteX2" fmla="*/ 838200 w 838200"/>
                <a:gd name="connsiteY2" fmla="*/ 1206500 h 1206500"/>
                <a:gd name="connsiteX3" fmla="*/ 0 w 838200"/>
                <a:gd name="connsiteY3" fmla="*/ 1206500 h 1206500"/>
                <a:gd name="connsiteX4" fmla="*/ 0 w 838200"/>
                <a:gd name="connsiteY4" fmla="*/ 0 h 1206500"/>
                <a:gd name="connsiteX0" fmla="*/ 0 w 838200"/>
                <a:gd name="connsiteY0" fmla="*/ 0 h 1206500"/>
                <a:gd name="connsiteX1" fmla="*/ 619125 w 838200"/>
                <a:gd name="connsiteY1" fmla="*/ 0 h 1206500"/>
                <a:gd name="connsiteX2" fmla="*/ 838200 w 838200"/>
                <a:gd name="connsiteY2" fmla="*/ 0 h 1206500"/>
                <a:gd name="connsiteX3" fmla="*/ 838200 w 838200"/>
                <a:gd name="connsiteY3" fmla="*/ 1206500 h 1206500"/>
                <a:gd name="connsiteX4" fmla="*/ 0 w 838200"/>
                <a:gd name="connsiteY4" fmla="*/ 1206500 h 1206500"/>
                <a:gd name="connsiteX5" fmla="*/ 0 w 838200"/>
                <a:gd name="connsiteY5" fmla="*/ 0 h 1206500"/>
                <a:gd name="connsiteX0" fmla="*/ 0 w 838200"/>
                <a:gd name="connsiteY0" fmla="*/ 0 h 1206500"/>
                <a:gd name="connsiteX1" fmla="*/ 619125 w 838200"/>
                <a:gd name="connsiteY1" fmla="*/ 0 h 1206500"/>
                <a:gd name="connsiteX2" fmla="*/ 838200 w 838200"/>
                <a:gd name="connsiteY2" fmla="*/ 0 h 1206500"/>
                <a:gd name="connsiteX3" fmla="*/ 838200 w 838200"/>
                <a:gd name="connsiteY3" fmla="*/ 307975 h 1206500"/>
                <a:gd name="connsiteX4" fmla="*/ 838200 w 838200"/>
                <a:gd name="connsiteY4" fmla="*/ 1206500 h 1206500"/>
                <a:gd name="connsiteX5" fmla="*/ 0 w 838200"/>
                <a:gd name="connsiteY5" fmla="*/ 1206500 h 1206500"/>
                <a:gd name="connsiteX6" fmla="*/ 0 w 838200"/>
                <a:gd name="connsiteY6" fmla="*/ 0 h 1206500"/>
                <a:gd name="connsiteX0" fmla="*/ 0 w 838200"/>
                <a:gd name="connsiteY0" fmla="*/ 3175 h 1209675"/>
                <a:gd name="connsiteX1" fmla="*/ 619125 w 838200"/>
                <a:gd name="connsiteY1" fmla="*/ 3175 h 1209675"/>
                <a:gd name="connsiteX2" fmla="*/ 679450 w 838200"/>
                <a:gd name="connsiteY2" fmla="*/ 0 h 1209675"/>
                <a:gd name="connsiteX3" fmla="*/ 838200 w 838200"/>
                <a:gd name="connsiteY3" fmla="*/ 3175 h 1209675"/>
                <a:gd name="connsiteX4" fmla="*/ 838200 w 838200"/>
                <a:gd name="connsiteY4" fmla="*/ 311150 h 1209675"/>
                <a:gd name="connsiteX5" fmla="*/ 838200 w 838200"/>
                <a:gd name="connsiteY5" fmla="*/ 1209675 h 1209675"/>
                <a:gd name="connsiteX6" fmla="*/ 0 w 838200"/>
                <a:gd name="connsiteY6" fmla="*/ 1209675 h 1209675"/>
                <a:gd name="connsiteX7" fmla="*/ 0 w 838200"/>
                <a:gd name="connsiteY7" fmla="*/ 3175 h 1209675"/>
                <a:gd name="connsiteX0" fmla="*/ 0 w 838200"/>
                <a:gd name="connsiteY0" fmla="*/ 0 h 1206500"/>
                <a:gd name="connsiteX1" fmla="*/ 619125 w 838200"/>
                <a:gd name="connsiteY1" fmla="*/ 0 h 1206500"/>
                <a:gd name="connsiteX2" fmla="*/ 676275 w 838200"/>
                <a:gd name="connsiteY2" fmla="*/ 0 h 1206500"/>
                <a:gd name="connsiteX3" fmla="*/ 838200 w 838200"/>
                <a:gd name="connsiteY3" fmla="*/ 0 h 1206500"/>
                <a:gd name="connsiteX4" fmla="*/ 838200 w 838200"/>
                <a:gd name="connsiteY4" fmla="*/ 307975 h 1206500"/>
                <a:gd name="connsiteX5" fmla="*/ 838200 w 838200"/>
                <a:gd name="connsiteY5" fmla="*/ 1206500 h 1206500"/>
                <a:gd name="connsiteX6" fmla="*/ 0 w 838200"/>
                <a:gd name="connsiteY6" fmla="*/ 1206500 h 1206500"/>
                <a:gd name="connsiteX7" fmla="*/ 0 w 838200"/>
                <a:gd name="connsiteY7" fmla="*/ 0 h 1206500"/>
                <a:gd name="connsiteX0" fmla="*/ 0 w 838200"/>
                <a:gd name="connsiteY0" fmla="*/ 0 h 1206500"/>
                <a:gd name="connsiteX1" fmla="*/ 619125 w 838200"/>
                <a:gd name="connsiteY1" fmla="*/ 0 h 1206500"/>
                <a:gd name="connsiteX2" fmla="*/ 676275 w 838200"/>
                <a:gd name="connsiteY2" fmla="*/ 0 h 1206500"/>
                <a:gd name="connsiteX3" fmla="*/ 838200 w 838200"/>
                <a:gd name="connsiteY3" fmla="*/ 307975 h 1206500"/>
                <a:gd name="connsiteX4" fmla="*/ 838200 w 838200"/>
                <a:gd name="connsiteY4" fmla="*/ 1206500 h 1206500"/>
                <a:gd name="connsiteX5" fmla="*/ 0 w 838200"/>
                <a:gd name="connsiteY5" fmla="*/ 1206500 h 1206500"/>
                <a:gd name="connsiteX6" fmla="*/ 0 w 838200"/>
                <a:gd name="connsiteY6" fmla="*/ 0 h 1206500"/>
                <a:gd name="connsiteX0" fmla="*/ 0 w 838200"/>
                <a:gd name="connsiteY0" fmla="*/ 0 h 1206500"/>
                <a:gd name="connsiteX1" fmla="*/ 619125 w 838200"/>
                <a:gd name="connsiteY1" fmla="*/ 0 h 1206500"/>
                <a:gd name="connsiteX2" fmla="*/ 676275 w 838200"/>
                <a:gd name="connsiteY2" fmla="*/ 0 h 1206500"/>
                <a:gd name="connsiteX3" fmla="*/ 838200 w 838200"/>
                <a:gd name="connsiteY3" fmla="*/ 307975 h 1206500"/>
                <a:gd name="connsiteX4" fmla="*/ 838200 w 838200"/>
                <a:gd name="connsiteY4" fmla="*/ 1206500 h 1206500"/>
                <a:gd name="connsiteX5" fmla="*/ 0 w 838200"/>
                <a:gd name="connsiteY5" fmla="*/ 1206500 h 1206500"/>
                <a:gd name="connsiteX6" fmla="*/ 0 w 838200"/>
                <a:gd name="connsiteY6" fmla="*/ 0 h 1206500"/>
                <a:gd name="connsiteX0" fmla="*/ 0 w 838200"/>
                <a:gd name="connsiteY0" fmla="*/ 0 h 1206500"/>
                <a:gd name="connsiteX1" fmla="*/ 619125 w 838200"/>
                <a:gd name="connsiteY1" fmla="*/ 0 h 1206500"/>
                <a:gd name="connsiteX2" fmla="*/ 676275 w 838200"/>
                <a:gd name="connsiteY2" fmla="*/ 0 h 1206500"/>
                <a:gd name="connsiteX3" fmla="*/ 838200 w 838200"/>
                <a:gd name="connsiteY3" fmla="*/ 307975 h 1206500"/>
                <a:gd name="connsiteX4" fmla="*/ 838200 w 838200"/>
                <a:gd name="connsiteY4" fmla="*/ 1206500 h 1206500"/>
                <a:gd name="connsiteX5" fmla="*/ 0 w 838200"/>
                <a:gd name="connsiteY5" fmla="*/ 1206500 h 1206500"/>
                <a:gd name="connsiteX6" fmla="*/ 0 w 838200"/>
                <a:gd name="connsiteY6" fmla="*/ 0 h 1206500"/>
                <a:gd name="connsiteX0" fmla="*/ 0 w 838200"/>
                <a:gd name="connsiteY0" fmla="*/ 0 h 1206500"/>
                <a:gd name="connsiteX1" fmla="*/ 619125 w 838200"/>
                <a:gd name="connsiteY1" fmla="*/ 0 h 1206500"/>
                <a:gd name="connsiteX2" fmla="*/ 676275 w 838200"/>
                <a:gd name="connsiteY2" fmla="*/ 0 h 1206500"/>
                <a:gd name="connsiteX3" fmla="*/ 838200 w 838200"/>
                <a:gd name="connsiteY3" fmla="*/ 307975 h 1206500"/>
                <a:gd name="connsiteX4" fmla="*/ 835025 w 838200"/>
                <a:gd name="connsiteY4" fmla="*/ 673100 h 1206500"/>
                <a:gd name="connsiteX5" fmla="*/ 838200 w 838200"/>
                <a:gd name="connsiteY5" fmla="*/ 1206500 h 1206500"/>
                <a:gd name="connsiteX6" fmla="*/ 0 w 838200"/>
                <a:gd name="connsiteY6" fmla="*/ 1206500 h 1206500"/>
                <a:gd name="connsiteX7" fmla="*/ 0 w 838200"/>
                <a:gd name="connsiteY7" fmla="*/ 0 h 1206500"/>
                <a:gd name="connsiteX0" fmla="*/ 0 w 838200"/>
                <a:gd name="connsiteY0" fmla="*/ 0 h 1206500"/>
                <a:gd name="connsiteX1" fmla="*/ 619125 w 838200"/>
                <a:gd name="connsiteY1" fmla="*/ 0 h 1206500"/>
                <a:gd name="connsiteX2" fmla="*/ 676275 w 838200"/>
                <a:gd name="connsiteY2" fmla="*/ 0 h 1206500"/>
                <a:gd name="connsiteX3" fmla="*/ 838200 w 838200"/>
                <a:gd name="connsiteY3" fmla="*/ 307975 h 1206500"/>
                <a:gd name="connsiteX4" fmla="*/ 765175 w 838200"/>
                <a:gd name="connsiteY4" fmla="*/ 676275 h 1206500"/>
                <a:gd name="connsiteX5" fmla="*/ 838200 w 838200"/>
                <a:gd name="connsiteY5" fmla="*/ 1206500 h 1206500"/>
                <a:gd name="connsiteX6" fmla="*/ 0 w 838200"/>
                <a:gd name="connsiteY6" fmla="*/ 1206500 h 1206500"/>
                <a:gd name="connsiteX7" fmla="*/ 0 w 838200"/>
                <a:gd name="connsiteY7" fmla="*/ 0 h 1206500"/>
                <a:gd name="connsiteX0" fmla="*/ 0 w 838200"/>
                <a:gd name="connsiteY0" fmla="*/ 0 h 1206500"/>
                <a:gd name="connsiteX1" fmla="*/ 619125 w 838200"/>
                <a:gd name="connsiteY1" fmla="*/ 0 h 1206500"/>
                <a:gd name="connsiteX2" fmla="*/ 676275 w 838200"/>
                <a:gd name="connsiteY2" fmla="*/ 0 h 1206500"/>
                <a:gd name="connsiteX3" fmla="*/ 838200 w 838200"/>
                <a:gd name="connsiteY3" fmla="*/ 307975 h 1206500"/>
                <a:gd name="connsiteX4" fmla="*/ 765175 w 838200"/>
                <a:gd name="connsiteY4" fmla="*/ 676275 h 1206500"/>
                <a:gd name="connsiteX5" fmla="*/ 838200 w 838200"/>
                <a:gd name="connsiteY5" fmla="*/ 1206500 h 1206500"/>
                <a:gd name="connsiteX6" fmla="*/ 0 w 838200"/>
                <a:gd name="connsiteY6" fmla="*/ 1206500 h 1206500"/>
                <a:gd name="connsiteX7" fmla="*/ 0 w 838200"/>
                <a:gd name="connsiteY7" fmla="*/ 0 h 1206500"/>
                <a:gd name="connsiteX0" fmla="*/ 0 w 845244"/>
                <a:gd name="connsiteY0" fmla="*/ 0 h 1206500"/>
                <a:gd name="connsiteX1" fmla="*/ 619125 w 845244"/>
                <a:gd name="connsiteY1" fmla="*/ 0 h 1206500"/>
                <a:gd name="connsiteX2" fmla="*/ 676275 w 845244"/>
                <a:gd name="connsiteY2" fmla="*/ 0 h 1206500"/>
                <a:gd name="connsiteX3" fmla="*/ 838200 w 845244"/>
                <a:gd name="connsiteY3" fmla="*/ 307975 h 1206500"/>
                <a:gd name="connsiteX4" fmla="*/ 765175 w 845244"/>
                <a:gd name="connsiteY4" fmla="*/ 676275 h 1206500"/>
                <a:gd name="connsiteX5" fmla="*/ 838200 w 845244"/>
                <a:gd name="connsiteY5" fmla="*/ 1206500 h 1206500"/>
                <a:gd name="connsiteX6" fmla="*/ 0 w 845244"/>
                <a:gd name="connsiteY6" fmla="*/ 1206500 h 1206500"/>
                <a:gd name="connsiteX7" fmla="*/ 0 w 845244"/>
                <a:gd name="connsiteY7" fmla="*/ 0 h 1206500"/>
                <a:gd name="connsiteX0" fmla="*/ 0 w 849316"/>
                <a:gd name="connsiteY0" fmla="*/ 0 h 1206500"/>
                <a:gd name="connsiteX1" fmla="*/ 619125 w 849316"/>
                <a:gd name="connsiteY1" fmla="*/ 0 h 1206500"/>
                <a:gd name="connsiteX2" fmla="*/ 676275 w 849316"/>
                <a:gd name="connsiteY2" fmla="*/ 0 h 1206500"/>
                <a:gd name="connsiteX3" fmla="*/ 838200 w 849316"/>
                <a:gd name="connsiteY3" fmla="*/ 307975 h 1206500"/>
                <a:gd name="connsiteX4" fmla="*/ 765175 w 849316"/>
                <a:gd name="connsiteY4" fmla="*/ 676275 h 1206500"/>
                <a:gd name="connsiteX5" fmla="*/ 838200 w 849316"/>
                <a:gd name="connsiteY5" fmla="*/ 1206500 h 1206500"/>
                <a:gd name="connsiteX6" fmla="*/ 0 w 849316"/>
                <a:gd name="connsiteY6" fmla="*/ 1206500 h 1206500"/>
                <a:gd name="connsiteX7" fmla="*/ 0 w 849316"/>
                <a:gd name="connsiteY7" fmla="*/ 0 h 1206500"/>
                <a:gd name="connsiteX0" fmla="*/ 0 w 853444"/>
                <a:gd name="connsiteY0" fmla="*/ 0 h 1206500"/>
                <a:gd name="connsiteX1" fmla="*/ 619125 w 853444"/>
                <a:gd name="connsiteY1" fmla="*/ 0 h 1206500"/>
                <a:gd name="connsiteX2" fmla="*/ 676275 w 853444"/>
                <a:gd name="connsiteY2" fmla="*/ 0 h 1206500"/>
                <a:gd name="connsiteX3" fmla="*/ 838200 w 853444"/>
                <a:gd name="connsiteY3" fmla="*/ 307975 h 1206500"/>
                <a:gd name="connsiteX4" fmla="*/ 765175 w 853444"/>
                <a:gd name="connsiteY4" fmla="*/ 676275 h 1206500"/>
                <a:gd name="connsiteX5" fmla="*/ 838200 w 853444"/>
                <a:gd name="connsiteY5" fmla="*/ 1206500 h 1206500"/>
                <a:gd name="connsiteX6" fmla="*/ 0 w 853444"/>
                <a:gd name="connsiteY6" fmla="*/ 1206500 h 1206500"/>
                <a:gd name="connsiteX7" fmla="*/ 0 w 853444"/>
                <a:gd name="connsiteY7" fmla="*/ 0 h 1206500"/>
                <a:gd name="connsiteX0" fmla="*/ 0 w 856213"/>
                <a:gd name="connsiteY0" fmla="*/ 0 h 1206500"/>
                <a:gd name="connsiteX1" fmla="*/ 619125 w 856213"/>
                <a:gd name="connsiteY1" fmla="*/ 0 h 1206500"/>
                <a:gd name="connsiteX2" fmla="*/ 676275 w 856213"/>
                <a:gd name="connsiteY2" fmla="*/ 0 h 1206500"/>
                <a:gd name="connsiteX3" fmla="*/ 838200 w 856213"/>
                <a:gd name="connsiteY3" fmla="*/ 307975 h 1206500"/>
                <a:gd name="connsiteX4" fmla="*/ 765175 w 856213"/>
                <a:gd name="connsiteY4" fmla="*/ 676275 h 1206500"/>
                <a:gd name="connsiteX5" fmla="*/ 838200 w 856213"/>
                <a:gd name="connsiteY5" fmla="*/ 1206500 h 1206500"/>
                <a:gd name="connsiteX6" fmla="*/ 0 w 856213"/>
                <a:gd name="connsiteY6" fmla="*/ 1206500 h 1206500"/>
                <a:gd name="connsiteX7" fmla="*/ 0 w 856213"/>
                <a:gd name="connsiteY7" fmla="*/ 0 h 1206500"/>
                <a:gd name="connsiteX0" fmla="*/ 0 w 850124"/>
                <a:gd name="connsiteY0" fmla="*/ 0 h 1206500"/>
                <a:gd name="connsiteX1" fmla="*/ 619125 w 850124"/>
                <a:gd name="connsiteY1" fmla="*/ 0 h 1206500"/>
                <a:gd name="connsiteX2" fmla="*/ 676275 w 850124"/>
                <a:gd name="connsiteY2" fmla="*/ 0 h 1206500"/>
                <a:gd name="connsiteX3" fmla="*/ 838200 w 850124"/>
                <a:gd name="connsiteY3" fmla="*/ 307975 h 1206500"/>
                <a:gd name="connsiteX4" fmla="*/ 765175 w 850124"/>
                <a:gd name="connsiteY4" fmla="*/ 676275 h 1206500"/>
                <a:gd name="connsiteX5" fmla="*/ 838200 w 850124"/>
                <a:gd name="connsiteY5" fmla="*/ 1206500 h 1206500"/>
                <a:gd name="connsiteX6" fmla="*/ 0 w 850124"/>
                <a:gd name="connsiteY6" fmla="*/ 1206500 h 1206500"/>
                <a:gd name="connsiteX7" fmla="*/ 0 w 850124"/>
                <a:gd name="connsiteY7" fmla="*/ 0 h 1206500"/>
                <a:gd name="connsiteX0" fmla="*/ 0 w 850124"/>
                <a:gd name="connsiteY0" fmla="*/ 0 h 1206500"/>
                <a:gd name="connsiteX1" fmla="*/ 619125 w 850124"/>
                <a:gd name="connsiteY1" fmla="*/ 0 h 1206500"/>
                <a:gd name="connsiteX2" fmla="*/ 676275 w 850124"/>
                <a:gd name="connsiteY2" fmla="*/ 0 h 1206500"/>
                <a:gd name="connsiteX3" fmla="*/ 838200 w 850124"/>
                <a:gd name="connsiteY3" fmla="*/ 307975 h 1206500"/>
                <a:gd name="connsiteX4" fmla="*/ 765175 w 850124"/>
                <a:gd name="connsiteY4" fmla="*/ 676275 h 1206500"/>
                <a:gd name="connsiteX5" fmla="*/ 838200 w 850124"/>
                <a:gd name="connsiteY5" fmla="*/ 1206500 h 1206500"/>
                <a:gd name="connsiteX6" fmla="*/ 0 w 850124"/>
                <a:gd name="connsiteY6" fmla="*/ 1206500 h 1206500"/>
                <a:gd name="connsiteX7" fmla="*/ 0 w 850124"/>
                <a:gd name="connsiteY7" fmla="*/ 0 h 1206500"/>
                <a:gd name="connsiteX0" fmla="*/ 0 w 850124"/>
                <a:gd name="connsiteY0" fmla="*/ 243 h 1206743"/>
                <a:gd name="connsiteX1" fmla="*/ 619125 w 850124"/>
                <a:gd name="connsiteY1" fmla="*/ 243 h 1206743"/>
                <a:gd name="connsiteX2" fmla="*/ 676275 w 850124"/>
                <a:gd name="connsiteY2" fmla="*/ 243 h 1206743"/>
                <a:gd name="connsiteX3" fmla="*/ 838200 w 850124"/>
                <a:gd name="connsiteY3" fmla="*/ 308218 h 1206743"/>
                <a:gd name="connsiteX4" fmla="*/ 765175 w 850124"/>
                <a:gd name="connsiteY4" fmla="*/ 676518 h 1206743"/>
                <a:gd name="connsiteX5" fmla="*/ 838200 w 850124"/>
                <a:gd name="connsiteY5" fmla="*/ 1206743 h 1206743"/>
                <a:gd name="connsiteX6" fmla="*/ 0 w 850124"/>
                <a:gd name="connsiteY6" fmla="*/ 1206743 h 1206743"/>
                <a:gd name="connsiteX7" fmla="*/ 0 w 850124"/>
                <a:gd name="connsiteY7" fmla="*/ 243 h 1206743"/>
                <a:gd name="connsiteX0" fmla="*/ 0 w 850124"/>
                <a:gd name="connsiteY0" fmla="*/ 243 h 1206743"/>
                <a:gd name="connsiteX1" fmla="*/ 619125 w 850124"/>
                <a:gd name="connsiteY1" fmla="*/ 243 h 1206743"/>
                <a:gd name="connsiteX2" fmla="*/ 676275 w 850124"/>
                <a:gd name="connsiteY2" fmla="*/ 243 h 1206743"/>
                <a:gd name="connsiteX3" fmla="*/ 838200 w 850124"/>
                <a:gd name="connsiteY3" fmla="*/ 308218 h 1206743"/>
                <a:gd name="connsiteX4" fmla="*/ 765175 w 850124"/>
                <a:gd name="connsiteY4" fmla="*/ 676518 h 1206743"/>
                <a:gd name="connsiteX5" fmla="*/ 838200 w 850124"/>
                <a:gd name="connsiteY5" fmla="*/ 1206743 h 1206743"/>
                <a:gd name="connsiteX6" fmla="*/ 0 w 850124"/>
                <a:gd name="connsiteY6" fmla="*/ 1206743 h 1206743"/>
                <a:gd name="connsiteX7" fmla="*/ 0 w 850124"/>
                <a:gd name="connsiteY7" fmla="*/ 663819 h 1206743"/>
                <a:gd name="connsiteX8" fmla="*/ 0 w 850124"/>
                <a:gd name="connsiteY8" fmla="*/ 243 h 1206743"/>
                <a:gd name="connsiteX0" fmla="*/ 0 w 850124"/>
                <a:gd name="connsiteY0" fmla="*/ 243 h 1206751"/>
                <a:gd name="connsiteX1" fmla="*/ 619125 w 850124"/>
                <a:gd name="connsiteY1" fmla="*/ 243 h 1206751"/>
                <a:gd name="connsiteX2" fmla="*/ 676275 w 850124"/>
                <a:gd name="connsiteY2" fmla="*/ 243 h 1206751"/>
                <a:gd name="connsiteX3" fmla="*/ 838200 w 850124"/>
                <a:gd name="connsiteY3" fmla="*/ 308218 h 1206751"/>
                <a:gd name="connsiteX4" fmla="*/ 765175 w 850124"/>
                <a:gd name="connsiteY4" fmla="*/ 676518 h 1206751"/>
                <a:gd name="connsiteX5" fmla="*/ 0 w 850124"/>
                <a:gd name="connsiteY5" fmla="*/ 1206743 h 1206751"/>
                <a:gd name="connsiteX6" fmla="*/ 0 w 850124"/>
                <a:gd name="connsiteY6" fmla="*/ 663819 h 1206751"/>
                <a:gd name="connsiteX7" fmla="*/ 0 w 850124"/>
                <a:gd name="connsiteY7" fmla="*/ 243 h 1206751"/>
                <a:gd name="connsiteX0" fmla="*/ 0 w 850124"/>
                <a:gd name="connsiteY0" fmla="*/ 243 h 1206751"/>
                <a:gd name="connsiteX1" fmla="*/ 619125 w 850124"/>
                <a:gd name="connsiteY1" fmla="*/ 243 h 1206751"/>
                <a:gd name="connsiteX2" fmla="*/ 676275 w 850124"/>
                <a:gd name="connsiteY2" fmla="*/ 243 h 1206751"/>
                <a:gd name="connsiteX3" fmla="*/ 838200 w 850124"/>
                <a:gd name="connsiteY3" fmla="*/ 308218 h 1206751"/>
                <a:gd name="connsiteX4" fmla="*/ 765175 w 850124"/>
                <a:gd name="connsiteY4" fmla="*/ 676518 h 1206751"/>
                <a:gd name="connsiteX5" fmla="*/ 0 w 850124"/>
                <a:gd name="connsiteY5" fmla="*/ 1206743 h 1206751"/>
                <a:gd name="connsiteX6" fmla="*/ 0 w 850124"/>
                <a:gd name="connsiteY6" fmla="*/ 663819 h 1206751"/>
                <a:gd name="connsiteX7" fmla="*/ 0 w 850124"/>
                <a:gd name="connsiteY7" fmla="*/ 243 h 1206751"/>
                <a:gd name="connsiteX0" fmla="*/ 0 w 850124"/>
                <a:gd name="connsiteY0" fmla="*/ 243 h 735081"/>
                <a:gd name="connsiteX1" fmla="*/ 619125 w 850124"/>
                <a:gd name="connsiteY1" fmla="*/ 243 h 735081"/>
                <a:gd name="connsiteX2" fmla="*/ 676275 w 850124"/>
                <a:gd name="connsiteY2" fmla="*/ 243 h 735081"/>
                <a:gd name="connsiteX3" fmla="*/ 838200 w 850124"/>
                <a:gd name="connsiteY3" fmla="*/ 308218 h 735081"/>
                <a:gd name="connsiteX4" fmla="*/ 765175 w 850124"/>
                <a:gd name="connsiteY4" fmla="*/ 676518 h 735081"/>
                <a:gd name="connsiteX5" fmla="*/ 0 w 850124"/>
                <a:gd name="connsiteY5" fmla="*/ 663819 h 735081"/>
                <a:gd name="connsiteX6" fmla="*/ 0 w 850124"/>
                <a:gd name="connsiteY6" fmla="*/ 243 h 735081"/>
                <a:gd name="connsiteX0" fmla="*/ 0 w 850124"/>
                <a:gd name="connsiteY0" fmla="*/ 243 h 695778"/>
                <a:gd name="connsiteX1" fmla="*/ 619125 w 850124"/>
                <a:gd name="connsiteY1" fmla="*/ 243 h 695778"/>
                <a:gd name="connsiteX2" fmla="*/ 676275 w 850124"/>
                <a:gd name="connsiteY2" fmla="*/ 243 h 695778"/>
                <a:gd name="connsiteX3" fmla="*/ 838200 w 850124"/>
                <a:gd name="connsiteY3" fmla="*/ 308218 h 695778"/>
                <a:gd name="connsiteX4" fmla="*/ 765175 w 850124"/>
                <a:gd name="connsiteY4" fmla="*/ 676518 h 695778"/>
                <a:gd name="connsiteX5" fmla="*/ 565150 w 850124"/>
                <a:gd name="connsiteY5" fmla="*/ 536819 h 695778"/>
                <a:gd name="connsiteX6" fmla="*/ 0 w 850124"/>
                <a:gd name="connsiteY6" fmla="*/ 243 h 695778"/>
                <a:gd name="connsiteX0" fmla="*/ 0 w 850124"/>
                <a:gd name="connsiteY0" fmla="*/ 243 h 688525"/>
                <a:gd name="connsiteX1" fmla="*/ 619125 w 850124"/>
                <a:gd name="connsiteY1" fmla="*/ 243 h 688525"/>
                <a:gd name="connsiteX2" fmla="*/ 676275 w 850124"/>
                <a:gd name="connsiteY2" fmla="*/ 243 h 688525"/>
                <a:gd name="connsiteX3" fmla="*/ 838200 w 850124"/>
                <a:gd name="connsiteY3" fmla="*/ 308218 h 688525"/>
                <a:gd name="connsiteX4" fmla="*/ 765175 w 850124"/>
                <a:gd name="connsiteY4" fmla="*/ 676518 h 688525"/>
                <a:gd name="connsiteX5" fmla="*/ 565150 w 850124"/>
                <a:gd name="connsiteY5" fmla="*/ 536819 h 688525"/>
                <a:gd name="connsiteX6" fmla="*/ 0 w 850124"/>
                <a:gd name="connsiteY6" fmla="*/ 243 h 688525"/>
                <a:gd name="connsiteX0" fmla="*/ 0 w 850124"/>
                <a:gd name="connsiteY0" fmla="*/ 243 h 676518"/>
                <a:gd name="connsiteX1" fmla="*/ 619125 w 850124"/>
                <a:gd name="connsiteY1" fmla="*/ 243 h 676518"/>
                <a:gd name="connsiteX2" fmla="*/ 676275 w 850124"/>
                <a:gd name="connsiteY2" fmla="*/ 243 h 676518"/>
                <a:gd name="connsiteX3" fmla="*/ 838200 w 850124"/>
                <a:gd name="connsiteY3" fmla="*/ 308218 h 676518"/>
                <a:gd name="connsiteX4" fmla="*/ 765175 w 850124"/>
                <a:gd name="connsiteY4" fmla="*/ 676518 h 676518"/>
                <a:gd name="connsiteX5" fmla="*/ 565150 w 850124"/>
                <a:gd name="connsiteY5" fmla="*/ 536819 h 676518"/>
                <a:gd name="connsiteX6" fmla="*/ 0 w 850124"/>
                <a:gd name="connsiteY6" fmla="*/ 243 h 676518"/>
                <a:gd name="connsiteX0" fmla="*/ 0 w 850124"/>
                <a:gd name="connsiteY0" fmla="*/ 243 h 676518"/>
                <a:gd name="connsiteX1" fmla="*/ 619125 w 850124"/>
                <a:gd name="connsiteY1" fmla="*/ 243 h 676518"/>
                <a:gd name="connsiteX2" fmla="*/ 676275 w 850124"/>
                <a:gd name="connsiteY2" fmla="*/ 243 h 676518"/>
                <a:gd name="connsiteX3" fmla="*/ 838200 w 850124"/>
                <a:gd name="connsiteY3" fmla="*/ 308218 h 676518"/>
                <a:gd name="connsiteX4" fmla="*/ 765175 w 850124"/>
                <a:gd name="connsiteY4" fmla="*/ 676518 h 676518"/>
                <a:gd name="connsiteX5" fmla="*/ 565150 w 850124"/>
                <a:gd name="connsiteY5" fmla="*/ 536819 h 676518"/>
                <a:gd name="connsiteX6" fmla="*/ 0 w 850124"/>
                <a:gd name="connsiteY6" fmla="*/ 243 h 676518"/>
                <a:gd name="connsiteX0" fmla="*/ 0 w 850124"/>
                <a:gd name="connsiteY0" fmla="*/ 243 h 676518"/>
                <a:gd name="connsiteX1" fmla="*/ 619125 w 850124"/>
                <a:gd name="connsiteY1" fmla="*/ 243 h 676518"/>
                <a:gd name="connsiteX2" fmla="*/ 676275 w 850124"/>
                <a:gd name="connsiteY2" fmla="*/ 243 h 676518"/>
                <a:gd name="connsiteX3" fmla="*/ 838200 w 850124"/>
                <a:gd name="connsiteY3" fmla="*/ 308218 h 676518"/>
                <a:gd name="connsiteX4" fmla="*/ 765175 w 850124"/>
                <a:gd name="connsiteY4" fmla="*/ 676518 h 676518"/>
                <a:gd name="connsiteX5" fmla="*/ 565150 w 850124"/>
                <a:gd name="connsiteY5" fmla="*/ 536819 h 676518"/>
                <a:gd name="connsiteX6" fmla="*/ 422275 w 850124"/>
                <a:gd name="connsiteY6" fmla="*/ 406645 h 676518"/>
                <a:gd name="connsiteX7" fmla="*/ 0 w 850124"/>
                <a:gd name="connsiteY7" fmla="*/ 243 h 676518"/>
                <a:gd name="connsiteX0" fmla="*/ 0 w 850124"/>
                <a:gd name="connsiteY0" fmla="*/ 243 h 676518"/>
                <a:gd name="connsiteX1" fmla="*/ 619125 w 850124"/>
                <a:gd name="connsiteY1" fmla="*/ 243 h 676518"/>
                <a:gd name="connsiteX2" fmla="*/ 676275 w 850124"/>
                <a:gd name="connsiteY2" fmla="*/ 243 h 676518"/>
                <a:gd name="connsiteX3" fmla="*/ 838200 w 850124"/>
                <a:gd name="connsiteY3" fmla="*/ 308218 h 676518"/>
                <a:gd name="connsiteX4" fmla="*/ 765175 w 850124"/>
                <a:gd name="connsiteY4" fmla="*/ 676518 h 676518"/>
                <a:gd name="connsiteX5" fmla="*/ 565150 w 850124"/>
                <a:gd name="connsiteY5" fmla="*/ 536819 h 676518"/>
                <a:gd name="connsiteX6" fmla="*/ 536575 w 850124"/>
                <a:gd name="connsiteY6" fmla="*/ 273295 h 676518"/>
                <a:gd name="connsiteX7" fmla="*/ 0 w 850124"/>
                <a:gd name="connsiteY7" fmla="*/ 243 h 676518"/>
                <a:gd name="connsiteX0" fmla="*/ 0 w 850124"/>
                <a:gd name="connsiteY0" fmla="*/ 243 h 676518"/>
                <a:gd name="connsiteX1" fmla="*/ 619125 w 850124"/>
                <a:gd name="connsiteY1" fmla="*/ 243 h 676518"/>
                <a:gd name="connsiteX2" fmla="*/ 676275 w 850124"/>
                <a:gd name="connsiteY2" fmla="*/ 243 h 676518"/>
                <a:gd name="connsiteX3" fmla="*/ 838200 w 850124"/>
                <a:gd name="connsiteY3" fmla="*/ 308218 h 676518"/>
                <a:gd name="connsiteX4" fmla="*/ 765175 w 850124"/>
                <a:gd name="connsiteY4" fmla="*/ 676518 h 676518"/>
                <a:gd name="connsiteX5" fmla="*/ 565150 w 850124"/>
                <a:gd name="connsiteY5" fmla="*/ 536819 h 676518"/>
                <a:gd name="connsiteX6" fmla="*/ 536575 w 850124"/>
                <a:gd name="connsiteY6" fmla="*/ 273295 h 676518"/>
                <a:gd name="connsiteX7" fmla="*/ 0 w 850124"/>
                <a:gd name="connsiteY7" fmla="*/ 243 h 676518"/>
                <a:gd name="connsiteX0" fmla="*/ 0 w 850124"/>
                <a:gd name="connsiteY0" fmla="*/ 243 h 676518"/>
                <a:gd name="connsiteX1" fmla="*/ 619125 w 850124"/>
                <a:gd name="connsiteY1" fmla="*/ 243 h 676518"/>
                <a:gd name="connsiteX2" fmla="*/ 676275 w 850124"/>
                <a:gd name="connsiteY2" fmla="*/ 243 h 676518"/>
                <a:gd name="connsiteX3" fmla="*/ 838200 w 850124"/>
                <a:gd name="connsiteY3" fmla="*/ 308218 h 676518"/>
                <a:gd name="connsiteX4" fmla="*/ 765175 w 850124"/>
                <a:gd name="connsiteY4" fmla="*/ 676518 h 676518"/>
                <a:gd name="connsiteX5" fmla="*/ 565150 w 850124"/>
                <a:gd name="connsiteY5" fmla="*/ 536819 h 676518"/>
                <a:gd name="connsiteX6" fmla="*/ 536575 w 850124"/>
                <a:gd name="connsiteY6" fmla="*/ 273295 h 676518"/>
                <a:gd name="connsiteX7" fmla="*/ 0 w 850124"/>
                <a:gd name="connsiteY7" fmla="*/ 243 h 676518"/>
                <a:gd name="connsiteX0" fmla="*/ 0 w 850124"/>
                <a:gd name="connsiteY0" fmla="*/ 243 h 676518"/>
                <a:gd name="connsiteX1" fmla="*/ 619125 w 850124"/>
                <a:gd name="connsiteY1" fmla="*/ 243 h 676518"/>
                <a:gd name="connsiteX2" fmla="*/ 676275 w 850124"/>
                <a:gd name="connsiteY2" fmla="*/ 243 h 676518"/>
                <a:gd name="connsiteX3" fmla="*/ 838200 w 850124"/>
                <a:gd name="connsiteY3" fmla="*/ 308218 h 676518"/>
                <a:gd name="connsiteX4" fmla="*/ 765175 w 850124"/>
                <a:gd name="connsiteY4" fmla="*/ 676518 h 676518"/>
                <a:gd name="connsiteX5" fmla="*/ 565150 w 850124"/>
                <a:gd name="connsiteY5" fmla="*/ 536819 h 676518"/>
                <a:gd name="connsiteX6" fmla="*/ 536575 w 850124"/>
                <a:gd name="connsiteY6" fmla="*/ 273295 h 676518"/>
                <a:gd name="connsiteX7" fmla="*/ 419100 w 850124"/>
                <a:gd name="connsiteY7" fmla="*/ 203445 h 676518"/>
                <a:gd name="connsiteX8" fmla="*/ 0 w 850124"/>
                <a:gd name="connsiteY8" fmla="*/ 243 h 676518"/>
                <a:gd name="connsiteX0" fmla="*/ 0 w 850124"/>
                <a:gd name="connsiteY0" fmla="*/ 243 h 676518"/>
                <a:gd name="connsiteX1" fmla="*/ 619125 w 850124"/>
                <a:gd name="connsiteY1" fmla="*/ 243 h 676518"/>
                <a:gd name="connsiteX2" fmla="*/ 676275 w 850124"/>
                <a:gd name="connsiteY2" fmla="*/ 243 h 676518"/>
                <a:gd name="connsiteX3" fmla="*/ 838200 w 850124"/>
                <a:gd name="connsiteY3" fmla="*/ 308218 h 676518"/>
                <a:gd name="connsiteX4" fmla="*/ 765175 w 850124"/>
                <a:gd name="connsiteY4" fmla="*/ 676518 h 676518"/>
                <a:gd name="connsiteX5" fmla="*/ 565150 w 850124"/>
                <a:gd name="connsiteY5" fmla="*/ 536819 h 676518"/>
                <a:gd name="connsiteX6" fmla="*/ 536575 w 850124"/>
                <a:gd name="connsiteY6" fmla="*/ 273295 h 676518"/>
                <a:gd name="connsiteX7" fmla="*/ 419100 w 850124"/>
                <a:gd name="connsiteY7" fmla="*/ 203445 h 676518"/>
                <a:gd name="connsiteX8" fmla="*/ 0 w 850124"/>
                <a:gd name="connsiteY8" fmla="*/ 243 h 676518"/>
                <a:gd name="connsiteX0" fmla="*/ 0 w 850124"/>
                <a:gd name="connsiteY0" fmla="*/ 243 h 676518"/>
                <a:gd name="connsiteX1" fmla="*/ 619125 w 850124"/>
                <a:gd name="connsiteY1" fmla="*/ 243 h 676518"/>
                <a:gd name="connsiteX2" fmla="*/ 676275 w 850124"/>
                <a:gd name="connsiteY2" fmla="*/ 243 h 676518"/>
                <a:gd name="connsiteX3" fmla="*/ 838200 w 850124"/>
                <a:gd name="connsiteY3" fmla="*/ 308218 h 676518"/>
                <a:gd name="connsiteX4" fmla="*/ 765175 w 850124"/>
                <a:gd name="connsiteY4" fmla="*/ 676518 h 676518"/>
                <a:gd name="connsiteX5" fmla="*/ 565150 w 850124"/>
                <a:gd name="connsiteY5" fmla="*/ 536819 h 676518"/>
                <a:gd name="connsiteX6" fmla="*/ 536575 w 850124"/>
                <a:gd name="connsiteY6" fmla="*/ 273295 h 676518"/>
                <a:gd name="connsiteX7" fmla="*/ 3175 w 850124"/>
                <a:gd name="connsiteY7" fmla="*/ 492370 h 676518"/>
                <a:gd name="connsiteX8" fmla="*/ 0 w 850124"/>
                <a:gd name="connsiteY8" fmla="*/ 243 h 676518"/>
                <a:gd name="connsiteX0" fmla="*/ 0 w 850124"/>
                <a:gd name="connsiteY0" fmla="*/ 243 h 676518"/>
                <a:gd name="connsiteX1" fmla="*/ 619125 w 850124"/>
                <a:gd name="connsiteY1" fmla="*/ 243 h 676518"/>
                <a:gd name="connsiteX2" fmla="*/ 676275 w 850124"/>
                <a:gd name="connsiteY2" fmla="*/ 243 h 676518"/>
                <a:gd name="connsiteX3" fmla="*/ 838200 w 850124"/>
                <a:gd name="connsiteY3" fmla="*/ 308218 h 676518"/>
                <a:gd name="connsiteX4" fmla="*/ 765175 w 850124"/>
                <a:gd name="connsiteY4" fmla="*/ 676518 h 676518"/>
                <a:gd name="connsiteX5" fmla="*/ 565150 w 850124"/>
                <a:gd name="connsiteY5" fmla="*/ 536819 h 676518"/>
                <a:gd name="connsiteX6" fmla="*/ 536575 w 850124"/>
                <a:gd name="connsiteY6" fmla="*/ 273295 h 676518"/>
                <a:gd name="connsiteX7" fmla="*/ 209550 w 850124"/>
                <a:gd name="connsiteY7" fmla="*/ 409820 h 676518"/>
                <a:gd name="connsiteX8" fmla="*/ 3175 w 850124"/>
                <a:gd name="connsiteY8" fmla="*/ 492370 h 676518"/>
                <a:gd name="connsiteX9" fmla="*/ 0 w 850124"/>
                <a:gd name="connsiteY9" fmla="*/ 243 h 676518"/>
                <a:gd name="connsiteX0" fmla="*/ 0 w 850124"/>
                <a:gd name="connsiteY0" fmla="*/ 243 h 676518"/>
                <a:gd name="connsiteX1" fmla="*/ 619125 w 850124"/>
                <a:gd name="connsiteY1" fmla="*/ 243 h 676518"/>
                <a:gd name="connsiteX2" fmla="*/ 676275 w 850124"/>
                <a:gd name="connsiteY2" fmla="*/ 243 h 676518"/>
                <a:gd name="connsiteX3" fmla="*/ 838200 w 850124"/>
                <a:gd name="connsiteY3" fmla="*/ 308218 h 676518"/>
                <a:gd name="connsiteX4" fmla="*/ 765175 w 850124"/>
                <a:gd name="connsiteY4" fmla="*/ 676518 h 676518"/>
                <a:gd name="connsiteX5" fmla="*/ 565150 w 850124"/>
                <a:gd name="connsiteY5" fmla="*/ 536819 h 676518"/>
                <a:gd name="connsiteX6" fmla="*/ 536575 w 850124"/>
                <a:gd name="connsiteY6" fmla="*/ 273295 h 676518"/>
                <a:gd name="connsiteX7" fmla="*/ 212725 w 850124"/>
                <a:gd name="connsiteY7" fmla="*/ 495545 h 676518"/>
                <a:gd name="connsiteX8" fmla="*/ 3175 w 850124"/>
                <a:gd name="connsiteY8" fmla="*/ 492370 h 676518"/>
                <a:gd name="connsiteX9" fmla="*/ 0 w 850124"/>
                <a:gd name="connsiteY9" fmla="*/ 243 h 676518"/>
                <a:gd name="connsiteX0" fmla="*/ 0 w 850124"/>
                <a:gd name="connsiteY0" fmla="*/ 243 h 676518"/>
                <a:gd name="connsiteX1" fmla="*/ 619125 w 850124"/>
                <a:gd name="connsiteY1" fmla="*/ 243 h 676518"/>
                <a:gd name="connsiteX2" fmla="*/ 676275 w 850124"/>
                <a:gd name="connsiteY2" fmla="*/ 243 h 676518"/>
                <a:gd name="connsiteX3" fmla="*/ 838200 w 850124"/>
                <a:gd name="connsiteY3" fmla="*/ 308218 h 676518"/>
                <a:gd name="connsiteX4" fmla="*/ 765175 w 850124"/>
                <a:gd name="connsiteY4" fmla="*/ 676518 h 676518"/>
                <a:gd name="connsiteX5" fmla="*/ 565150 w 850124"/>
                <a:gd name="connsiteY5" fmla="*/ 536819 h 676518"/>
                <a:gd name="connsiteX6" fmla="*/ 536575 w 850124"/>
                <a:gd name="connsiteY6" fmla="*/ 273295 h 676518"/>
                <a:gd name="connsiteX7" fmla="*/ 212725 w 850124"/>
                <a:gd name="connsiteY7" fmla="*/ 495545 h 676518"/>
                <a:gd name="connsiteX8" fmla="*/ 3175 w 850124"/>
                <a:gd name="connsiteY8" fmla="*/ 492370 h 676518"/>
                <a:gd name="connsiteX9" fmla="*/ 0 w 850124"/>
                <a:gd name="connsiteY9" fmla="*/ 243 h 676518"/>
                <a:gd name="connsiteX0" fmla="*/ 0 w 850124"/>
                <a:gd name="connsiteY0" fmla="*/ 243 h 676518"/>
                <a:gd name="connsiteX1" fmla="*/ 619125 w 850124"/>
                <a:gd name="connsiteY1" fmla="*/ 243 h 676518"/>
                <a:gd name="connsiteX2" fmla="*/ 676275 w 850124"/>
                <a:gd name="connsiteY2" fmla="*/ 243 h 676518"/>
                <a:gd name="connsiteX3" fmla="*/ 838200 w 850124"/>
                <a:gd name="connsiteY3" fmla="*/ 308218 h 676518"/>
                <a:gd name="connsiteX4" fmla="*/ 765175 w 850124"/>
                <a:gd name="connsiteY4" fmla="*/ 676518 h 676518"/>
                <a:gd name="connsiteX5" fmla="*/ 565150 w 850124"/>
                <a:gd name="connsiteY5" fmla="*/ 536819 h 676518"/>
                <a:gd name="connsiteX6" fmla="*/ 536575 w 850124"/>
                <a:gd name="connsiteY6" fmla="*/ 273295 h 676518"/>
                <a:gd name="connsiteX7" fmla="*/ 460375 w 850124"/>
                <a:gd name="connsiteY7" fmla="*/ 333620 h 676518"/>
                <a:gd name="connsiteX8" fmla="*/ 212725 w 850124"/>
                <a:gd name="connsiteY8" fmla="*/ 495545 h 676518"/>
                <a:gd name="connsiteX9" fmla="*/ 3175 w 850124"/>
                <a:gd name="connsiteY9" fmla="*/ 492370 h 676518"/>
                <a:gd name="connsiteX10" fmla="*/ 0 w 850124"/>
                <a:gd name="connsiteY10" fmla="*/ 243 h 676518"/>
                <a:gd name="connsiteX0" fmla="*/ 0 w 850124"/>
                <a:gd name="connsiteY0" fmla="*/ 243 h 676518"/>
                <a:gd name="connsiteX1" fmla="*/ 619125 w 850124"/>
                <a:gd name="connsiteY1" fmla="*/ 243 h 676518"/>
                <a:gd name="connsiteX2" fmla="*/ 676275 w 850124"/>
                <a:gd name="connsiteY2" fmla="*/ 243 h 676518"/>
                <a:gd name="connsiteX3" fmla="*/ 838200 w 850124"/>
                <a:gd name="connsiteY3" fmla="*/ 308218 h 676518"/>
                <a:gd name="connsiteX4" fmla="*/ 765175 w 850124"/>
                <a:gd name="connsiteY4" fmla="*/ 676518 h 676518"/>
                <a:gd name="connsiteX5" fmla="*/ 565150 w 850124"/>
                <a:gd name="connsiteY5" fmla="*/ 536819 h 676518"/>
                <a:gd name="connsiteX6" fmla="*/ 536575 w 850124"/>
                <a:gd name="connsiteY6" fmla="*/ 273295 h 676518"/>
                <a:gd name="connsiteX7" fmla="*/ 434975 w 850124"/>
                <a:gd name="connsiteY7" fmla="*/ 305045 h 676518"/>
                <a:gd name="connsiteX8" fmla="*/ 212725 w 850124"/>
                <a:gd name="connsiteY8" fmla="*/ 495545 h 676518"/>
                <a:gd name="connsiteX9" fmla="*/ 3175 w 850124"/>
                <a:gd name="connsiteY9" fmla="*/ 492370 h 676518"/>
                <a:gd name="connsiteX10" fmla="*/ 0 w 850124"/>
                <a:gd name="connsiteY10" fmla="*/ 243 h 676518"/>
                <a:gd name="connsiteX0" fmla="*/ 0 w 850124"/>
                <a:gd name="connsiteY0" fmla="*/ 243 h 676518"/>
                <a:gd name="connsiteX1" fmla="*/ 619125 w 850124"/>
                <a:gd name="connsiteY1" fmla="*/ 243 h 676518"/>
                <a:gd name="connsiteX2" fmla="*/ 676275 w 850124"/>
                <a:gd name="connsiteY2" fmla="*/ 243 h 676518"/>
                <a:gd name="connsiteX3" fmla="*/ 838200 w 850124"/>
                <a:gd name="connsiteY3" fmla="*/ 308218 h 676518"/>
                <a:gd name="connsiteX4" fmla="*/ 765175 w 850124"/>
                <a:gd name="connsiteY4" fmla="*/ 676518 h 676518"/>
                <a:gd name="connsiteX5" fmla="*/ 565150 w 850124"/>
                <a:gd name="connsiteY5" fmla="*/ 536819 h 676518"/>
                <a:gd name="connsiteX6" fmla="*/ 536575 w 850124"/>
                <a:gd name="connsiteY6" fmla="*/ 273295 h 676518"/>
                <a:gd name="connsiteX7" fmla="*/ 441325 w 850124"/>
                <a:gd name="connsiteY7" fmla="*/ 320920 h 676518"/>
                <a:gd name="connsiteX8" fmla="*/ 212725 w 850124"/>
                <a:gd name="connsiteY8" fmla="*/ 495545 h 676518"/>
                <a:gd name="connsiteX9" fmla="*/ 3175 w 850124"/>
                <a:gd name="connsiteY9" fmla="*/ 492370 h 676518"/>
                <a:gd name="connsiteX10" fmla="*/ 0 w 850124"/>
                <a:gd name="connsiteY10" fmla="*/ 243 h 676518"/>
                <a:gd name="connsiteX0" fmla="*/ 0 w 850124"/>
                <a:gd name="connsiteY0" fmla="*/ 243 h 676518"/>
                <a:gd name="connsiteX1" fmla="*/ 619125 w 850124"/>
                <a:gd name="connsiteY1" fmla="*/ 243 h 676518"/>
                <a:gd name="connsiteX2" fmla="*/ 676275 w 850124"/>
                <a:gd name="connsiteY2" fmla="*/ 243 h 676518"/>
                <a:gd name="connsiteX3" fmla="*/ 838200 w 850124"/>
                <a:gd name="connsiteY3" fmla="*/ 308218 h 676518"/>
                <a:gd name="connsiteX4" fmla="*/ 765175 w 850124"/>
                <a:gd name="connsiteY4" fmla="*/ 676518 h 676518"/>
                <a:gd name="connsiteX5" fmla="*/ 565150 w 850124"/>
                <a:gd name="connsiteY5" fmla="*/ 536819 h 676518"/>
                <a:gd name="connsiteX6" fmla="*/ 536575 w 850124"/>
                <a:gd name="connsiteY6" fmla="*/ 273295 h 676518"/>
                <a:gd name="connsiteX7" fmla="*/ 441325 w 850124"/>
                <a:gd name="connsiteY7" fmla="*/ 320920 h 676518"/>
                <a:gd name="connsiteX8" fmla="*/ 212725 w 850124"/>
                <a:gd name="connsiteY8" fmla="*/ 495545 h 676518"/>
                <a:gd name="connsiteX9" fmla="*/ 3175 w 850124"/>
                <a:gd name="connsiteY9" fmla="*/ 492370 h 676518"/>
                <a:gd name="connsiteX10" fmla="*/ 0 w 850124"/>
                <a:gd name="connsiteY10" fmla="*/ 243 h 676518"/>
                <a:gd name="connsiteX0" fmla="*/ 0 w 850124"/>
                <a:gd name="connsiteY0" fmla="*/ 243 h 676518"/>
                <a:gd name="connsiteX1" fmla="*/ 619125 w 850124"/>
                <a:gd name="connsiteY1" fmla="*/ 243 h 676518"/>
                <a:gd name="connsiteX2" fmla="*/ 676275 w 850124"/>
                <a:gd name="connsiteY2" fmla="*/ 243 h 676518"/>
                <a:gd name="connsiteX3" fmla="*/ 838200 w 850124"/>
                <a:gd name="connsiteY3" fmla="*/ 308218 h 676518"/>
                <a:gd name="connsiteX4" fmla="*/ 765175 w 850124"/>
                <a:gd name="connsiteY4" fmla="*/ 676518 h 676518"/>
                <a:gd name="connsiteX5" fmla="*/ 565150 w 850124"/>
                <a:gd name="connsiteY5" fmla="*/ 536819 h 676518"/>
                <a:gd name="connsiteX6" fmla="*/ 536575 w 850124"/>
                <a:gd name="connsiteY6" fmla="*/ 273295 h 676518"/>
                <a:gd name="connsiteX7" fmla="*/ 441325 w 850124"/>
                <a:gd name="connsiteY7" fmla="*/ 320920 h 676518"/>
                <a:gd name="connsiteX8" fmla="*/ 212725 w 850124"/>
                <a:gd name="connsiteY8" fmla="*/ 495545 h 676518"/>
                <a:gd name="connsiteX9" fmla="*/ 3175 w 850124"/>
                <a:gd name="connsiteY9" fmla="*/ 492370 h 676518"/>
                <a:gd name="connsiteX10" fmla="*/ 0 w 850124"/>
                <a:gd name="connsiteY10" fmla="*/ 243 h 676518"/>
                <a:gd name="connsiteX0" fmla="*/ 0 w 850124"/>
                <a:gd name="connsiteY0" fmla="*/ 243 h 676518"/>
                <a:gd name="connsiteX1" fmla="*/ 619125 w 850124"/>
                <a:gd name="connsiteY1" fmla="*/ 243 h 676518"/>
                <a:gd name="connsiteX2" fmla="*/ 676275 w 850124"/>
                <a:gd name="connsiteY2" fmla="*/ 243 h 676518"/>
                <a:gd name="connsiteX3" fmla="*/ 838200 w 850124"/>
                <a:gd name="connsiteY3" fmla="*/ 308218 h 676518"/>
                <a:gd name="connsiteX4" fmla="*/ 765175 w 850124"/>
                <a:gd name="connsiteY4" fmla="*/ 676518 h 676518"/>
                <a:gd name="connsiteX5" fmla="*/ 565150 w 850124"/>
                <a:gd name="connsiteY5" fmla="*/ 536819 h 676518"/>
                <a:gd name="connsiteX6" fmla="*/ 536575 w 850124"/>
                <a:gd name="connsiteY6" fmla="*/ 273295 h 676518"/>
                <a:gd name="connsiteX7" fmla="*/ 441325 w 850124"/>
                <a:gd name="connsiteY7" fmla="*/ 320920 h 676518"/>
                <a:gd name="connsiteX8" fmla="*/ 212725 w 850124"/>
                <a:gd name="connsiteY8" fmla="*/ 495545 h 676518"/>
                <a:gd name="connsiteX9" fmla="*/ 3175 w 850124"/>
                <a:gd name="connsiteY9" fmla="*/ 492370 h 676518"/>
                <a:gd name="connsiteX10" fmla="*/ 0 w 850124"/>
                <a:gd name="connsiteY10" fmla="*/ 243 h 676518"/>
                <a:gd name="connsiteX0" fmla="*/ 45979 w 896103"/>
                <a:gd name="connsiteY0" fmla="*/ 243 h 676518"/>
                <a:gd name="connsiteX1" fmla="*/ 665104 w 896103"/>
                <a:gd name="connsiteY1" fmla="*/ 243 h 676518"/>
                <a:gd name="connsiteX2" fmla="*/ 722254 w 896103"/>
                <a:gd name="connsiteY2" fmla="*/ 243 h 676518"/>
                <a:gd name="connsiteX3" fmla="*/ 884179 w 896103"/>
                <a:gd name="connsiteY3" fmla="*/ 308218 h 676518"/>
                <a:gd name="connsiteX4" fmla="*/ 811154 w 896103"/>
                <a:gd name="connsiteY4" fmla="*/ 676518 h 676518"/>
                <a:gd name="connsiteX5" fmla="*/ 611129 w 896103"/>
                <a:gd name="connsiteY5" fmla="*/ 536819 h 676518"/>
                <a:gd name="connsiteX6" fmla="*/ 582554 w 896103"/>
                <a:gd name="connsiteY6" fmla="*/ 273295 h 676518"/>
                <a:gd name="connsiteX7" fmla="*/ 487304 w 896103"/>
                <a:gd name="connsiteY7" fmla="*/ 320920 h 676518"/>
                <a:gd name="connsiteX8" fmla="*/ 258704 w 896103"/>
                <a:gd name="connsiteY8" fmla="*/ 495545 h 676518"/>
                <a:gd name="connsiteX9" fmla="*/ 49154 w 896103"/>
                <a:gd name="connsiteY9" fmla="*/ 492370 h 676518"/>
                <a:gd name="connsiteX10" fmla="*/ 45979 w 896103"/>
                <a:gd name="connsiteY10" fmla="*/ 368545 h 676518"/>
                <a:gd name="connsiteX11" fmla="*/ 45979 w 896103"/>
                <a:gd name="connsiteY11" fmla="*/ 243 h 676518"/>
                <a:gd name="connsiteX0" fmla="*/ 55350 w 905474"/>
                <a:gd name="connsiteY0" fmla="*/ 243 h 676518"/>
                <a:gd name="connsiteX1" fmla="*/ 674475 w 905474"/>
                <a:gd name="connsiteY1" fmla="*/ 243 h 676518"/>
                <a:gd name="connsiteX2" fmla="*/ 731625 w 905474"/>
                <a:gd name="connsiteY2" fmla="*/ 243 h 676518"/>
                <a:gd name="connsiteX3" fmla="*/ 893550 w 905474"/>
                <a:gd name="connsiteY3" fmla="*/ 308218 h 676518"/>
                <a:gd name="connsiteX4" fmla="*/ 820525 w 905474"/>
                <a:gd name="connsiteY4" fmla="*/ 676518 h 676518"/>
                <a:gd name="connsiteX5" fmla="*/ 620500 w 905474"/>
                <a:gd name="connsiteY5" fmla="*/ 536819 h 676518"/>
                <a:gd name="connsiteX6" fmla="*/ 591925 w 905474"/>
                <a:gd name="connsiteY6" fmla="*/ 273295 h 676518"/>
                <a:gd name="connsiteX7" fmla="*/ 496675 w 905474"/>
                <a:gd name="connsiteY7" fmla="*/ 320920 h 676518"/>
                <a:gd name="connsiteX8" fmla="*/ 268075 w 905474"/>
                <a:gd name="connsiteY8" fmla="*/ 495545 h 676518"/>
                <a:gd name="connsiteX9" fmla="*/ 58525 w 905474"/>
                <a:gd name="connsiteY9" fmla="*/ 492370 h 676518"/>
                <a:gd name="connsiteX10" fmla="*/ 55350 w 905474"/>
                <a:gd name="connsiteY10" fmla="*/ 368545 h 676518"/>
                <a:gd name="connsiteX11" fmla="*/ 29951 w 905474"/>
                <a:gd name="connsiteY11" fmla="*/ 241545 h 676518"/>
                <a:gd name="connsiteX12" fmla="*/ 55350 w 905474"/>
                <a:gd name="connsiteY12" fmla="*/ 243 h 676518"/>
                <a:gd name="connsiteX0" fmla="*/ 17861 w 867985"/>
                <a:gd name="connsiteY0" fmla="*/ 243 h 676518"/>
                <a:gd name="connsiteX1" fmla="*/ 636986 w 867985"/>
                <a:gd name="connsiteY1" fmla="*/ 243 h 676518"/>
                <a:gd name="connsiteX2" fmla="*/ 694136 w 867985"/>
                <a:gd name="connsiteY2" fmla="*/ 243 h 676518"/>
                <a:gd name="connsiteX3" fmla="*/ 856061 w 867985"/>
                <a:gd name="connsiteY3" fmla="*/ 308218 h 676518"/>
                <a:gd name="connsiteX4" fmla="*/ 783036 w 867985"/>
                <a:gd name="connsiteY4" fmla="*/ 676518 h 676518"/>
                <a:gd name="connsiteX5" fmla="*/ 583011 w 867985"/>
                <a:gd name="connsiteY5" fmla="*/ 536819 h 676518"/>
                <a:gd name="connsiteX6" fmla="*/ 554436 w 867985"/>
                <a:gd name="connsiteY6" fmla="*/ 273295 h 676518"/>
                <a:gd name="connsiteX7" fmla="*/ 459186 w 867985"/>
                <a:gd name="connsiteY7" fmla="*/ 320920 h 676518"/>
                <a:gd name="connsiteX8" fmla="*/ 230586 w 867985"/>
                <a:gd name="connsiteY8" fmla="*/ 495545 h 676518"/>
                <a:gd name="connsiteX9" fmla="*/ 21036 w 867985"/>
                <a:gd name="connsiteY9" fmla="*/ 492370 h 676518"/>
                <a:gd name="connsiteX10" fmla="*/ 17861 w 867985"/>
                <a:gd name="connsiteY10" fmla="*/ 368545 h 676518"/>
                <a:gd name="connsiteX11" fmla="*/ 322662 w 867985"/>
                <a:gd name="connsiteY11" fmla="*/ 314570 h 676518"/>
                <a:gd name="connsiteX12" fmla="*/ 17861 w 867985"/>
                <a:gd name="connsiteY12" fmla="*/ 243 h 676518"/>
                <a:gd name="connsiteX0" fmla="*/ 17861 w 867985"/>
                <a:gd name="connsiteY0" fmla="*/ 243 h 676518"/>
                <a:gd name="connsiteX1" fmla="*/ 636986 w 867985"/>
                <a:gd name="connsiteY1" fmla="*/ 243 h 676518"/>
                <a:gd name="connsiteX2" fmla="*/ 694136 w 867985"/>
                <a:gd name="connsiteY2" fmla="*/ 243 h 676518"/>
                <a:gd name="connsiteX3" fmla="*/ 856061 w 867985"/>
                <a:gd name="connsiteY3" fmla="*/ 308218 h 676518"/>
                <a:gd name="connsiteX4" fmla="*/ 783036 w 867985"/>
                <a:gd name="connsiteY4" fmla="*/ 676518 h 676518"/>
                <a:gd name="connsiteX5" fmla="*/ 583011 w 867985"/>
                <a:gd name="connsiteY5" fmla="*/ 536819 h 676518"/>
                <a:gd name="connsiteX6" fmla="*/ 554436 w 867985"/>
                <a:gd name="connsiteY6" fmla="*/ 273295 h 676518"/>
                <a:gd name="connsiteX7" fmla="*/ 459186 w 867985"/>
                <a:gd name="connsiteY7" fmla="*/ 320920 h 676518"/>
                <a:gd name="connsiteX8" fmla="*/ 230586 w 867985"/>
                <a:gd name="connsiteY8" fmla="*/ 495545 h 676518"/>
                <a:gd name="connsiteX9" fmla="*/ 21036 w 867985"/>
                <a:gd name="connsiteY9" fmla="*/ 492370 h 676518"/>
                <a:gd name="connsiteX10" fmla="*/ 17861 w 867985"/>
                <a:gd name="connsiteY10" fmla="*/ 368545 h 676518"/>
                <a:gd name="connsiteX11" fmla="*/ 322662 w 867985"/>
                <a:gd name="connsiteY11" fmla="*/ 314570 h 676518"/>
                <a:gd name="connsiteX12" fmla="*/ 17861 w 867985"/>
                <a:gd name="connsiteY12" fmla="*/ 243 h 676518"/>
                <a:gd name="connsiteX0" fmla="*/ 17861 w 867985"/>
                <a:gd name="connsiteY0" fmla="*/ 243 h 676518"/>
                <a:gd name="connsiteX1" fmla="*/ 636986 w 867985"/>
                <a:gd name="connsiteY1" fmla="*/ 243 h 676518"/>
                <a:gd name="connsiteX2" fmla="*/ 694136 w 867985"/>
                <a:gd name="connsiteY2" fmla="*/ 243 h 676518"/>
                <a:gd name="connsiteX3" fmla="*/ 856061 w 867985"/>
                <a:gd name="connsiteY3" fmla="*/ 308218 h 676518"/>
                <a:gd name="connsiteX4" fmla="*/ 783036 w 867985"/>
                <a:gd name="connsiteY4" fmla="*/ 676518 h 676518"/>
                <a:gd name="connsiteX5" fmla="*/ 583011 w 867985"/>
                <a:gd name="connsiteY5" fmla="*/ 536819 h 676518"/>
                <a:gd name="connsiteX6" fmla="*/ 554436 w 867985"/>
                <a:gd name="connsiteY6" fmla="*/ 273295 h 676518"/>
                <a:gd name="connsiteX7" fmla="*/ 459186 w 867985"/>
                <a:gd name="connsiteY7" fmla="*/ 320920 h 676518"/>
                <a:gd name="connsiteX8" fmla="*/ 230586 w 867985"/>
                <a:gd name="connsiteY8" fmla="*/ 495545 h 676518"/>
                <a:gd name="connsiteX9" fmla="*/ 21036 w 867985"/>
                <a:gd name="connsiteY9" fmla="*/ 492370 h 676518"/>
                <a:gd name="connsiteX10" fmla="*/ 17861 w 867985"/>
                <a:gd name="connsiteY10" fmla="*/ 368545 h 676518"/>
                <a:gd name="connsiteX11" fmla="*/ 322662 w 867985"/>
                <a:gd name="connsiteY11" fmla="*/ 314570 h 676518"/>
                <a:gd name="connsiteX12" fmla="*/ 17861 w 867985"/>
                <a:gd name="connsiteY12" fmla="*/ 243 h 676518"/>
                <a:gd name="connsiteX0" fmla="*/ 17861 w 867985"/>
                <a:gd name="connsiteY0" fmla="*/ 243 h 676518"/>
                <a:gd name="connsiteX1" fmla="*/ 636986 w 867985"/>
                <a:gd name="connsiteY1" fmla="*/ 243 h 676518"/>
                <a:gd name="connsiteX2" fmla="*/ 694136 w 867985"/>
                <a:gd name="connsiteY2" fmla="*/ 243 h 676518"/>
                <a:gd name="connsiteX3" fmla="*/ 856061 w 867985"/>
                <a:gd name="connsiteY3" fmla="*/ 308218 h 676518"/>
                <a:gd name="connsiteX4" fmla="*/ 783036 w 867985"/>
                <a:gd name="connsiteY4" fmla="*/ 676518 h 676518"/>
                <a:gd name="connsiteX5" fmla="*/ 583011 w 867985"/>
                <a:gd name="connsiteY5" fmla="*/ 536819 h 676518"/>
                <a:gd name="connsiteX6" fmla="*/ 554436 w 867985"/>
                <a:gd name="connsiteY6" fmla="*/ 273295 h 676518"/>
                <a:gd name="connsiteX7" fmla="*/ 459186 w 867985"/>
                <a:gd name="connsiteY7" fmla="*/ 320920 h 676518"/>
                <a:gd name="connsiteX8" fmla="*/ 230586 w 867985"/>
                <a:gd name="connsiteY8" fmla="*/ 495545 h 676518"/>
                <a:gd name="connsiteX9" fmla="*/ 21036 w 867985"/>
                <a:gd name="connsiteY9" fmla="*/ 492370 h 676518"/>
                <a:gd name="connsiteX10" fmla="*/ 17861 w 867985"/>
                <a:gd name="connsiteY10" fmla="*/ 368545 h 676518"/>
                <a:gd name="connsiteX11" fmla="*/ 322662 w 867985"/>
                <a:gd name="connsiteY11" fmla="*/ 314570 h 676518"/>
                <a:gd name="connsiteX12" fmla="*/ 17861 w 867985"/>
                <a:gd name="connsiteY12" fmla="*/ 243 h 676518"/>
                <a:gd name="connsiteX0" fmla="*/ 17861 w 867985"/>
                <a:gd name="connsiteY0" fmla="*/ 243 h 676518"/>
                <a:gd name="connsiteX1" fmla="*/ 636986 w 867985"/>
                <a:gd name="connsiteY1" fmla="*/ 243 h 676518"/>
                <a:gd name="connsiteX2" fmla="*/ 694136 w 867985"/>
                <a:gd name="connsiteY2" fmla="*/ 243 h 676518"/>
                <a:gd name="connsiteX3" fmla="*/ 856061 w 867985"/>
                <a:gd name="connsiteY3" fmla="*/ 308218 h 676518"/>
                <a:gd name="connsiteX4" fmla="*/ 783036 w 867985"/>
                <a:gd name="connsiteY4" fmla="*/ 676518 h 676518"/>
                <a:gd name="connsiteX5" fmla="*/ 583011 w 867985"/>
                <a:gd name="connsiteY5" fmla="*/ 536819 h 676518"/>
                <a:gd name="connsiteX6" fmla="*/ 554436 w 867985"/>
                <a:gd name="connsiteY6" fmla="*/ 273295 h 676518"/>
                <a:gd name="connsiteX7" fmla="*/ 446486 w 867985"/>
                <a:gd name="connsiteY7" fmla="*/ 343145 h 676518"/>
                <a:gd name="connsiteX8" fmla="*/ 230586 w 867985"/>
                <a:gd name="connsiteY8" fmla="*/ 495545 h 676518"/>
                <a:gd name="connsiteX9" fmla="*/ 21036 w 867985"/>
                <a:gd name="connsiteY9" fmla="*/ 492370 h 676518"/>
                <a:gd name="connsiteX10" fmla="*/ 17861 w 867985"/>
                <a:gd name="connsiteY10" fmla="*/ 368545 h 676518"/>
                <a:gd name="connsiteX11" fmla="*/ 322662 w 867985"/>
                <a:gd name="connsiteY11" fmla="*/ 314570 h 676518"/>
                <a:gd name="connsiteX12" fmla="*/ 17861 w 867985"/>
                <a:gd name="connsiteY12" fmla="*/ 243 h 676518"/>
                <a:gd name="connsiteX0" fmla="*/ 17861 w 867985"/>
                <a:gd name="connsiteY0" fmla="*/ 243 h 676518"/>
                <a:gd name="connsiteX1" fmla="*/ 636986 w 867985"/>
                <a:gd name="connsiteY1" fmla="*/ 243 h 676518"/>
                <a:gd name="connsiteX2" fmla="*/ 694136 w 867985"/>
                <a:gd name="connsiteY2" fmla="*/ 243 h 676518"/>
                <a:gd name="connsiteX3" fmla="*/ 856061 w 867985"/>
                <a:gd name="connsiteY3" fmla="*/ 308218 h 676518"/>
                <a:gd name="connsiteX4" fmla="*/ 783036 w 867985"/>
                <a:gd name="connsiteY4" fmla="*/ 676518 h 676518"/>
                <a:gd name="connsiteX5" fmla="*/ 583011 w 867985"/>
                <a:gd name="connsiteY5" fmla="*/ 536819 h 676518"/>
                <a:gd name="connsiteX6" fmla="*/ 554436 w 867985"/>
                <a:gd name="connsiteY6" fmla="*/ 273295 h 676518"/>
                <a:gd name="connsiteX7" fmla="*/ 446486 w 867985"/>
                <a:gd name="connsiteY7" fmla="*/ 343145 h 676518"/>
                <a:gd name="connsiteX8" fmla="*/ 230586 w 867985"/>
                <a:gd name="connsiteY8" fmla="*/ 495545 h 676518"/>
                <a:gd name="connsiteX9" fmla="*/ 21036 w 867985"/>
                <a:gd name="connsiteY9" fmla="*/ 492370 h 676518"/>
                <a:gd name="connsiteX10" fmla="*/ 17861 w 867985"/>
                <a:gd name="connsiteY10" fmla="*/ 368545 h 676518"/>
                <a:gd name="connsiteX11" fmla="*/ 322662 w 867985"/>
                <a:gd name="connsiteY11" fmla="*/ 314570 h 676518"/>
                <a:gd name="connsiteX12" fmla="*/ 17861 w 867985"/>
                <a:gd name="connsiteY12" fmla="*/ 243 h 676518"/>
                <a:gd name="connsiteX0" fmla="*/ 17861 w 867985"/>
                <a:gd name="connsiteY0" fmla="*/ 243 h 676518"/>
                <a:gd name="connsiteX1" fmla="*/ 636986 w 867985"/>
                <a:gd name="connsiteY1" fmla="*/ 243 h 676518"/>
                <a:gd name="connsiteX2" fmla="*/ 694136 w 867985"/>
                <a:gd name="connsiteY2" fmla="*/ 243 h 676518"/>
                <a:gd name="connsiteX3" fmla="*/ 856061 w 867985"/>
                <a:gd name="connsiteY3" fmla="*/ 308218 h 676518"/>
                <a:gd name="connsiteX4" fmla="*/ 783036 w 867985"/>
                <a:gd name="connsiteY4" fmla="*/ 676518 h 676518"/>
                <a:gd name="connsiteX5" fmla="*/ 583011 w 867985"/>
                <a:gd name="connsiteY5" fmla="*/ 536819 h 676518"/>
                <a:gd name="connsiteX6" fmla="*/ 554436 w 867985"/>
                <a:gd name="connsiteY6" fmla="*/ 273295 h 676518"/>
                <a:gd name="connsiteX7" fmla="*/ 446486 w 867985"/>
                <a:gd name="connsiteY7" fmla="*/ 343145 h 676518"/>
                <a:gd name="connsiteX8" fmla="*/ 233761 w 867985"/>
                <a:gd name="connsiteY8" fmla="*/ 489195 h 676518"/>
                <a:gd name="connsiteX9" fmla="*/ 21036 w 867985"/>
                <a:gd name="connsiteY9" fmla="*/ 492370 h 676518"/>
                <a:gd name="connsiteX10" fmla="*/ 17861 w 867985"/>
                <a:gd name="connsiteY10" fmla="*/ 368545 h 676518"/>
                <a:gd name="connsiteX11" fmla="*/ 322662 w 867985"/>
                <a:gd name="connsiteY11" fmla="*/ 314570 h 676518"/>
                <a:gd name="connsiteX12" fmla="*/ 17861 w 867985"/>
                <a:gd name="connsiteY12" fmla="*/ 243 h 676518"/>
                <a:gd name="connsiteX0" fmla="*/ 17861 w 867985"/>
                <a:gd name="connsiteY0" fmla="*/ 243 h 676518"/>
                <a:gd name="connsiteX1" fmla="*/ 636986 w 867985"/>
                <a:gd name="connsiteY1" fmla="*/ 243 h 676518"/>
                <a:gd name="connsiteX2" fmla="*/ 694136 w 867985"/>
                <a:gd name="connsiteY2" fmla="*/ 243 h 676518"/>
                <a:gd name="connsiteX3" fmla="*/ 856061 w 867985"/>
                <a:gd name="connsiteY3" fmla="*/ 308218 h 676518"/>
                <a:gd name="connsiteX4" fmla="*/ 783036 w 867985"/>
                <a:gd name="connsiteY4" fmla="*/ 676518 h 676518"/>
                <a:gd name="connsiteX5" fmla="*/ 583011 w 867985"/>
                <a:gd name="connsiteY5" fmla="*/ 536819 h 676518"/>
                <a:gd name="connsiteX6" fmla="*/ 554436 w 867985"/>
                <a:gd name="connsiteY6" fmla="*/ 273295 h 676518"/>
                <a:gd name="connsiteX7" fmla="*/ 446486 w 867985"/>
                <a:gd name="connsiteY7" fmla="*/ 343145 h 676518"/>
                <a:gd name="connsiteX8" fmla="*/ 227411 w 867985"/>
                <a:gd name="connsiteY8" fmla="*/ 489195 h 676518"/>
                <a:gd name="connsiteX9" fmla="*/ 21036 w 867985"/>
                <a:gd name="connsiteY9" fmla="*/ 492370 h 676518"/>
                <a:gd name="connsiteX10" fmla="*/ 17861 w 867985"/>
                <a:gd name="connsiteY10" fmla="*/ 368545 h 676518"/>
                <a:gd name="connsiteX11" fmla="*/ 322662 w 867985"/>
                <a:gd name="connsiteY11" fmla="*/ 314570 h 676518"/>
                <a:gd name="connsiteX12" fmla="*/ 17861 w 867985"/>
                <a:gd name="connsiteY12" fmla="*/ 243 h 676518"/>
                <a:gd name="connsiteX0" fmla="*/ 17861 w 867985"/>
                <a:gd name="connsiteY0" fmla="*/ 243 h 676518"/>
                <a:gd name="connsiteX1" fmla="*/ 636986 w 867985"/>
                <a:gd name="connsiteY1" fmla="*/ 243 h 676518"/>
                <a:gd name="connsiteX2" fmla="*/ 694136 w 867985"/>
                <a:gd name="connsiteY2" fmla="*/ 243 h 676518"/>
                <a:gd name="connsiteX3" fmla="*/ 856061 w 867985"/>
                <a:gd name="connsiteY3" fmla="*/ 308218 h 676518"/>
                <a:gd name="connsiteX4" fmla="*/ 783036 w 867985"/>
                <a:gd name="connsiteY4" fmla="*/ 676518 h 676518"/>
                <a:gd name="connsiteX5" fmla="*/ 583011 w 867985"/>
                <a:gd name="connsiteY5" fmla="*/ 536819 h 676518"/>
                <a:gd name="connsiteX6" fmla="*/ 554436 w 867985"/>
                <a:gd name="connsiteY6" fmla="*/ 273295 h 676518"/>
                <a:gd name="connsiteX7" fmla="*/ 446486 w 867985"/>
                <a:gd name="connsiteY7" fmla="*/ 343145 h 676518"/>
                <a:gd name="connsiteX8" fmla="*/ 233761 w 867985"/>
                <a:gd name="connsiteY8" fmla="*/ 489195 h 676518"/>
                <a:gd name="connsiteX9" fmla="*/ 21036 w 867985"/>
                <a:gd name="connsiteY9" fmla="*/ 492370 h 676518"/>
                <a:gd name="connsiteX10" fmla="*/ 17861 w 867985"/>
                <a:gd name="connsiteY10" fmla="*/ 368545 h 676518"/>
                <a:gd name="connsiteX11" fmla="*/ 322662 w 867985"/>
                <a:gd name="connsiteY11" fmla="*/ 314570 h 676518"/>
                <a:gd name="connsiteX12" fmla="*/ 17861 w 867985"/>
                <a:gd name="connsiteY12" fmla="*/ 243 h 676518"/>
                <a:gd name="connsiteX0" fmla="*/ 17861 w 867985"/>
                <a:gd name="connsiteY0" fmla="*/ 243 h 676518"/>
                <a:gd name="connsiteX1" fmla="*/ 636986 w 867985"/>
                <a:gd name="connsiteY1" fmla="*/ 243 h 676518"/>
                <a:gd name="connsiteX2" fmla="*/ 694136 w 867985"/>
                <a:gd name="connsiteY2" fmla="*/ 243 h 676518"/>
                <a:gd name="connsiteX3" fmla="*/ 856061 w 867985"/>
                <a:gd name="connsiteY3" fmla="*/ 308218 h 676518"/>
                <a:gd name="connsiteX4" fmla="*/ 783036 w 867985"/>
                <a:gd name="connsiteY4" fmla="*/ 676518 h 676518"/>
                <a:gd name="connsiteX5" fmla="*/ 583011 w 867985"/>
                <a:gd name="connsiteY5" fmla="*/ 536819 h 676518"/>
                <a:gd name="connsiteX6" fmla="*/ 554436 w 867985"/>
                <a:gd name="connsiteY6" fmla="*/ 273295 h 676518"/>
                <a:gd name="connsiteX7" fmla="*/ 446486 w 867985"/>
                <a:gd name="connsiteY7" fmla="*/ 343145 h 676518"/>
                <a:gd name="connsiteX8" fmla="*/ 236936 w 867985"/>
                <a:gd name="connsiteY8" fmla="*/ 489195 h 676518"/>
                <a:gd name="connsiteX9" fmla="*/ 21036 w 867985"/>
                <a:gd name="connsiteY9" fmla="*/ 492370 h 676518"/>
                <a:gd name="connsiteX10" fmla="*/ 17861 w 867985"/>
                <a:gd name="connsiteY10" fmla="*/ 368545 h 676518"/>
                <a:gd name="connsiteX11" fmla="*/ 322662 w 867985"/>
                <a:gd name="connsiteY11" fmla="*/ 314570 h 676518"/>
                <a:gd name="connsiteX12" fmla="*/ 17861 w 867985"/>
                <a:gd name="connsiteY12" fmla="*/ 243 h 676518"/>
                <a:gd name="connsiteX0" fmla="*/ 17861 w 867985"/>
                <a:gd name="connsiteY0" fmla="*/ 243 h 676518"/>
                <a:gd name="connsiteX1" fmla="*/ 636986 w 867985"/>
                <a:gd name="connsiteY1" fmla="*/ 243 h 676518"/>
                <a:gd name="connsiteX2" fmla="*/ 694136 w 867985"/>
                <a:gd name="connsiteY2" fmla="*/ 243 h 676518"/>
                <a:gd name="connsiteX3" fmla="*/ 856061 w 867985"/>
                <a:gd name="connsiteY3" fmla="*/ 308218 h 676518"/>
                <a:gd name="connsiteX4" fmla="*/ 783036 w 867985"/>
                <a:gd name="connsiteY4" fmla="*/ 676518 h 676518"/>
                <a:gd name="connsiteX5" fmla="*/ 583011 w 867985"/>
                <a:gd name="connsiteY5" fmla="*/ 536819 h 676518"/>
                <a:gd name="connsiteX6" fmla="*/ 554436 w 867985"/>
                <a:gd name="connsiteY6" fmla="*/ 273295 h 676518"/>
                <a:gd name="connsiteX7" fmla="*/ 446486 w 867985"/>
                <a:gd name="connsiteY7" fmla="*/ 343145 h 676518"/>
                <a:gd name="connsiteX8" fmla="*/ 233761 w 867985"/>
                <a:gd name="connsiteY8" fmla="*/ 495545 h 676518"/>
                <a:gd name="connsiteX9" fmla="*/ 21036 w 867985"/>
                <a:gd name="connsiteY9" fmla="*/ 492370 h 676518"/>
                <a:gd name="connsiteX10" fmla="*/ 17861 w 867985"/>
                <a:gd name="connsiteY10" fmla="*/ 368545 h 676518"/>
                <a:gd name="connsiteX11" fmla="*/ 322662 w 867985"/>
                <a:gd name="connsiteY11" fmla="*/ 314570 h 676518"/>
                <a:gd name="connsiteX12" fmla="*/ 17861 w 867985"/>
                <a:gd name="connsiteY12" fmla="*/ 243 h 676518"/>
                <a:gd name="connsiteX0" fmla="*/ 17583 w 867707"/>
                <a:gd name="connsiteY0" fmla="*/ 243 h 676518"/>
                <a:gd name="connsiteX1" fmla="*/ 636708 w 867707"/>
                <a:gd name="connsiteY1" fmla="*/ 243 h 676518"/>
                <a:gd name="connsiteX2" fmla="*/ 693858 w 867707"/>
                <a:gd name="connsiteY2" fmla="*/ 243 h 676518"/>
                <a:gd name="connsiteX3" fmla="*/ 855783 w 867707"/>
                <a:gd name="connsiteY3" fmla="*/ 308218 h 676518"/>
                <a:gd name="connsiteX4" fmla="*/ 782758 w 867707"/>
                <a:gd name="connsiteY4" fmla="*/ 676518 h 676518"/>
                <a:gd name="connsiteX5" fmla="*/ 582733 w 867707"/>
                <a:gd name="connsiteY5" fmla="*/ 536819 h 676518"/>
                <a:gd name="connsiteX6" fmla="*/ 554158 w 867707"/>
                <a:gd name="connsiteY6" fmla="*/ 273295 h 676518"/>
                <a:gd name="connsiteX7" fmla="*/ 446208 w 867707"/>
                <a:gd name="connsiteY7" fmla="*/ 343145 h 676518"/>
                <a:gd name="connsiteX8" fmla="*/ 233483 w 867707"/>
                <a:gd name="connsiteY8" fmla="*/ 495545 h 676518"/>
                <a:gd name="connsiteX9" fmla="*/ 20758 w 867707"/>
                <a:gd name="connsiteY9" fmla="*/ 492370 h 676518"/>
                <a:gd name="connsiteX10" fmla="*/ 17583 w 867707"/>
                <a:gd name="connsiteY10" fmla="*/ 368545 h 676518"/>
                <a:gd name="connsiteX11" fmla="*/ 322384 w 867707"/>
                <a:gd name="connsiteY11" fmla="*/ 314570 h 676518"/>
                <a:gd name="connsiteX12" fmla="*/ 182684 w 867707"/>
                <a:gd name="connsiteY12" fmla="*/ 178045 h 676518"/>
                <a:gd name="connsiteX13" fmla="*/ 17583 w 867707"/>
                <a:gd name="connsiteY13" fmla="*/ 243 h 676518"/>
                <a:gd name="connsiteX0" fmla="*/ 18043 w 868167"/>
                <a:gd name="connsiteY0" fmla="*/ 243 h 676518"/>
                <a:gd name="connsiteX1" fmla="*/ 637168 w 868167"/>
                <a:gd name="connsiteY1" fmla="*/ 243 h 676518"/>
                <a:gd name="connsiteX2" fmla="*/ 694318 w 868167"/>
                <a:gd name="connsiteY2" fmla="*/ 243 h 676518"/>
                <a:gd name="connsiteX3" fmla="*/ 856243 w 868167"/>
                <a:gd name="connsiteY3" fmla="*/ 308218 h 676518"/>
                <a:gd name="connsiteX4" fmla="*/ 783218 w 868167"/>
                <a:gd name="connsiteY4" fmla="*/ 676518 h 676518"/>
                <a:gd name="connsiteX5" fmla="*/ 583193 w 868167"/>
                <a:gd name="connsiteY5" fmla="*/ 536819 h 676518"/>
                <a:gd name="connsiteX6" fmla="*/ 554618 w 868167"/>
                <a:gd name="connsiteY6" fmla="*/ 273295 h 676518"/>
                <a:gd name="connsiteX7" fmla="*/ 446668 w 868167"/>
                <a:gd name="connsiteY7" fmla="*/ 343145 h 676518"/>
                <a:gd name="connsiteX8" fmla="*/ 233943 w 868167"/>
                <a:gd name="connsiteY8" fmla="*/ 495545 h 676518"/>
                <a:gd name="connsiteX9" fmla="*/ 21218 w 868167"/>
                <a:gd name="connsiteY9" fmla="*/ 492370 h 676518"/>
                <a:gd name="connsiteX10" fmla="*/ 18043 w 868167"/>
                <a:gd name="connsiteY10" fmla="*/ 368545 h 676518"/>
                <a:gd name="connsiteX11" fmla="*/ 322844 w 868167"/>
                <a:gd name="connsiteY11" fmla="*/ 314570 h 676518"/>
                <a:gd name="connsiteX12" fmla="*/ 176794 w 868167"/>
                <a:gd name="connsiteY12" fmla="*/ 270120 h 676518"/>
                <a:gd name="connsiteX13" fmla="*/ 18043 w 868167"/>
                <a:gd name="connsiteY13" fmla="*/ 243 h 676518"/>
                <a:gd name="connsiteX0" fmla="*/ 18043 w 868167"/>
                <a:gd name="connsiteY0" fmla="*/ 243 h 676518"/>
                <a:gd name="connsiteX1" fmla="*/ 637168 w 868167"/>
                <a:gd name="connsiteY1" fmla="*/ 243 h 676518"/>
                <a:gd name="connsiteX2" fmla="*/ 694318 w 868167"/>
                <a:gd name="connsiteY2" fmla="*/ 243 h 676518"/>
                <a:gd name="connsiteX3" fmla="*/ 856243 w 868167"/>
                <a:gd name="connsiteY3" fmla="*/ 308218 h 676518"/>
                <a:gd name="connsiteX4" fmla="*/ 783218 w 868167"/>
                <a:gd name="connsiteY4" fmla="*/ 676518 h 676518"/>
                <a:gd name="connsiteX5" fmla="*/ 583193 w 868167"/>
                <a:gd name="connsiteY5" fmla="*/ 536819 h 676518"/>
                <a:gd name="connsiteX6" fmla="*/ 554618 w 868167"/>
                <a:gd name="connsiteY6" fmla="*/ 273295 h 676518"/>
                <a:gd name="connsiteX7" fmla="*/ 446668 w 868167"/>
                <a:gd name="connsiteY7" fmla="*/ 343145 h 676518"/>
                <a:gd name="connsiteX8" fmla="*/ 233943 w 868167"/>
                <a:gd name="connsiteY8" fmla="*/ 495545 h 676518"/>
                <a:gd name="connsiteX9" fmla="*/ 21218 w 868167"/>
                <a:gd name="connsiteY9" fmla="*/ 492370 h 676518"/>
                <a:gd name="connsiteX10" fmla="*/ 18043 w 868167"/>
                <a:gd name="connsiteY10" fmla="*/ 368545 h 676518"/>
                <a:gd name="connsiteX11" fmla="*/ 322844 w 868167"/>
                <a:gd name="connsiteY11" fmla="*/ 314570 h 676518"/>
                <a:gd name="connsiteX12" fmla="*/ 176794 w 868167"/>
                <a:gd name="connsiteY12" fmla="*/ 270120 h 676518"/>
                <a:gd name="connsiteX13" fmla="*/ 18043 w 868167"/>
                <a:gd name="connsiteY13" fmla="*/ 243 h 676518"/>
                <a:gd name="connsiteX0" fmla="*/ 18043 w 868167"/>
                <a:gd name="connsiteY0" fmla="*/ 243 h 676518"/>
                <a:gd name="connsiteX1" fmla="*/ 637168 w 868167"/>
                <a:gd name="connsiteY1" fmla="*/ 243 h 676518"/>
                <a:gd name="connsiteX2" fmla="*/ 694318 w 868167"/>
                <a:gd name="connsiteY2" fmla="*/ 243 h 676518"/>
                <a:gd name="connsiteX3" fmla="*/ 856243 w 868167"/>
                <a:gd name="connsiteY3" fmla="*/ 308218 h 676518"/>
                <a:gd name="connsiteX4" fmla="*/ 783218 w 868167"/>
                <a:gd name="connsiteY4" fmla="*/ 676518 h 676518"/>
                <a:gd name="connsiteX5" fmla="*/ 583193 w 868167"/>
                <a:gd name="connsiteY5" fmla="*/ 536819 h 676518"/>
                <a:gd name="connsiteX6" fmla="*/ 554618 w 868167"/>
                <a:gd name="connsiteY6" fmla="*/ 273295 h 676518"/>
                <a:gd name="connsiteX7" fmla="*/ 446668 w 868167"/>
                <a:gd name="connsiteY7" fmla="*/ 343145 h 676518"/>
                <a:gd name="connsiteX8" fmla="*/ 233943 w 868167"/>
                <a:gd name="connsiteY8" fmla="*/ 495545 h 676518"/>
                <a:gd name="connsiteX9" fmla="*/ 21218 w 868167"/>
                <a:gd name="connsiteY9" fmla="*/ 492370 h 676518"/>
                <a:gd name="connsiteX10" fmla="*/ 18043 w 868167"/>
                <a:gd name="connsiteY10" fmla="*/ 368545 h 676518"/>
                <a:gd name="connsiteX11" fmla="*/ 322844 w 868167"/>
                <a:gd name="connsiteY11" fmla="*/ 314570 h 676518"/>
                <a:gd name="connsiteX12" fmla="*/ 176794 w 868167"/>
                <a:gd name="connsiteY12" fmla="*/ 270120 h 676518"/>
                <a:gd name="connsiteX13" fmla="*/ 18043 w 868167"/>
                <a:gd name="connsiteY13" fmla="*/ 243 h 676518"/>
                <a:gd name="connsiteX0" fmla="*/ 18282 w 868406"/>
                <a:gd name="connsiteY0" fmla="*/ 243 h 676518"/>
                <a:gd name="connsiteX1" fmla="*/ 637407 w 868406"/>
                <a:gd name="connsiteY1" fmla="*/ 243 h 676518"/>
                <a:gd name="connsiteX2" fmla="*/ 694557 w 868406"/>
                <a:gd name="connsiteY2" fmla="*/ 243 h 676518"/>
                <a:gd name="connsiteX3" fmla="*/ 856482 w 868406"/>
                <a:gd name="connsiteY3" fmla="*/ 308218 h 676518"/>
                <a:gd name="connsiteX4" fmla="*/ 783457 w 868406"/>
                <a:gd name="connsiteY4" fmla="*/ 676518 h 676518"/>
                <a:gd name="connsiteX5" fmla="*/ 583432 w 868406"/>
                <a:gd name="connsiteY5" fmla="*/ 536819 h 676518"/>
                <a:gd name="connsiteX6" fmla="*/ 554857 w 868406"/>
                <a:gd name="connsiteY6" fmla="*/ 273295 h 676518"/>
                <a:gd name="connsiteX7" fmla="*/ 446907 w 868406"/>
                <a:gd name="connsiteY7" fmla="*/ 343145 h 676518"/>
                <a:gd name="connsiteX8" fmla="*/ 234182 w 868406"/>
                <a:gd name="connsiteY8" fmla="*/ 495545 h 676518"/>
                <a:gd name="connsiteX9" fmla="*/ 21457 w 868406"/>
                <a:gd name="connsiteY9" fmla="*/ 492370 h 676518"/>
                <a:gd name="connsiteX10" fmla="*/ 18282 w 868406"/>
                <a:gd name="connsiteY10" fmla="*/ 368545 h 676518"/>
                <a:gd name="connsiteX11" fmla="*/ 323083 w 868406"/>
                <a:gd name="connsiteY11" fmla="*/ 314570 h 676518"/>
                <a:gd name="connsiteX12" fmla="*/ 173858 w 868406"/>
                <a:gd name="connsiteY12" fmla="*/ 279645 h 676518"/>
                <a:gd name="connsiteX13" fmla="*/ 18282 w 868406"/>
                <a:gd name="connsiteY13" fmla="*/ 243 h 676518"/>
                <a:gd name="connsiteX0" fmla="*/ 257985 w 850934"/>
                <a:gd name="connsiteY0" fmla="*/ 54218 h 676518"/>
                <a:gd name="connsiteX1" fmla="*/ 619935 w 850934"/>
                <a:gd name="connsiteY1" fmla="*/ 243 h 676518"/>
                <a:gd name="connsiteX2" fmla="*/ 677085 w 850934"/>
                <a:gd name="connsiteY2" fmla="*/ 243 h 676518"/>
                <a:gd name="connsiteX3" fmla="*/ 839010 w 850934"/>
                <a:gd name="connsiteY3" fmla="*/ 308218 h 676518"/>
                <a:gd name="connsiteX4" fmla="*/ 765985 w 850934"/>
                <a:gd name="connsiteY4" fmla="*/ 676518 h 676518"/>
                <a:gd name="connsiteX5" fmla="*/ 565960 w 850934"/>
                <a:gd name="connsiteY5" fmla="*/ 536819 h 676518"/>
                <a:gd name="connsiteX6" fmla="*/ 537385 w 850934"/>
                <a:gd name="connsiteY6" fmla="*/ 273295 h 676518"/>
                <a:gd name="connsiteX7" fmla="*/ 429435 w 850934"/>
                <a:gd name="connsiteY7" fmla="*/ 343145 h 676518"/>
                <a:gd name="connsiteX8" fmla="*/ 216710 w 850934"/>
                <a:gd name="connsiteY8" fmla="*/ 495545 h 676518"/>
                <a:gd name="connsiteX9" fmla="*/ 3985 w 850934"/>
                <a:gd name="connsiteY9" fmla="*/ 492370 h 676518"/>
                <a:gd name="connsiteX10" fmla="*/ 810 w 850934"/>
                <a:gd name="connsiteY10" fmla="*/ 368545 h 676518"/>
                <a:gd name="connsiteX11" fmla="*/ 305611 w 850934"/>
                <a:gd name="connsiteY11" fmla="*/ 314570 h 676518"/>
                <a:gd name="connsiteX12" fmla="*/ 156386 w 850934"/>
                <a:gd name="connsiteY12" fmla="*/ 279645 h 676518"/>
                <a:gd name="connsiteX13" fmla="*/ 257985 w 850934"/>
                <a:gd name="connsiteY13" fmla="*/ 54218 h 676518"/>
                <a:gd name="connsiteX0" fmla="*/ 257985 w 850934"/>
                <a:gd name="connsiteY0" fmla="*/ 54218 h 676518"/>
                <a:gd name="connsiteX1" fmla="*/ 619935 w 850934"/>
                <a:gd name="connsiteY1" fmla="*/ 243 h 676518"/>
                <a:gd name="connsiteX2" fmla="*/ 677085 w 850934"/>
                <a:gd name="connsiteY2" fmla="*/ 243 h 676518"/>
                <a:gd name="connsiteX3" fmla="*/ 839010 w 850934"/>
                <a:gd name="connsiteY3" fmla="*/ 308218 h 676518"/>
                <a:gd name="connsiteX4" fmla="*/ 765985 w 850934"/>
                <a:gd name="connsiteY4" fmla="*/ 676518 h 676518"/>
                <a:gd name="connsiteX5" fmla="*/ 565960 w 850934"/>
                <a:gd name="connsiteY5" fmla="*/ 536819 h 676518"/>
                <a:gd name="connsiteX6" fmla="*/ 537385 w 850934"/>
                <a:gd name="connsiteY6" fmla="*/ 273295 h 676518"/>
                <a:gd name="connsiteX7" fmla="*/ 429435 w 850934"/>
                <a:gd name="connsiteY7" fmla="*/ 343145 h 676518"/>
                <a:gd name="connsiteX8" fmla="*/ 216710 w 850934"/>
                <a:gd name="connsiteY8" fmla="*/ 495545 h 676518"/>
                <a:gd name="connsiteX9" fmla="*/ 3985 w 850934"/>
                <a:gd name="connsiteY9" fmla="*/ 492370 h 676518"/>
                <a:gd name="connsiteX10" fmla="*/ 810 w 850934"/>
                <a:gd name="connsiteY10" fmla="*/ 368545 h 676518"/>
                <a:gd name="connsiteX11" fmla="*/ 305611 w 850934"/>
                <a:gd name="connsiteY11" fmla="*/ 314570 h 676518"/>
                <a:gd name="connsiteX12" fmla="*/ 156386 w 850934"/>
                <a:gd name="connsiteY12" fmla="*/ 279645 h 676518"/>
                <a:gd name="connsiteX13" fmla="*/ 159561 w 850934"/>
                <a:gd name="connsiteY13" fmla="*/ 136770 h 676518"/>
                <a:gd name="connsiteX14" fmla="*/ 257985 w 850934"/>
                <a:gd name="connsiteY14" fmla="*/ 54218 h 676518"/>
                <a:gd name="connsiteX0" fmla="*/ 257985 w 850934"/>
                <a:gd name="connsiteY0" fmla="*/ 54218 h 676518"/>
                <a:gd name="connsiteX1" fmla="*/ 619935 w 850934"/>
                <a:gd name="connsiteY1" fmla="*/ 243 h 676518"/>
                <a:gd name="connsiteX2" fmla="*/ 677085 w 850934"/>
                <a:gd name="connsiteY2" fmla="*/ 243 h 676518"/>
                <a:gd name="connsiteX3" fmla="*/ 839010 w 850934"/>
                <a:gd name="connsiteY3" fmla="*/ 308218 h 676518"/>
                <a:gd name="connsiteX4" fmla="*/ 765985 w 850934"/>
                <a:gd name="connsiteY4" fmla="*/ 676518 h 676518"/>
                <a:gd name="connsiteX5" fmla="*/ 565960 w 850934"/>
                <a:gd name="connsiteY5" fmla="*/ 536819 h 676518"/>
                <a:gd name="connsiteX6" fmla="*/ 537385 w 850934"/>
                <a:gd name="connsiteY6" fmla="*/ 273295 h 676518"/>
                <a:gd name="connsiteX7" fmla="*/ 429435 w 850934"/>
                <a:gd name="connsiteY7" fmla="*/ 343145 h 676518"/>
                <a:gd name="connsiteX8" fmla="*/ 216710 w 850934"/>
                <a:gd name="connsiteY8" fmla="*/ 495545 h 676518"/>
                <a:gd name="connsiteX9" fmla="*/ 3985 w 850934"/>
                <a:gd name="connsiteY9" fmla="*/ 492370 h 676518"/>
                <a:gd name="connsiteX10" fmla="*/ 810 w 850934"/>
                <a:gd name="connsiteY10" fmla="*/ 368545 h 676518"/>
                <a:gd name="connsiteX11" fmla="*/ 305611 w 850934"/>
                <a:gd name="connsiteY11" fmla="*/ 314570 h 676518"/>
                <a:gd name="connsiteX12" fmla="*/ 156386 w 850934"/>
                <a:gd name="connsiteY12" fmla="*/ 279645 h 676518"/>
                <a:gd name="connsiteX13" fmla="*/ 192899 w 850934"/>
                <a:gd name="connsiteY13" fmla="*/ 158201 h 676518"/>
                <a:gd name="connsiteX14" fmla="*/ 257985 w 850934"/>
                <a:gd name="connsiteY14" fmla="*/ 54218 h 676518"/>
                <a:gd name="connsiteX0" fmla="*/ 257985 w 850934"/>
                <a:gd name="connsiteY0" fmla="*/ 54218 h 676518"/>
                <a:gd name="connsiteX1" fmla="*/ 619935 w 850934"/>
                <a:gd name="connsiteY1" fmla="*/ 243 h 676518"/>
                <a:gd name="connsiteX2" fmla="*/ 677085 w 850934"/>
                <a:gd name="connsiteY2" fmla="*/ 243 h 676518"/>
                <a:gd name="connsiteX3" fmla="*/ 839010 w 850934"/>
                <a:gd name="connsiteY3" fmla="*/ 308218 h 676518"/>
                <a:gd name="connsiteX4" fmla="*/ 765985 w 850934"/>
                <a:gd name="connsiteY4" fmla="*/ 676518 h 676518"/>
                <a:gd name="connsiteX5" fmla="*/ 565960 w 850934"/>
                <a:gd name="connsiteY5" fmla="*/ 536819 h 676518"/>
                <a:gd name="connsiteX6" fmla="*/ 537385 w 850934"/>
                <a:gd name="connsiteY6" fmla="*/ 273295 h 676518"/>
                <a:gd name="connsiteX7" fmla="*/ 429435 w 850934"/>
                <a:gd name="connsiteY7" fmla="*/ 343145 h 676518"/>
                <a:gd name="connsiteX8" fmla="*/ 216710 w 850934"/>
                <a:gd name="connsiteY8" fmla="*/ 495545 h 676518"/>
                <a:gd name="connsiteX9" fmla="*/ 3985 w 850934"/>
                <a:gd name="connsiteY9" fmla="*/ 492370 h 676518"/>
                <a:gd name="connsiteX10" fmla="*/ 810 w 850934"/>
                <a:gd name="connsiteY10" fmla="*/ 368545 h 676518"/>
                <a:gd name="connsiteX11" fmla="*/ 305611 w 850934"/>
                <a:gd name="connsiteY11" fmla="*/ 314570 h 676518"/>
                <a:gd name="connsiteX12" fmla="*/ 170673 w 850934"/>
                <a:gd name="connsiteY12" fmla="*/ 279645 h 676518"/>
                <a:gd name="connsiteX13" fmla="*/ 192899 w 850934"/>
                <a:gd name="connsiteY13" fmla="*/ 158201 h 676518"/>
                <a:gd name="connsiteX14" fmla="*/ 257985 w 850934"/>
                <a:gd name="connsiteY14" fmla="*/ 54218 h 676518"/>
                <a:gd name="connsiteX0" fmla="*/ 257985 w 850934"/>
                <a:gd name="connsiteY0" fmla="*/ 54218 h 676518"/>
                <a:gd name="connsiteX1" fmla="*/ 619935 w 850934"/>
                <a:gd name="connsiteY1" fmla="*/ 243 h 676518"/>
                <a:gd name="connsiteX2" fmla="*/ 677085 w 850934"/>
                <a:gd name="connsiteY2" fmla="*/ 243 h 676518"/>
                <a:gd name="connsiteX3" fmla="*/ 839010 w 850934"/>
                <a:gd name="connsiteY3" fmla="*/ 308218 h 676518"/>
                <a:gd name="connsiteX4" fmla="*/ 765985 w 850934"/>
                <a:gd name="connsiteY4" fmla="*/ 676518 h 676518"/>
                <a:gd name="connsiteX5" fmla="*/ 565960 w 850934"/>
                <a:gd name="connsiteY5" fmla="*/ 536819 h 676518"/>
                <a:gd name="connsiteX6" fmla="*/ 537385 w 850934"/>
                <a:gd name="connsiteY6" fmla="*/ 273295 h 676518"/>
                <a:gd name="connsiteX7" fmla="*/ 429435 w 850934"/>
                <a:gd name="connsiteY7" fmla="*/ 343145 h 676518"/>
                <a:gd name="connsiteX8" fmla="*/ 216710 w 850934"/>
                <a:gd name="connsiteY8" fmla="*/ 495545 h 676518"/>
                <a:gd name="connsiteX9" fmla="*/ 3985 w 850934"/>
                <a:gd name="connsiteY9" fmla="*/ 492370 h 676518"/>
                <a:gd name="connsiteX10" fmla="*/ 810 w 850934"/>
                <a:gd name="connsiteY10" fmla="*/ 368545 h 676518"/>
                <a:gd name="connsiteX11" fmla="*/ 305611 w 850934"/>
                <a:gd name="connsiteY11" fmla="*/ 314570 h 676518"/>
                <a:gd name="connsiteX12" fmla="*/ 170673 w 850934"/>
                <a:gd name="connsiteY12" fmla="*/ 279645 h 676518"/>
                <a:gd name="connsiteX13" fmla="*/ 176230 w 850934"/>
                <a:gd name="connsiteY13" fmla="*/ 162964 h 676518"/>
                <a:gd name="connsiteX14" fmla="*/ 257985 w 850934"/>
                <a:gd name="connsiteY14" fmla="*/ 54218 h 676518"/>
                <a:gd name="connsiteX0" fmla="*/ 257985 w 850934"/>
                <a:gd name="connsiteY0" fmla="*/ 54218 h 676518"/>
                <a:gd name="connsiteX1" fmla="*/ 619935 w 850934"/>
                <a:gd name="connsiteY1" fmla="*/ 243 h 676518"/>
                <a:gd name="connsiteX2" fmla="*/ 677085 w 850934"/>
                <a:gd name="connsiteY2" fmla="*/ 243 h 676518"/>
                <a:gd name="connsiteX3" fmla="*/ 839010 w 850934"/>
                <a:gd name="connsiteY3" fmla="*/ 308218 h 676518"/>
                <a:gd name="connsiteX4" fmla="*/ 765985 w 850934"/>
                <a:gd name="connsiteY4" fmla="*/ 676518 h 676518"/>
                <a:gd name="connsiteX5" fmla="*/ 565960 w 850934"/>
                <a:gd name="connsiteY5" fmla="*/ 536819 h 676518"/>
                <a:gd name="connsiteX6" fmla="*/ 537385 w 850934"/>
                <a:gd name="connsiteY6" fmla="*/ 273295 h 676518"/>
                <a:gd name="connsiteX7" fmla="*/ 429435 w 850934"/>
                <a:gd name="connsiteY7" fmla="*/ 343145 h 676518"/>
                <a:gd name="connsiteX8" fmla="*/ 216710 w 850934"/>
                <a:gd name="connsiteY8" fmla="*/ 495545 h 676518"/>
                <a:gd name="connsiteX9" fmla="*/ 3985 w 850934"/>
                <a:gd name="connsiteY9" fmla="*/ 492370 h 676518"/>
                <a:gd name="connsiteX10" fmla="*/ 810 w 850934"/>
                <a:gd name="connsiteY10" fmla="*/ 368545 h 676518"/>
                <a:gd name="connsiteX11" fmla="*/ 305611 w 850934"/>
                <a:gd name="connsiteY11" fmla="*/ 314570 h 676518"/>
                <a:gd name="connsiteX12" fmla="*/ 170673 w 850934"/>
                <a:gd name="connsiteY12" fmla="*/ 279645 h 676518"/>
                <a:gd name="connsiteX13" fmla="*/ 172261 w 850934"/>
                <a:gd name="connsiteY13" fmla="*/ 215351 h 676518"/>
                <a:gd name="connsiteX14" fmla="*/ 176230 w 850934"/>
                <a:gd name="connsiteY14" fmla="*/ 162964 h 676518"/>
                <a:gd name="connsiteX15" fmla="*/ 257985 w 850934"/>
                <a:gd name="connsiteY15" fmla="*/ 54218 h 676518"/>
                <a:gd name="connsiteX0" fmla="*/ 257985 w 850934"/>
                <a:gd name="connsiteY0" fmla="*/ 54218 h 676518"/>
                <a:gd name="connsiteX1" fmla="*/ 619935 w 850934"/>
                <a:gd name="connsiteY1" fmla="*/ 243 h 676518"/>
                <a:gd name="connsiteX2" fmla="*/ 677085 w 850934"/>
                <a:gd name="connsiteY2" fmla="*/ 243 h 676518"/>
                <a:gd name="connsiteX3" fmla="*/ 839010 w 850934"/>
                <a:gd name="connsiteY3" fmla="*/ 308218 h 676518"/>
                <a:gd name="connsiteX4" fmla="*/ 765985 w 850934"/>
                <a:gd name="connsiteY4" fmla="*/ 676518 h 676518"/>
                <a:gd name="connsiteX5" fmla="*/ 565960 w 850934"/>
                <a:gd name="connsiteY5" fmla="*/ 536819 h 676518"/>
                <a:gd name="connsiteX6" fmla="*/ 537385 w 850934"/>
                <a:gd name="connsiteY6" fmla="*/ 273295 h 676518"/>
                <a:gd name="connsiteX7" fmla="*/ 429435 w 850934"/>
                <a:gd name="connsiteY7" fmla="*/ 343145 h 676518"/>
                <a:gd name="connsiteX8" fmla="*/ 216710 w 850934"/>
                <a:gd name="connsiteY8" fmla="*/ 495545 h 676518"/>
                <a:gd name="connsiteX9" fmla="*/ 3985 w 850934"/>
                <a:gd name="connsiteY9" fmla="*/ 492370 h 676518"/>
                <a:gd name="connsiteX10" fmla="*/ 810 w 850934"/>
                <a:gd name="connsiteY10" fmla="*/ 368545 h 676518"/>
                <a:gd name="connsiteX11" fmla="*/ 305611 w 850934"/>
                <a:gd name="connsiteY11" fmla="*/ 314570 h 676518"/>
                <a:gd name="connsiteX12" fmla="*/ 170673 w 850934"/>
                <a:gd name="connsiteY12" fmla="*/ 279645 h 676518"/>
                <a:gd name="connsiteX13" fmla="*/ 172261 w 850934"/>
                <a:gd name="connsiteY13" fmla="*/ 215351 h 676518"/>
                <a:gd name="connsiteX14" fmla="*/ 176230 w 850934"/>
                <a:gd name="connsiteY14" fmla="*/ 162964 h 676518"/>
                <a:gd name="connsiteX15" fmla="*/ 257985 w 850934"/>
                <a:gd name="connsiteY15" fmla="*/ 54218 h 676518"/>
                <a:gd name="connsiteX0" fmla="*/ 257985 w 850934"/>
                <a:gd name="connsiteY0" fmla="*/ 54218 h 676518"/>
                <a:gd name="connsiteX1" fmla="*/ 619935 w 850934"/>
                <a:gd name="connsiteY1" fmla="*/ 243 h 676518"/>
                <a:gd name="connsiteX2" fmla="*/ 677085 w 850934"/>
                <a:gd name="connsiteY2" fmla="*/ 243 h 676518"/>
                <a:gd name="connsiteX3" fmla="*/ 839010 w 850934"/>
                <a:gd name="connsiteY3" fmla="*/ 308218 h 676518"/>
                <a:gd name="connsiteX4" fmla="*/ 765985 w 850934"/>
                <a:gd name="connsiteY4" fmla="*/ 676518 h 676518"/>
                <a:gd name="connsiteX5" fmla="*/ 565960 w 850934"/>
                <a:gd name="connsiteY5" fmla="*/ 536819 h 676518"/>
                <a:gd name="connsiteX6" fmla="*/ 537385 w 850934"/>
                <a:gd name="connsiteY6" fmla="*/ 273295 h 676518"/>
                <a:gd name="connsiteX7" fmla="*/ 429435 w 850934"/>
                <a:gd name="connsiteY7" fmla="*/ 343145 h 676518"/>
                <a:gd name="connsiteX8" fmla="*/ 216710 w 850934"/>
                <a:gd name="connsiteY8" fmla="*/ 495545 h 676518"/>
                <a:gd name="connsiteX9" fmla="*/ 3985 w 850934"/>
                <a:gd name="connsiteY9" fmla="*/ 492370 h 676518"/>
                <a:gd name="connsiteX10" fmla="*/ 810 w 850934"/>
                <a:gd name="connsiteY10" fmla="*/ 368545 h 676518"/>
                <a:gd name="connsiteX11" fmla="*/ 305611 w 850934"/>
                <a:gd name="connsiteY11" fmla="*/ 314570 h 676518"/>
                <a:gd name="connsiteX12" fmla="*/ 170673 w 850934"/>
                <a:gd name="connsiteY12" fmla="*/ 279645 h 676518"/>
                <a:gd name="connsiteX13" fmla="*/ 176230 w 850934"/>
                <a:gd name="connsiteY13" fmla="*/ 162964 h 676518"/>
                <a:gd name="connsiteX14" fmla="*/ 257985 w 850934"/>
                <a:gd name="connsiteY14" fmla="*/ 54218 h 676518"/>
                <a:gd name="connsiteX0" fmla="*/ 257985 w 850934"/>
                <a:gd name="connsiteY0" fmla="*/ 54218 h 676518"/>
                <a:gd name="connsiteX1" fmla="*/ 619935 w 850934"/>
                <a:gd name="connsiteY1" fmla="*/ 243 h 676518"/>
                <a:gd name="connsiteX2" fmla="*/ 677085 w 850934"/>
                <a:gd name="connsiteY2" fmla="*/ 243 h 676518"/>
                <a:gd name="connsiteX3" fmla="*/ 839010 w 850934"/>
                <a:gd name="connsiteY3" fmla="*/ 308218 h 676518"/>
                <a:gd name="connsiteX4" fmla="*/ 765985 w 850934"/>
                <a:gd name="connsiteY4" fmla="*/ 676518 h 676518"/>
                <a:gd name="connsiteX5" fmla="*/ 565960 w 850934"/>
                <a:gd name="connsiteY5" fmla="*/ 536819 h 676518"/>
                <a:gd name="connsiteX6" fmla="*/ 537385 w 850934"/>
                <a:gd name="connsiteY6" fmla="*/ 273295 h 676518"/>
                <a:gd name="connsiteX7" fmla="*/ 429435 w 850934"/>
                <a:gd name="connsiteY7" fmla="*/ 343145 h 676518"/>
                <a:gd name="connsiteX8" fmla="*/ 216710 w 850934"/>
                <a:gd name="connsiteY8" fmla="*/ 495545 h 676518"/>
                <a:gd name="connsiteX9" fmla="*/ 3985 w 850934"/>
                <a:gd name="connsiteY9" fmla="*/ 492370 h 676518"/>
                <a:gd name="connsiteX10" fmla="*/ 810 w 850934"/>
                <a:gd name="connsiteY10" fmla="*/ 368545 h 676518"/>
                <a:gd name="connsiteX11" fmla="*/ 305611 w 850934"/>
                <a:gd name="connsiteY11" fmla="*/ 314570 h 676518"/>
                <a:gd name="connsiteX12" fmla="*/ 170673 w 850934"/>
                <a:gd name="connsiteY12" fmla="*/ 279645 h 676518"/>
                <a:gd name="connsiteX13" fmla="*/ 176230 w 850934"/>
                <a:gd name="connsiteY13" fmla="*/ 162964 h 676518"/>
                <a:gd name="connsiteX14" fmla="*/ 257985 w 850934"/>
                <a:gd name="connsiteY14" fmla="*/ 54218 h 676518"/>
                <a:gd name="connsiteX0" fmla="*/ 257985 w 850934"/>
                <a:gd name="connsiteY0" fmla="*/ 54218 h 676518"/>
                <a:gd name="connsiteX1" fmla="*/ 619935 w 850934"/>
                <a:gd name="connsiteY1" fmla="*/ 243 h 676518"/>
                <a:gd name="connsiteX2" fmla="*/ 677085 w 850934"/>
                <a:gd name="connsiteY2" fmla="*/ 243 h 676518"/>
                <a:gd name="connsiteX3" fmla="*/ 839010 w 850934"/>
                <a:gd name="connsiteY3" fmla="*/ 308218 h 676518"/>
                <a:gd name="connsiteX4" fmla="*/ 765985 w 850934"/>
                <a:gd name="connsiteY4" fmla="*/ 676518 h 676518"/>
                <a:gd name="connsiteX5" fmla="*/ 565960 w 850934"/>
                <a:gd name="connsiteY5" fmla="*/ 536819 h 676518"/>
                <a:gd name="connsiteX6" fmla="*/ 537385 w 850934"/>
                <a:gd name="connsiteY6" fmla="*/ 273295 h 676518"/>
                <a:gd name="connsiteX7" fmla="*/ 429435 w 850934"/>
                <a:gd name="connsiteY7" fmla="*/ 343145 h 676518"/>
                <a:gd name="connsiteX8" fmla="*/ 216710 w 850934"/>
                <a:gd name="connsiteY8" fmla="*/ 495545 h 676518"/>
                <a:gd name="connsiteX9" fmla="*/ 3985 w 850934"/>
                <a:gd name="connsiteY9" fmla="*/ 492370 h 676518"/>
                <a:gd name="connsiteX10" fmla="*/ 810 w 850934"/>
                <a:gd name="connsiteY10" fmla="*/ 368545 h 676518"/>
                <a:gd name="connsiteX11" fmla="*/ 305611 w 850934"/>
                <a:gd name="connsiteY11" fmla="*/ 314570 h 676518"/>
                <a:gd name="connsiteX12" fmla="*/ 161148 w 850934"/>
                <a:gd name="connsiteY12" fmla="*/ 279645 h 676518"/>
                <a:gd name="connsiteX13" fmla="*/ 176230 w 850934"/>
                <a:gd name="connsiteY13" fmla="*/ 162964 h 676518"/>
                <a:gd name="connsiteX14" fmla="*/ 257985 w 850934"/>
                <a:gd name="connsiteY14" fmla="*/ 54218 h 676518"/>
                <a:gd name="connsiteX0" fmla="*/ 367523 w 850934"/>
                <a:gd name="connsiteY0" fmla="*/ 201856 h 676518"/>
                <a:gd name="connsiteX1" fmla="*/ 619935 w 850934"/>
                <a:gd name="connsiteY1" fmla="*/ 243 h 676518"/>
                <a:gd name="connsiteX2" fmla="*/ 677085 w 850934"/>
                <a:gd name="connsiteY2" fmla="*/ 243 h 676518"/>
                <a:gd name="connsiteX3" fmla="*/ 839010 w 850934"/>
                <a:gd name="connsiteY3" fmla="*/ 308218 h 676518"/>
                <a:gd name="connsiteX4" fmla="*/ 765985 w 850934"/>
                <a:gd name="connsiteY4" fmla="*/ 676518 h 676518"/>
                <a:gd name="connsiteX5" fmla="*/ 565960 w 850934"/>
                <a:gd name="connsiteY5" fmla="*/ 536819 h 676518"/>
                <a:gd name="connsiteX6" fmla="*/ 537385 w 850934"/>
                <a:gd name="connsiteY6" fmla="*/ 273295 h 676518"/>
                <a:gd name="connsiteX7" fmla="*/ 429435 w 850934"/>
                <a:gd name="connsiteY7" fmla="*/ 343145 h 676518"/>
                <a:gd name="connsiteX8" fmla="*/ 216710 w 850934"/>
                <a:gd name="connsiteY8" fmla="*/ 495545 h 676518"/>
                <a:gd name="connsiteX9" fmla="*/ 3985 w 850934"/>
                <a:gd name="connsiteY9" fmla="*/ 492370 h 676518"/>
                <a:gd name="connsiteX10" fmla="*/ 810 w 850934"/>
                <a:gd name="connsiteY10" fmla="*/ 368545 h 676518"/>
                <a:gd name="connsiteX11" fmla="*/ 305611 w 850934"/>
                <a:gd name="connsiteY11" fmla="*/ 314570 h 676518"/>
                <a:gd name="connsiteX12" fmla="*/ 161148 w 850934"/>
                <a:gd name="connsiteY12" fmla="*/ 279645 h 676518"/>
                <a:gd name="connsiteX13" fmla="*/ 176230 w 850934"/>
                <a:gd name="connsiteY13" fmla="*/ 162964 h 676518"/>
                <a:gd name="connsiteX14" fmla="*/ 367523 w 850934"/>
                <a:gd name="connsiteY14" fmla="*/ 201856 h 676518"/>
                <a:gd name="connsiteX0" fmla="*/ 367523 w 850934"/>
                <a:gd name="connsiteY0" fmla="*/ 201856 h 676518"/>
                <a:gd name="connsiteX1" fmla="*/ 619935 w 850934"/>
                <a:gd name="connsiteY1" fmla="*/ 243 h 676518"/>
                <a:gd name="connsiteX2" fmla="*/ 677085 w 850934"/>
                <a:gd name="connsiteY2" fmla="*/ 243 h 676518"/>
                <a:gd name="connsiteX3" fmla="*/ 839010 w 850934"/>
                <a:gd name="connsiteY3" fmla="*/ 308218 h 676518"/>
                <a:gd name="connsiteX4" fmla="*/ 765985 w 850934"/>
                <a:gd name="connsiteY4" fmla="*/ 676518 h 676518"/>
                <a:gd name="connsiteX5" fmla="*/ 565960 w 850934"/>
                <a:gd name="connsiteY5" fmla="*/ 536819 h 676518"/>
                <a:gd name="connsiteX6" fmla="*/ 537385 w 850934"/>
                <a:gd name="connsiteY6" fmla="*/ 273295 h 676518"/>
                <a:gd name="connsiteX7" fmla="*/ 429435 w 850934"/>
                <a:gd name="connsiteY7" fmla="*/ 343145 h 676518"/>
                <a:gd name="connsiteX8" fmla="*/ 216710 w 850934"/>
                <a:gd name="connsiteY8" fmla="*/ 495545 h 676518"/>
                <a:gd name="connsiteX9" fmla="*/ 3985 w 850934"/>
                <a:gd name="connsiteY9" fmla="*/ 492370 h 676518"/>
                <a:gd name="connsiteX10" fmla="*/ 810 w 850934"/>
                <a:gd name="connsiteY10" fmla="*/ 368545 h 676518"/>
                <a:gd name="connsiteX11" fmla="*/ 305611 w 850934"/>
                <a:gd name="connsiteY11" fmla="*/ 314570 h 676518"/>
                <a:gd name="connsiteX12" fmla="*/ 161148 w 850934"/>
                <a:gd name="connsiteY12" fmla="*/ 279645 h 676518"/>
                <a:gd name="connsiteX13" fmla="*/ 176230 w 850934"/>
                <a:gd name="connsiteY13" fmla="*/ 162964 h 676518"/>
                <a:gd name="connsiteX14" fmla="*/ 367523 w 850934"/>
                <a:gd name="connsiteY14" fmla="*/ 201856 h 676518"/>
                <a:gd name="connsiteX0" fmla="*/ 367523 w 850934"/>
                <a:gd name="connsiteY0" fmla="*/ 201856 h 676518"/>
                <a:gd name="connsiteX1" fmla="*/ 619935 w 850934"/>
                <a:gd name="connsiteY1" fmla="*/ 243 h 676518"/>
                <a:gd name="connsiteX2" fmla="*/ 677085 w 850934"/>
                <a:gd name="connsiteY2" fmla="*/ 243 h 676518"/>
                <a:gd name="connsiteX3" fmla="*/ 839010 w 850934"/>
                <a:gd name="connsiteY3" fmla="*/ 308218 h 676518"/>
                <a:gd name="connsiteX4" fmla="*/ 765985 w 850934"/>
                <a:gd name="connsiteY4" fmla="*/ 676518 h 676518"/>
                <a:gd name="connsiteX5" fmla="*/ 565960 w 850934"/>
                <a:gd name="connsiteY5" fmla="*/ 536819 h 676518"/>
                <a:gd name="connsiteX6" fmla="*/ 537385 w 850934"/>
                <a:gd name="connsiteY6" fmla="*/ 273295 h 676518"/>
                <a:gd name="connsiteX7" fmla="*/ 429435 w 850934"/>
                <a:gd name="connsiteY7" fmla="*/ 343145 h 676518"/>
                <a:gd name="connsiteX8" fmla="*/ 216710 w 850934"/>
                <a:gd name="connsiteY8" fmla="*/ 495545 h 676518"/>
                <a:gd name="connsiteX9" fmla="*/ 3985 w 850934"/>
                <a:gd name="connsiteY9" fmla="*/ 492370 h 676518"/>
                <a:gd name="connsiteX10" fmla="*/ 810 w 850934"/>
                <a:gd name="connsiteY10" fmla="*/ 368545 h 676518"/>
                <a:gd name="connsiteX11" fmla="*/ 305611 w 850934"/>
                <a:gd name="connsiteY11" fmla="*/ 314570 h 676518"/>
                <a:gd name="connsiteX12" fmla="*/ 161148 w 850934"/>
                <a:gd name="connsiteY12" fmla="*/ 279645 h 676518"/>
                <a:gd name="connsiteX13" fmla="*/ 176230 w 850934"/>
                <a:gd name="connsiteY13" fmla="*/ 162964 h 676518"/>
                <a:gd name="connsiteX14" fmla="*/ 367523 w 850934"/>
                <a:gd name="connsiteY14" fmla="*/ 201856 h 676518"/>
                <a:gd name="connsiteX0" fmla="*/ 367523 w 850934"/>
                <a:gd name="connsiteY0" fmla="*/ 201856 h 676518"/>
                <a:gd name="connsiteX1" fmla="*/ 481824 w 850934"/>
                <a:gd name="connsiteY1" fmla="*/ 108195 h 676518"/>
                <a:gd name="connsiteX2" fmla="*/ 619935 w 850934"/>
                <a:gd name="connsiteY2" fmla="*/ 243 h 676518"/>
                <a:gd name="connsiteX3" fmla="*/ 677085 w 850934"/>
                <a:gd name="connsiteY3" fmla="*/ 243 h 676518"/>
                <a:gd name="connsiteX4" fmla="*/ 839010 w 850934"/>
                <a:gd name="connsiteY4" fmla="*/ 308218 h 676518"/>
                <a:gd name="connsiteX5" fmla="*/ 765985 w 850934"/>
                <a:gd name="connsiteY5" fmla="*/ 676518 h 676518"/>
                <a:gd name="connsiteX6" fmla="*/ 565960 w 850934"/>
                <a:gd name="connsiteY6" fmla="*/ 536819 h 676518"/>
                <a:gd name="connsiteX7" fmla="*/ 537385 w 850934"/>
                <a:gd name="connsiteY7" fmla="*/ 273295 h 676518"/>
                <a:gd name="connsiteX8" fmla="*/ 429435 w 850934"/>
                <a:gd name="connsiteY8" fmla="*/ 343145 h 676518"/>
                <a:gd name="connsiteX9" fmla="*/ 216710 w 850934"/>
                <a:gd name="connsiteY9" fmla="*/ 495545 h 676518"/>
                <a:gd name="connsiteX10" fmla="*/ 3985 w 850934"/>
                <a:gd name="connsiteY10" fmla="*/ 492370 h 676518"/>
                <a:gd name="connsiteX11" fmla="*/ 810 w 850934"/>
                <a:gd name="connsiteY11" fmla="*/ 368545 h 676518"/>
                <a:gd name="connsiteX12" fmla="*/ 305611 w 850934"/>
                <a:gd name="connsiteY12" fmla="*/ 314570 h 676518"/>
                <a:gd name="connsiteX13" fmla="*/ 161148 w 850934"/>
                <a:gd name="connsiteY13" fmla="*/ 279645 h 676518"/>
                <a:gd name="connsiteX14" fmla="*/ 176230 w 850934"/>
                <a:gd name="connsiteY14" fmla="*/ 162964 h 676518"/>
                <a:gd name="connsiteX15" fmla="*/ 367523 w 850934"/>
                <a:gd name="connsiteY15" fmla="*/ 201856 h 676518"/>
                <a:gd name="connsiteX0" fmla="*/ 367523 w 850934"/>
                <a:gd name="connsiteY0" fmla="*/ 201856 h 676518"/>
                <a:gd name="connsiteX1" fmla="*/ 477061 w 850934"/>
                <a:gd name="connsiteY1" fmla="*/ 79620 h 676518"/>
                <a:gd name="connsiteX2" fmla="*/ 619935 w 850934"/>
                <a:gd name="connsiteY2" fmla="*/ 243 h 676518"/>
                <a:gd name="connsiteX3" fmla="*/ 677085 w 850934"/>
                <a:gd name="connsiteY3" fmla="*/ 243 h 676518"/>
                <a:gd name="connsiteX4" fmla="*/ 839010 w 850934"/>
                <a:gd name="connsiteY4" fmla="*/ 308218 h 676518"/>
                <a:gd name="connsiteX5" fmla="*/ 765985 w 850934"/>
                <a:gd name="connsiteY5" fmla="*/ 676518 h 676518"/>
                <a:gd name="connsiteX6" fmla="*/ 565960 w 850934"/>
                <a:gd name="connsiteY6" fmla="*/ 536819 h 676518"/>
                <a:gd name="connsiteX7" fmla="*/ 537385 w 850934"/>
                <a:gd name="connsiteY7" fmla="*/ 273295 h 676518"/>
                <a:gd name="connsiteX8" fmla="*/ 429435 w 850934"/>
                <a:gd name="connsiteY8" fmla="*/ 343145 h 676518"/>
                <a:gd name="connsiteX9" fmla="*/ 216710 w 850934"/>
                <a:gd name="connsiteY9" fmla="*/ 495545 h 676518"/>
                <a:gd name="connsiteX10" fmla="*/ 3985 w 850934"/>
                <a:gd name="connsiteY10" fmla="*/ 492370 h 676518"/>
                <a:gd name="connsiteX11" fmla="*/ 810 w 850934"/>
                <a:gd name="connsiteY11" fmla="*/ 368545 h 676518"/>
                <a:gd name="connsiteX12" fmla="*/ 305611 w 850934"/>
                <a:gd name="connsiteY12" fmla="*/ 314570 h 676518"/>
                <a:gd name="connsiteX13" fmla="*/ 161148 w 850934"/>
                <a:gd name="connsiteY13" fmla="*/ 279645 h 676518"/>
                <a:gd name="connsiteX14" fmla="*/ 176230 w 850934"/>
                <a:gd name="connsiteY14" fmla="*/ 162964 h 676518"/>
                <a:gd name="connsiteX15" fmla="*/ 367523 w 850934"/>
                <a:gd name="connsiteY15" fmla="*/ 201856 h 676518"/>
                <a:gd name="connsiteX0" fmla="*/ 367523 w 850934"/>
                <a:gd name="connsiteY0" fmla="*/ 201856 h 676518"/>
                <a:gd name="connsiteX1" fmla="*/ 477061 w 850934"/>
                <a:gd name="connsiteY1" fmla="*/ 79620 h 676518"/>
                <a:gd name="connsiteX2" fmla="*/ 619935 w 850934"/>
                <a:gd name="connsiteY2" fmla="*/ 243 h 676518"/>
                <a:gd name="connsiteX3" fmla="*/ 677085 w 850934"/>
                <a:gd name="connsiteY3" fmla="*/ 243 h 676518"/>
                <a:gd name="connsiteX4" fmla="*/ 839010 w 850934"/>
                <a:gd name="connsiteY4" fmla="*/ 308218 h 676518"/>
                <a:gd name="connsiteX5" fmla="*/ 765985 w 850934"/>
                <a:gd name="connsiteY5" fmla="*/ 676518 h 676518"/>
                <a:gd name="connsiteX6" fmla="*/ 565960 w 850934"/>
                <a:gd name="connsiteY6" fmla="*/ 536819 h 676518"/>
                <a:gd name="connsiteX7" fmla="*/ 537385 w 850934"/>
                <a:gd name="connsiteY7" fmla="*/ 273295 h 676518"/>
                <a:gd name="connsiteX8" fmla="*/ 429435 w 850934"/>
                <a:gd name="connsiteY8" fmla="*/ 343145 h 676518"/>
                <a:gd name="connsiteX9" fmla="*/ 216710 w 850934"/>
                <a:gd name="connsiteY9" fmla="*/ 495545 h 676518"/>
                <a:gd name="connsiteX10" fmla="*/ 3985 w 850934"/>
                <a:gd name="connsiteY10" fmla="*/ 492370 h 676518"/>
                <a:gd name="connsiteX11" fmla="*/ 810 w 850934"/>
                <a:gd name="connsiteY11" fmla="*/ 368545 h 676518"/>
                <a:gd name="connsiteX12" fmla="*/ 305611 w 850934"/>
                <a:gd name="connsiteY12" fmla="*/ 314570 h 676518"/>
                <a:gd name="connsiteX13" fmla="*/ 161148 w 850934"/>
                <a:gd name="connsiteY13" fmla="*/ 279645 h 676518"/>
                <a:gd name="connsiteX14" fmla="*/ 176230 w 850934"/>
                <a:gd name="connsiteY14" fmla="*/ 162964 h 676518"/>
                <a:gd name="connsiteX15" fmla="*/ 367523 w 850934"/>
                <a:gd name="connsiteY15" fmla="*/ 201856 h 676518"/>
                <a:gd name="connsiteX0" fmla="*/ 367523 w 850934"/>
                <a:gd name="connsiteY0" fmla="*/ 201856 h 676518"/>
                <a:gd name="connsiteX1" fmla="*/ 477061 w 850934"/>
                <a:gd name="connsiteY1" fmla="*/ 79620 h 676518"/>
                <a:gd name="connsiteX2" fmla="*/ 619935 w 850934"/>
                <a:gd name="connsiteY2" fmla="*/ 243 h 676518"/>
                <a:gd name="connsiteX3" fmla="*/ 677085 w 850934"/>
                <a:gd name="connsiteY3" fmla="*/ 243 h 676518"/>
                <a:gd name="connsiteX4" fmla="*/ 839010 w 850934"/>
                <a:gd name="connsiteY4" fmla="*/ 308218 h 676518"/>
                <a:gd name="connsiteX5" fmla="*/ 765985 w 850934"/>
                <a:gd name="connsiteY5" fmla="*/ 676518 h 676518"/>
                <a:gd name="connsiteX6" fmla="*/ 565960 w 850934"/>
                <a:gd name="connsiteY6" fmla="*/ 536819 h 676518"/>
                <a:gd name="connsiteX7" fmla="*/ 537385 w 850934"/>
                <a:gd name="connsiteY7" fmla="*/ 273295 h 676518"/>
                <a:gd name="connsiteX8" fmla="*/ 429435 w 850934"/>
                <a:gd name="connsiteY8" fmla="*/ 343145 h 676518"/>
                <a:gd name="connsiteX9" fmla="*/ 216710 w 850934"/>
                <a:gd name="connsiteY9" fmla="*/ 495545 h 676518"/>
                <a:gd name="connsiteX10" fmla="*/ 3985 w 850934"/>
                <a:gd name="connsiteY10" fmla="*/ 492370 h 676518"/>
                <a:gd name="connsiteX11" fmla="*/ 810 w 850934"/>
                <a:gd name="connsiteY11" fmla="*/ 368545 h 676518"/>
                <a:gd name="connsiteX12" fmla="*/ 305611 w 850934"/>
                <a:gd name="connsiteY12" fmla="*/ 314570 h 676518"/>
                <a:gd name="connsiteX13" fmla="*/ 161148 w 850934"/>
                <a:gd name="connsiteY13" fmla="*/ 279645 h 676518"/>
                <a:gd name="connsiteX14" fmla="*/ 176230 w 850934"/>
                <a:gd name="connsiteY14" fmla="*/ 162964 h 676518"/>
                <a:gd name="connsiteX15" fmla="*/ 367523 w 850934"/>
                <a:gd name="connsiteY15" fmla="*/ 201856 h 676518"/>
                <a:gd name="connsiteX0" fmla="*/ 367523 w 850934"/>
                <a:gd name="connsiteY0" fmla="*/ 201856 h 676518"/>
                <a:gd name="connsiteX1" fmla="*/ 477061 w 850934"/>
                <a:gd name="connsiteY1" fmla="*/ 79620 h 676518"/>
                <a:gd name="connsiteX2" fmla="*/ 619935 w 850934"/>
                <a:gd name="connsiteY2" fmla="*/ 243 h 676518"/>
                <a:gd name="connsiteX3" fmla="*/ 677085 w 850934"/>
                <a:gd name="connsiteY3" fmla="*/ 243 h 676518"/>
                <a:gd name="connsiteX4" fmla="*/ 839010 w 850934"/>
                <a:gd name="connsiteY4" fmla="*/ 308218 h 676518"/>
                <a:gd name="connsiteX5" fmla="*/ 765985 w 850934"/>
                <a:gd name="connsiteY5" fmla="*/ 676518 h 676518"/>
                <a:gd name="connsiteX6" fmla="*/ 565960 w 850934"/>
                <a:gd name="connsiteY6" fmla="*/ 536819 h 676518"/>
                <a:gd name="connsiteX7" fmla="*/ 537385 w 850934"/>
                <a:gd name="connsiteY7" fmla="*/ 273295 h 676518"/>
                <a:gd name="connsiteX8" fmla="*/ 429435 w 850934"/>
                <a:gd name="connsiteY8" fmla="*/ 343145 h 676518"/>
                <a:gd name="connsiteX9" fmla="*/ 216710 w 850934"/>
                <a:gd name="connsiteY9" fmla="*/ 495545 h 676518"/>
                <a:gd name="connsiteX10" fmla="*/ 3985 w 850934"/>
                <a:gd name="connsiteY10" fmla="*/ 492370 h 676518"/>
                <a:gd name="connsiteX11" fmla="*/ 810 w 850934"/>
                <a:gd name="connsiteY11" fmla="*/ 368545 h 676518"/>
                <a:gd name="connsiteX12" fmla="*/ 305611 w 850934"/>
                <a:gd name="connsiteY12" fmla="*/ 314570 h 676518"/>
                <a:gd name="connsiteX13" fmla="*/ 161148 w 850934"/>
                <a:gd name="connsiteY13" fmla="*/ 279645 h 676518"/>
                <a:gd name="connsiteX14" fmla="*/ 176230 w 850934"/>
                <a:gd name="connsiteY14" fmla="*/ 162964 h 676518"/>
                <a:gd name="connsiteX15" fmla="*/ 367523 w 850934"/>
                <a:gd name="connsiteY15" fmla="*/ 201856 h 676518"/>
                <a:gd name="connsiteX0" fmla="*/ 367523 w 850934"/>
                <a:gd name="connsiteY0" fmla="*/ 201856 h 676518"/>
                <a:gd name="connsiteX1" fmla="*/ 477061 w 850934"/>
                <a:gd name="connsiteY1" fmla="*/ 79620 h 676518"/>
                <a:gd name="connsiteX2" fmla="*/ 553261 w 850934"/>
                <a:gd name="connsiteY2" fmla="*/ 41520 h 676518"/>
                <a:gd name="connsiteX3" fmla="*/ 619935 w 850934"/>
                <a:gd name="connsiteY3" fmla="*/ 243 h 676518"/>
                <a:gd name="connsiteX4" fmla="*/ 677085 w 850934"/>
                <a:gd name="connsiteY4" fmla="*/ 243 h 676518"/>
                <a:gd name="connsiteX5" fmla="*/ 839010 w 850934"/>
                <a:gd name="connsiteY5" fmla="*/ 308218 h 676518"/>
                <a:gd name="connsiteX6" fmla="*/ 765985 w 850934"/>
                <a:gd name="connsiteY6" fmla="*/ 676518 h 676518"/>
                <a:gd name="connsiteX7" fmla="*/ 565960 w 850934"/>
                <a:gd name="connsiteY7" fmla="*/ 536819 h 676518"/>
                <a:gd name="connsiteX8" fmla="*/ 537385 w 850934"/>
                <a:gd name="connsiteY8" fmla="*/ 273295 h 676518"/>
                <a:gd name="connsiteX9" fmla="*/ 429435 w 850934"/>
                <a:gd name="connsiteY9" fmla="*/ 343145 h 676518"/>
                <a:gd name="connsiteX10" fmla="*/ 216710 w 850934"/>
                <a:gd name="connsiteY10" fmla="*/ 495545 h 676518"/>
                <a:gd name="connsiteX11" fmla="*/ 3985 w 850934"/>
                <a:gd name="connsiteY11" fmla="*/ 492370 h 676518"/>
                <a:gd name="connsiteX12" fmla="*/ 810 w 850934"/>
                <a:gd name="connsiteY12" fmla="*/ 368545 h 676518"/>
                <a:gd name="connsiteX13" fmla="*/ 305611 w 850934"/>
                <a:gd name="connsiteY13" fmla="*/ 314570 h 676518"/>
                <a:gd name="connsiteX14" fmla="*/ 161148 w 850934"/>
                <a:gd name="connsiteY14" fmla="*/ 279645 h 676518"/>
                <a:gd name="connsiteX15" fmla="*/ 176230 w 850934"/>
                <a:gd name="connsiteY15" fmla="*/ 162964 h 676518"/>
                <a:gd name="connsiteX16" fmla="*/ 367523 w 850934"/>
                <a:gd name="connsiteY16" fmla="*/ 201856 h 676518"/>
                <a:gd name="connsiteX0" fmla="*/ 367523 w 850934"/>
                <a:gd name="connsiteY0" fmla="*/ 201856 h 676518"/>
                <a:gd name="connsiteX1" fmla="*/ 477061 w 850934"/>
                <a:gd name="connsiteY1" fmla="*/ 79620 h 676518"/>
                <a:gd name="connsiteX2" fmla="*/ 591361 w 850934"/>
                <a:gd name="connsiteY2" fmla="*/ 115339 h 676518"/>
                <a:gd name="connsiteX3" fmla="*/ 619935 w 850934"/>
                <a:gd name="connsiteY3" fmla="*/ 243 h 676518"/>
                <a:gd name="connsiteX4" fmla="*/ 677085 w 850934"/>
                <a:gd name="connsiteY4" fmla="*/ 243 h 676518"/>
                <a:gd name="connsiteX5" fmla="*/ 839010 w 850934"/>
                <a:gd name="connsiteY5" fmla="*/ 308218 h 676518"/>
                <a:gd name="connsiteX6" fmla="*/ 765985 w 850934"/>
                <a:gd name="connsiteY6" fmla="*/ 676518 h 676518"/>
                <a:gd name="connsiteX7" fmla="*/ 565960 w 850934"/>
                <a:gd name="connsiteY7" fmla="*/ 536819 h 676518"/>
                <a:gd name="connsiteX8" fmla="*/ 537385 w 850934"/>
                <a:gd name="connsiteY8" fmla="*/ 273295 h 676518"/>
                <a:gd name="connsiteX9" fmla="*/ 429435 w 850934"/>
                <a:gd name="connsiteY9" fmla="*/ 343145 h 676518"/>
                <a:gd name="connsiteX10" fmla="*/ 216710 w 850934"/>
                <a:gd name="connsiteY10" fmla="*/ 495545 h 676518"/>
                <a:gd name="connsiteX11" fmla="*/ 3985 w 850934"/>
                <a:gd name="connsiteY11" fmla="*/ 492370 h 676518"/>
                <a:gd name="connsiteX12" fmla="*/ 810 w 850934"/>
                <a:gd name="connsiteY12" fmla="*/ 368545 h 676518"/>
                <a:gd name="connsiteX13" fmla="*/ 305611 w 850934"/>
                <a:gd name="connsiteY13" fmla="*/ 314570 h 676518"/>
                <a:gd name="connsiteX14" fmla="*/ 161148 w 850934"/>
                <a:gd name="connsiteY14" fmla="*/ 279645 h 676518"/>
                <a:gd name="connsiteX15" fmla="*/ 176230 w 850934"/>
                <a:gd name="connsiteY15" fmla="*/ 162964 h 676518"/>
                <a:gd name="connsiteX16" fmla="*/ 367523 w 850934"/>
                <a:gd name="connsiteY16" fmla="*/ 201856 h 676518"/>
                <a:gd name="connsiteX0" fmla="*/ 367523 w 850934"/>
                <a:gd name="connsiteY0" fmla="*/ 201856 h 676518"/>
                <a:gd name="connsiteX1" fmla="*/ 477061 w 850934"/>
                <a:gd name="connsiteY1" fmla="*/ 79620 h 676518"/>
                <a:gd name="connsiteX2" fmla="*/ 588980 w 850934"/>
                <a:gd name="connsiteY2" fmla="*/ 98670 h 676518"/>
                <a:gd name="connsiteX3" fmla="*/ 619935 w 850934"/>
                <a:gd name="connsiteY3" fmla="*/ 243 h 676518"/>
                <a:gd name="connsiteX4" fmla="*/ 677085 w 850934"/>
                <a:gd name="connsiteY4" fmla="*/ 243 h 676518"/>
                <a:gd name="connsiteX5" fmla="*/ 839010 w 850934"/>
                <a:gd name="connsiteY5" fmla="*/ 308218 h 676518"/>
                <a:gd name="connsiteX6" fmla="*/ 765985 w 850934"/>
                <a:gd name="connsiteY6" fmla="*/ 676518 h 676518"/>
                <a:gd name="connsiteX7" fmla="*/ 565960 w 850934"/>
                <a:gd name="connsiteY7" fmla="*/ 536819 h 676518"/>
                <a:gd name="connsiteX8" fmla="*/ 537385 w 850934"/>
                <a:gd name="connsiteY8" fmla="*/ 273295 h 676518"/>
                <a:gd name="connsiteX9" fmla="*/ 429435 w 850934"/>
                <a:gd name="connsiteY9" fmla="*/ 343145 h 676518"/>
                <a:gd name="connsiteX10" fmla="*/ 216710 w 850934"/>
                <a:gd name="connsiteY10" fmla="*/ 495545 h 676518"/>
                <a:gd name="connsiteX11" fmla="*/ 3985 w 850934"/>
                <a:gd name="connsiteY11" fmla="*/ 492370 h 676518"/>
                <a:gd name="connsiteX12" fmla="*/ 810 w 850934"/>
                <a:gd name="connsiteY12" fmla="*/ 368545 h 676518"/>
                <a:gd name="connsiteX13" fmla="*/ 305611 w 850934"/>
                <a:gd name="connsiteY13" fmla="*/ 314570 h 676518"/>
                <a:gd name="connsiteX14" fmla="*/ 161148 w 850934"/>
                <a:gd name="connsiteY14" fmla="*/ 279645 h 676518"/>
                <a:gd name="connsiteX15" fmla="*/ 176230 w 850934"/>
                <a:gd name="connsiteY15" fmla="*/ 162964 h 676518"/>
                <a:gd name="connsiteX16" fmla="*/ 367523 w 850934"/>
                <a:gd name="connsiteY16" fmla="*/ 201856 h 676518"/>
                <a:gd name="connsiteX0" fmla="*/ 367523 w 850934"/>
                <a:gd name="connsiteY0" fmla="*/ 201856 h 676518"/>
                <a:gd name="connsiteX1" fmla="*/ 477061 w 850934"/>
                <a:gd name="connsiteY1" fmla="*/ 79620 h 676518"/>
                <a:gd name="connsiteX2" fmla="*/ 588980 w 850934"/>
                <a:gd name="connsiteY2" fmla="*/ 98670 h 676518"/>
                <a:gd name="connsiteX3" fmla="*/ 619935 w 850934"/>
                <a:gd name="connsiteY3" fmla="*/ 243 h 676518"/>
                <a:gd name="connsiteX4" fmla="*/ 677085 w 850934"/>
                <a:gd name="connsiteY4" fmla="*/ 243 h 676518"/>
                <a:gd name="connsiteX5" fmla="*/ 839010 w 850934"/>
                <a:gd name="connsiteY5" fmla="*/ 308218 h 676518"/>
                <a:gd name="connsiteX6" fmla="*/ 765985 w 850934"/>
                <a:gd name="connsiteY6" fmla="*/ 676518 h 676518"/>
                <a:gd name="connsiteX7" fmla="*/ 565960 w 850934"/>
                <a:gd name="connsiteY7" fmla="*/ 536819 h 676518"/>
                <a:gd name="connsiteX8" fmla="*/ 537385 w 850934"/>
                <a:gd name="connsiteY8" fmla="*/ 273295 h 676518"/>
                <a:gd name="connsiteX9" fmla="*/ 429435 w 850934"/>
                <a:gd name="connsiteY9" fmla="*/ 343145 h 676518"/>
                <a:gd name="connsiteX10" fmla="*/ 216710 w 850934"/>
                <a:gd name="connsiteY10" fmla="*/ 495545 h 676518"/>
                <a:gd name="connsiteX11" fmla="*/ 3985 w 850934"/>
                <a:gd name="connsiteY11" fmla="*/ 492370 h 676518"/>
                <a:gd name="connsiteX12" fmla="*/ 810 w 850934"/>
                <a:gd name="connsiteY12" fmla="*/ 368545 h 676518"/>
                <a:gd name="connsiteX13" fmla="*/ 305611 w 850934"/>
                <a:gd name="connsiteY13" fmla="*/ 314570 h 676518"/>
                <a:gd name="connsiteX14" fmla="*/ 161148 w 850934"/>
                <a:gd name="connsiteY14" fmla="*/ 279645 h 676518"/>
                <a:gd name="connsiteX15" fmla="*/ 176230 w 850934"/>
                <a:gd name="connsiteY15" fmla="*/ 162964 h 676518"/>
                <a:gd name="connsiteX16" fmla="*/ 367523 w 850934"/>
                <a:gd name="connsiteY16" fmla="*/ 201856 h 676518"/>
                <a:gd name="connsiteX0" fmla="*/ 367523 w 850934"/>
                <a:gd name="connsiteY0" fmla="*/ 201856 h 676518"/>
                <a:gd name="connsiteX1" fmla="*/ 477061 w 850934"/>
                <a:gd name="connsiteY1" fmla="*/ 79620 h 676518"/>
                <a:gd name="connsiteX2" fmla="*/ 588980 w 850934"/>
                <a:gd name="connsiteY2" fmla="*/ 98670 h 676518"/>
                <a:gd name="connsiteX3" fmla="*/ 619935 w 850934"/>
                <a:gd name="connsiteY3" fmla="*/ 243 h 676518"/>
                <a:gd name="connsiteX4" fmla="*/ 677085 w 850934"/>
                <a:gd name="connsiteY4" fmla="*/ 243 h 676518"/>
                <a:gd name="connsiteX5" fmla="*/ 839010 w 850934"/>
                <a:gd name="connsiteY5" fmla="*/ 308218 h 676518"/>
                <a:gd name="connsiteX6" fmla="*/ 765985 w 850934"/>
                <a:gd name="connsiteY6" fmla="*/ 676518 h 676518"/>
                <a:gd name="connsiteX7" fmla="*/ 565960 w 850934"/>
                <a:gd name="connsiteY7" fmla="*/ 536819 h 676518"/>
                <a:gd name="connsiteX8" fmla="*/ 537385 w 850934"/>
                <a:gd name="connsiteY8" fmla="*/ 273295 h 676518"/>
                <a:gd name="connsiteX9" fmla="*/ 429435 w 850934"/>
                <a:gd name="connsiteY9" fmla="*/ 343145 h 676518"/>
                <a:gd name="connsiteX10" fmla="*/ 216710 w 850934"/>
                <a:gd name="connsiteY10" fmla="*/ 495545 h 676518"/>
                <a:gd name="connsiteX11" fmla="*/ 3985 w 850934"/>
                <a:gd name="connsiteY11" fmla="*/ 492370 h 676518"/>
                <a:gd name="connsiteX12" fmla="*/ 810 w 850934"/>
                <a:gd name="connsiteY12" fmla="*/ 368545 h 676518"/>
                <a:gd name="connsiteX13" fmla="*/ 305611 w 850934"/>
                <a:gd name="connsiteY13" fmla="*/ 314570 h 676518"/>
                <a:gd name="connsiteX14" fmla="*/ 161148 w 850934"/>
                <a:gd name="connsiteY14" fmla="*/ 279645 h 676518"/>
                <a:gd name="connsiteX15" fmla="*/ 176230 w 850934"/>
                <a:gd name="connsiteY15" fmla="*/ 162964 h 676518"/>
                <a:gd name="connsiteX16" fmla="*/ 367523 w 850934"/>
                <a:gd name="connsiteY16" fmla="*/ 201856 h 676518"/>
                <a:gd name="connsiteX0" fmla="*/ 367523 w 850934"/>
                <a:gd name="connsiteY0" fmla="*/ 201856 h 676518"/>
                <a:gd name="connsiteX1" fmla="*/ 477061 w 850934"/>
                <a:gd name="connsiteY1" fmla="*/ 79620 h 676518"/>
                <a:gd name="connsiteX2" fmla="*/ 588980 w 850934"/>
                <a:gd name="connsiteY2" fmla="*/ 98670 h 676518"/>
                <a:gd name="connsiteX3" fmla="*/ 619935 w 850934"/>
                <a:gd name="connsiteY3" fmla="*/ 243 h 676518"/>
                <a:gd name="connsiteX4" fmla="*/ 677085 w 850934"/>
                <a:gd name="connsiteY4" fmla="*/ 243 h 676518"/>
                <a:gd name="connsiteX5" fmla="*/ 839010 w 850934"/>
                <a:gd name="connsiteY5" fmla="*/ 308218 h 676518"/>
                <a:gd name="connsiteX6" fmla="*/ 765985 w 850934"/>
                <a:gd name="connsiteY6" fmla="*/ 676518 h 676518"/>
                <a:gd name="connsiteX7" fmla="*/ 565960 w 850934"/>
                <a:gd name="connsiteY7" fmla="*/ 536819 h 676518"/>
                <a:gd name="connsiteX8" fmla="*/ 537385 w 850934"/>
                <a:gd name="connsiteY8" fmla="*/ 273295 h 676518"/>
                <a:gd name="connsiteX9" fmla="*/ 429435 w 850934"/>
                <a:gd name="connsiteY9" fmla="*/ 343145 h 676518"/>
                <a:gd name="connsiteX10" fmla="*/ 216710 w 850934"/>
                <a:gd name="connsiteY10" fmla="*/ 492370 h 676518"/>
                <a:gd name="connsiteX11" fmla="*/ 3985 w 850934"/>
                <a:gd name="connsiteY11" fmla="*/ 492370 h 676518"/>
                <a:gd name="connsiteX12" fmla="*/ 810 w 850934"/>
                <a:gd name="connsiteY12" fmla="*/ 368545 h 676518"/>
                <a:gd name="connsiteX13" fmla="*/ 305611 w 850934"/>
                <a:gd name="connsiteY13" fmla="*/ 314570 h 676518"/>
                <a:gd name="connsiteX14" fmla="*/ 161148 w 850934"/>
                <a:gd name="connsiteY14" fmla="*/ 279645 h 676518"/>
                <a:gd name="connsiteX15" fmla="*/ 176230 w 850934"/>
                <a:gd name="connsiteY15" fmla="*/ 162964 h 676518"/>
                <a:gd name="connsiteX16" fmla="*/ 367523 w 850934"/>
                <a:gd name="connsiteY16" fmla="*/ 201856 h 676518"/>
                <a:gd name="connsiteX0" fmla="*/ 367523 w 850934"/>
                <a:gd name="connsiteY0" fmla="*/ 201856 h 676518"/>
                <a:gd name="connsiteX1" fmla="*/ 477061 w 850934"/>
                <a:gd name="connsiteY1" fmla="*/ 79620 h 676518"/>
                <a:gd name="connsiteX2" fmla="*/ 588980 w 850934"/>
                <a:gd name="connsiteY2" fmla="*/ 98670 h 676518"/>
                <a:gd name="connsiteX3" fmla="*/ 619935 w 850934"/>
                <a:gd name="connsiteY3" fmla="*/ 243 h 676518"/>
                <a:gd name="connsiteX4" fmla="*/ 677085 w 850934"/>
                <a:gd name="connsiteY4" fmla="*/ 243 h 676518"/>
                <a:gd name="connsiteX5" fmla="*/ 839010 w 850934"/>
                <a:gd name="connsiteY5" fmla="*/ 308218 h 676518"/>
                <a:gd name="connsiteX6" fmla="*/ 765985 w 850934"/>
                <a:gd name="connsiteY6" fmla="*/ 676518 h 676518"/>
                <a:gd name="connsiteX7" fmla="*/ 565960 w 850934"/>
                <a:gd name="connsiteY7" fmla="*/ 536819 h 676518"/>
                <a:gd name="connsiteX8" fmla="*/ 537385 w 850934"/>
                <a:gd name="connsiteY8" fmla="*/ 273295 h 676518"/>
                <a:gd name="connsiteX9" fmla="*/ 429435 w 850934"/>
                <a:gd name="connsiteY9" fmla="*/ 343145 h 676518"/>
                <a:gd name="connsiteX10" fmla="*/ 216710 w 850934"/>
                <a:gd name="connsiteY10" fmla="*/ 492370 h 676518"/>
                <a:gd name="connsiteX11" fmla="*/ 3985 w 850934"/>
                <a:gd name="connsiteY11" fmla="*/ 492370 h 676518"/>
                <a:gd name="connsiteX12" fmla="*/ 810 w 850934"/>
                <a:gd name="connsiteY12" fmla="*/ 368545 h 676518"/>
                <a:gd name="connsiteX13" fmla="*/ 305611 w 850934"/>
                <a:gd name="connsiteY13" fmla="*/ 314570 h 676518"/>
                <a:gd name="connsiteX14" fmla="*/ 161148 w 850934"/>
                <a:gd name="connsiteY14" fmla="*/ 279645 h 676518"/>
                <a:gd name="connsiteX15" fmla="*/ 176230 w 850934"/>
                <a:gd name="connsiteY15" fmla="*/ 162964 h 676518"/>
                <a:gd name="connsiteX16" fmla="*/ 367523 w 850934"/>
                <a:gd name="connsiteY16" fmla="*/ 201856 h 676518"/>
                <a:gd name="connsiteX0" fmla="*/ 367523 w 850934"/>
                <a:gd name="connsiteY0" fmla="*/ 201856 h 676518"/>
                <a:gd name="connsiteX1" fmla="*/ 477061 w 850934"/>
                <a:gd name="connsiteY1" fmla="*/ 79620 h 676518"/>
                <a:gd name="connsiteX2" fmla="*/ 588980 w 850934"/>
                <a:gd name="connsiteY2" fmla="*/ 98670 h 676518"/>
                <a:gd name="connsiteX3" fmla="*/ 619935 w 850934"/>
                <a:gd name="connsiteY3" fmla="*/ 243 h 676518"/>
                <a:gd name="connsiteX4" fmla="*/ 677085 w 850934"/>
                <a:gd name="connsiteY4" fmla="*/ 243 h 676518"/>
                <a:gd name="connsiteX5" fmla="*/ 839010 w 850934"/>
                <a:gd name="connsiteY5" fmla="*/ 308218 h 676518"/>
                <a:gd name="connsiteX6" fmla="*/ 765985 w 850934"/>
                <a:gd name="connsiteY6" fmla="*/ 676518 h 676518"/>
                <a:gd name="connsiteX7" fmla="*/ 565960 w 850934"/>
                <a:gd name="connsiteY7" fmla="*/ 536819 h 676518"/>
                <a:gd name="connsiteX8" fmla="*/ 537385 w 850934"/>
                <a:gd name="connsiteY8" fmla="*/ 273295 h 676518"/>
                <a:gd name="connsiteX9" fmla="*/ 429435 w 850934"/>
                <a:gd name="connsiteY9" fmla="*/ 343145 h 676518"/>
                <a:gd name="connsiteX10" fmla="*/ 216710 w 850934"/>
                <a:gd name="connsiteY10" fmla="*/ 492370 h 676518"/>
                <a:gd name="connsiteX11" fmla="*/ 3985 w 850934"/>
                <a:gd name="connsiteY11" fmla="*/ 492370 h 676518"/>
                <a:gd name="connsiteX12" fmla="*/ 810 w 850934"/>
                <a:gd name="connsiteY12" fmla="*/ 368545 h 676518"/>
                <a:gd name="connsiteX13" fmla="*/ 305611 w 850934"/>
                <a:gd name="connsiteY13" fmla="*/ 314570 h 676518"/>
                <a:gd name="connsiteX14" fmla="*/ 161148 w 850934"/>
                <a:gd name="connsiteY14" fmla="*/ 279645 h 676518"/>
                <a:gd name="connsiteX15" fmla="*/ 176230 w 850934"/>
                <a:gd name="connsiteY15" fmla="*/ 162964 h 676518"/>
                <a:gd name="connsiteX16" fmla="*/ 367523 w 850934"/>
                <a:gd name="connsiteY16" fmla="*/ 201856 h 676518"/>
                <a:gd name="connsiteX0" fmla="*/ 370902 w 854313"/>
                <a:gd name="connsiteY0" fmla="*/ 201856 h 676518"/>
                <a:gd name="connsiteX1" fmla="*/ 480440 w 854313"/>
                <a:gd name="connsiteY1" fmla="*/ 79620 h 676518"/>
                <a:gd name="connsiteX2" fmla="*/ 592359 w 854313"/>
                <a:gd name="connsiteY2" fmla="*/ 98670 h 676518"/>
                <a:gd name="connsiteX3" fmla="*/ 623314 w 854313"/>
                <a:gd name="connsiteY3" fmla="*/ 243 h 676518"/>
                <a:gd name="connsiteX4" fmla="*/ 680464 w 854313"/>
                <a:gd name="connsiteY4" fmla="*/ 243 h 676518"/>
                <a:gd name="connsiteX5" fmla="*/ 842389 w 854313"/>
                <a:gd name="connsiteY5" fmla="*/ 308218 h 676518"/>
                <a:gd name="connsiteX6" fmla="*/ 769364 w 854313"/>
                <a:gd name="connsiteY6" fmla="*/ 676518 h 676518"/>
                <a:gd name="connsiteX7" fmla="*/ 569339 w 854313"/>
                <a:gd name="connsiteY7" fmla="*/ 536819 h 676518"/>
                <a:gd name="connsiteX8" fmla="*/ 540764 w 854313"/>
                <a:gd name="connsiteY8" fmla="*/ 273295 h 676518"/>
                <a:gd name="connsiteX9" fmla="*/ 432814 w 854313"/>
                <a:gd name="connsiteY9" fmla="*/ 343145 h 676518"/>
                <a:gd name="connsiteX10" fmla="*/ 220089 w 854313"/>
                <a:gd name="connsiteY10" fmla="*/ 492370 h 676518"/>
                <a:gd name="connsiteX11" fmla="*/ 2602 w 854313"/>
                <a:gd name="connsiteY11" fmla="*/ 492370 h 676518"/>
                <a:gd name="connsiteX12" fmla="*/ 4189 w 854313"/>
                <a:gd name="connsiteY12" fmla="*/ 368545 h 676518"/>
                <a:gd name="connsiteX13" fmla="*/ 308990 w 854313"/>
                <a:gd name="connsiteY13" fmla="*/ 314570 h 676518"/>
                <a:gd name="connsiteX14" fmla="*/ 164527 w 854313"/>
                <a:gd name="connsiteY14" fmla="*/ 279645 h 676518"/>
                <a:gd name="connsiteX15" fmla="*/ 179609 w 854313"/>
                <a:gd name="connsiteY15" fmla="*/ 162964 h 676518"/>
                <a:gd name="connsiteX16" fmla="*/ 370902 w 854313"/>
                <a:gd name="connsiteY16" fmla="*/ 201856 h 676518"/>
                <a:gd name="connsiteX0" fmla="*/ 367523 w 850934"/>
                <a:gd name="connsiteY0" fmla="*/ 201856 h 676518"/>
                <a:gd name="connsiteX1" fmla="*/ 477061 w 850934"/>
                <a:gd name="connsiteY1" fmla="*/ 79620 h 676518"/>
                <a:gd name="connsiteX2" fmla="*/ 588980 w 850934"/>
                <a:gd name="connsiteY2" fmla="*/ 98670 h 676518"/>
                <a:gd name="connsiteX3" fmla="*/ 619935 w 850934"/>
                <a:gd name="connsiteY3" fmla="*/ 243 h 676518"/>
                <a:gd name="connsiteX4" fmla="*/ 677085 w 850934"/>
                <a:gd name="connsiteY4" fmla="*/ 243 h 676518"/>
                <a:gd name="connsiteX5" fmla="*/ 839010 w 850934"/>
                <a:gd name="connsiteY5" fmla="*/ 308218 h 676518"/>
                <a:gd name="connsiteX6" fmla="*/ 765985 w 850934"/>
                <a:gd name="connsiteY6" fmla="*/ 676518 h 676518"/>
                <a:gd name="connsiteX7" fmla="*/ 565960 w 850934"/>
                <a:gd name="connsiteY7" fmla="*/ 536819 h 676518"/>
                <a:gd name="connsiteX8" fmla="*/ 537385 w 850934"/>
                <a:gd name="connsiteY8" fmla="*/ 273295 h 676518"/>
                <a:gd name="connsiteX9" fmla="*/ 429435 w 850934"/>
                <a:gd name="connsiteY9" fmla="*/ 343145 h 676518"/>
                <a:gd name="connsiteX10" fmla="*/ 216710 w 850934"/>
                <a:gd name="connsiteY10" fmla="*/ 492370 h 676518"/>
                <a:gd name="connsiteX11" fmla="*/ 3985 w 850934"/>
                <a:gd name="connsiteY11" fmla="*/ 494751 h 676518"/>
                <a:gd name="connsiteX12" fmla="*/ 810 w 850934"/>
                <a:gd name="connsiteY12" fmla="*/ 368545 h 676518"/>
                <a:gd name="connsiteX13" fmla="*/ 305611 w 850934"/>
                <a:gd name="connsiteY13" fmla="*/ 314570 h 676518"/>
                <a:gd name="connsiteX14" fmla="*/ 161148 w 850934"/>
                <a:gd name="connsiteY14" fmla="*/ 279645 h 676518"/>
                <a:gd name="connsiteX15" fmla="*/ 176230 w 850934"/>
                <a:gd name="connsiteY15" fmla="*/ 162964 h 676518"/>
                <a:gd name="connsiteX16" fmla="*/ 367523 w 850934"/>
                <a:gd name="connsiteY16" fmla="*/ 201856 h 676518"/>
                <a:gd name="connsiteX0" fmla="*/ 369068 w 852479"/>
                <a:gd name="connsiteY0" fmla="*/ 201856 h 676518"/>
                <a:gd name="connsiteX1" fmla="*/ 478606 w 852479"/>
                <a:gd name="connsiteY1" fmla="*/ 79620 h 676518"/>
                <a:gd name="connsiteX2" fmla="*/ 590525 w 852479"/>
                <a:gd name="connsiteY2" fmla="*/ 98670 h 676518"/>
                <a:gd name="connsiteX3" fmla="*/ 621480 w 852479"/>
                <a:gd name="connsiteY3" fmla="*/ 243 h 676518"/>
                <a:gd name="connsiteX4" fmla="*/ 678630 w 852479"/>
                <a:gd name="connsiteY4" fmla="*/ 243 h 676518"/>
                <a:gd name="connsiteX5" fmla="*/ 840555 w 852479"/>
                <a:gd name="connsiteY5" fmla="*/ 308218 h 676518"/>
                <a:gd name="connsiteX6" fmla="*/ 767530 w 852479"/>
                <a:gd name="connsiteY6" fmla="*/ 676518 h 676518"/>
                <a:gd name="connsiteX7" fmla="*/ 567505 w 852479"/>
                <a:gd name="connsiteY7" fmla="*/ 536819 h 676518"/>
                <a:gd name="connsiteX8" fmla="*/ 538930 w 852479"/>
                <a:gd name="connsiteY8" fmla="*/ 273295 h 676518"/>
                <a:gd name="connsiteX9" fmla="*/ 430980 w 852479"/>
                <a:gd name="connsiteY9" fmla="*/ 343145 h 676518"/>
                <a:gd name="connsiteX10" fmla="*/ 218255 w 852479"/>
                <a:gd name="connsiteY10" fmla="*/ 492370 h 676518"/>
                <a:gd name="connsiteX11" fmla="*/ 3149 w 852479"/>
                <a:gd name="connsiteY11" fmla="*/ 497132 h 676518"/>
                <a:gd name="connsiteX12" fmla="*/ 2355 w 852479"/>
                <a:gd name="connsiteY12" fmla="*/ 368545 h 676518"/>
                <a:gd name="connsiteX13" fmla="*/ 307156 w 852479"/>
                <a:gd name="connsiteY13" fmla="*/ 314570 h 676518"/>
                <a:gd name="connsiteX14" fmla="*/ 162693 w 852479"/>
                <a:gd name="connsiteY14" fmla="*/ 279645 h 676518"/>
                <a:gd name="connsiteX15" fmla="*/ 177775 w 852479"/>
                <a:gd name="connsiteY15" fmla="*/ 162964 h 676518"/>
                <a:gd name="connsiteX16" fmla="*/ 369068 w 852479"/>
                <a:gd name="connsiteY16" fmla="*/ 201856 h 676518"/>
                <a:gd name="connsiteX0" fmla="*/ 369068 w 852479"/>
                <a:gd name="connsiteY0" fmla="*/ 201856 h 676518"/>
                <a:gd name="connsiteX1" fmla="*/ 478606 w 852479"/>
                <a:gd name="connsiteY1" fmla="*/ 79620 h 676518"/>
                <a:gd name="connsiteX2" fmla="*/ 590525 w 852479"/>
                <a:gd name="connsiteY2" fmla="*/ 98670 h 676518"/>
                <a:gd name="connsiteX3" fmla="*/ 621480 w 852479"/>
                <a:gd name="connsiteY3" fmla="*/ 243 h 676518"/>
                <a:gd name="connsiteX4" fmla="*/ 678630 w 852479"/>
                <a:gd name="connsiteY4" fmla="*/ 243 h 676518"/>
                <a:gd name="connsiteX5" fmla="*/ 840555 w 852479"/>
                <a:gd name="connsiteY5" fmla="*/ 308218 h 676518"/>
                <a:gd name="connsiteX6" fmla="*/ 767530 w 852479"/>
                <a:gd name="connsiteY6" fmla="*/ 676518 h 676518"/>
                <a:gd name="connsiteX7" fmla="*/ 567505 w 852479"/>
                <a:gd name="connsiteY7" fmla="*/ 536819 h 676518"/>
                <a:gd name="connsiteX8" fmla="*/ 538930 w 852479"/>
                <a:gd name="connsiteY8" fmla="*/ 273295 h 676518"/>
                <a:gd name="connsiteX9" fmla="*/ 430980 w 852479"/>
                <a:gd name="connsiteY9" fmla="*/ 343145 h 676518"/>
                <a:gd name="connsiteX10" fmla="*/ 218255 w 852479"/>
                <a:gd name="connsiteY10" fmla="*/ 492370 h 676518"/>
                <a:gd name="connsiteX11" fmla="*/ 3149 w 852479"/>
                <a:gd name="connsiteY11" fmla="*/ 499514 h 676518"/>
                <a:gd name="connsiteX12" fmla="*/ 2355 w 852479"/>
                <a:gd name="connsiteY12" fmla="*/ 368545 h 676518"/>
                <a:gd name="connsiteX13" fmla="*/ 307156 w 852479"/>
                <a:gd name="connsiteY13" fmla="*/ 314570 h 676518"/>
                <a:gd name="connsiteX14" fmla="*/ 162693 w 852479"/>
                <a:gd name="connsiteY14" fmla="*/ 279645 h 676518"/>
                <a:gd name="connsiteX15" fmla="*/ 177775 w 852479"/>
                <a:gd name="connsiteY15" fmla="*/ 162964 h 676518"/>
                <a:gd name="connsiteX16" fmla="*/ 369068 w 852479"/>
                <a:gd name="connsiteY16" fmla="*/ 201856 h 676518"/>
                <a:gd name="connsiteX0" fmla="*/ 366778 w 850189"/>
                <a:gd name="connsiteY0" fmla="*/ 201856 h 676518"/>
                <a:gd name="connsiteX1" fmla="*/ 476316 w 850189"/>
                <a:gd name="connsiteY1" fmla="*/ 79620 h 676518"/>
                <a:gd name="connsiteX2" fmla="*/ 588235 w 850189"/>
                <a:gd name="connsiteY2" fmla="*/ 98670 h 676518"/>
                <a:gd name="connsiteX3" fmla="*/ 619190 w 850189"/>
                <a:gd name="connsiteY3" fmla="*/ 243 h 676518"/>
                <a:gd name="connsiteX4" fmla="*/ 676340 w 850189"/>
                <a:gd name="connsiteY4" fmla="*/ 243 h 676518"/>
                <a:gd name="connsiteX5" fmla="*/ 838265 w 850189"/>
                <a:gd name="connsiteY5" fmla="*/ 308218 h 676518"/>
                <a:gd name="connsiteX6" fmla="*/ 765240 w 850189"/>
                <a:gd name="connsiteY6" fmla="*/ 676518 h 676518"/>
                <a:gd name="connsiteX7" fmla="*/ 565215 w 850189"/>
                <a:gd name="connsiteY7" fmla="*/ 536819 h 676518"/>
                <a:gd name="connsiteX8" fmla="*/ 536640 w 850189"/>
                <a:gd name="connsiteY8" fmla="*/ 273295 h 676518"/>
                <a:gd name="connsiteX9" fmla="*/ 428690 w 850189"/>
                <a:gd name="connsiteY9" fmla="*/ 343145 h 676518"/>
                <a:gd name="connsiteX10" fmla="*/ 215965 w 850189"/>
                <a:gd name="connsiteY10" fmla="*/ 492370 h 676518"/>
                <a:gd name="connsiteX11" fmla="*/ 5622 w 850189"/>
                <a:gd name="connsiteY11" fmla="*/ 487607 h 676518"/>
                <a:gd name="connsiteX12" fmla="*/ 65 w 850189"/>
                <a:gd name="connsiteY12" fmla="*/ 368545 h 676518"/>
                <a:gd name="connsiteX13" fmla="*/ 304866 w 850189"/>
                <a:gd name="connsiteY13" fmla="*/ 314570 h 676518"/>
                <a:gd name="connsiteX14" fmla="*/ 160403 w 850189"/>
                <a:gd name="connsiteY14" fmla="*/ 279645 h 676518"/>
                <a:gd name="connsiteX15" fmla="*/ 175485 w 850189"/>
                <a:gd name="connsiteY15" fmla="*/ 162964 h 676518"/>
                <a:gd name="connsiteX16" fmla="*/ 366778 w 850189"/>
                <a:gd name="connsiteY16" fmla="*/ 201856 h 676518"/>
                <a:gd name="connsiteX0" fmla="*/ 366778 w 850189"/>
                <a:gd name="connsiteY0" fmla="*/ 201856 h 676518"/>
                <a:gd name="connsiteX1" fmla="*/ 476316 w 850189"/>
                <a:gd name="connsiteY1" fmla="*/ 79620 h 676518"/>
                <a:gd name="connsiteX2" fmla="*/ 588235 w 850189"/>
                <a:gd name="connsiteY2" fmla="*/ 98670 h 676518"/>
                <a:gd name="connsiteX3" fmla="*/ 619190 w 850189"/>
                <a:gd name="connsiteY3" fmla="*/ 243 h 676518"/>
                <a:gd name="connsiteX4" fmla="*/ 676340 w 850189"/>
                <a:gd name="connsiteY4" fmla="*/ 243 h 676518"/>
                <a:gd name="connsiteX5" fmla="*/ 838265 w 850189"/>
                <a:gd name="connsiteY5" fmla="*/ 308218 h 676518"/>
                <a:gd name="connsiteX6" fmla="*/ 765240 w 850189"/>
                <a:gd name="connsiteY6" fmla="*/ 676518 h 676518"/>
                <a:gd name="connsiteX7" fmla="*/ 565215 w 850189"/>
                <a:gd name="connsiteY7" fmla="*/ 536819 h 676518"/>
                <a:gd name="connsiteX8" fmla="*/ 536640 w 850189"/>
                <a:gd name="connsiteY8" fmla="*/ 273295 h 676518"/>
                <a:gd name="connsiteX9" fmla="*/ 428690 w 850189"/>
                <a:gd name="connsiteY9" fmla="*/ 343145 h 676518"/>
                <a:gd name="connsiteX10" fmla="*/ 220727 w 850189"/>
                <a:gd name="connsiteY10" fmla="*/ 482845 h 676518"/>
                <a:gd name="connsiteX11" fmla="*/ 5622 w 850189"/>
                <a:gd name="connsiteY11" fmla="*/ 487607 h 676518"/>
                <a:gd name="connsiteX12" fmla="*/ 65 w 850189"/>
                <a:gd name="connsiteY12" fmla="*/ 368545 h 676518"/>
                <a:gd name="connsiteX13" fmla="*/ 304866 w 850189"/>
                <a:gd name="connsiteY13" fmla="*/ 314570 h 676518"/>
                <a:gd name="connsiteX14" fmla="*/ 160403 w 850189"/>
                <a:gd name="connsiteY14" fmla="*/ 279645 h 676518"/>
                <a:gd name="connsiteX15" fmla="*/ 175485 w 850189"/>
                <a:gd name="connsiteY15" fmla="*/ 162964 h 676518"/>
                <a:gd name="connsiteX16" fmla="*/ 366778 w 850189"/>
                <a:gd name="connsiteY16" fmla="*/ 201856 h 676518"/>
                <a:gd name="connsiteX0" fmla="*/ 366778 w 850189"/>
                <a:gd name="connsiteY0" fmla="*/ 201856 h 676518"/>
                <a:gd name="connsiteX1" fmla="*/ 476316 w 850189"/>
                <a:gd name="connsiteY1" fmla="*/ 79620 h 676518"/>
                <a:gd name="connsiteX2" fmla="*/ 588235 w 850189"/>
                <a:gd name="connsiteY2" fmla="*/ 98670 h 676518"/>
                <a:gd name="connsiteX3" fmla="*/ 619190 w 850189"/>
                <a:gd name="connsiteY3" fmla="*/ 243 h 676518"/>
                <a:gd name="connsiteX4" fmla="*/ 676340 w 850189"/>
                <a:gd name="connsiteY4" fmla="*/ 243 h 676518"/>
                <a:gd name="connsiteX5" fmla="*/ 838265 w 850189"/>
                <a:gd name="connsiteY5" fmla="*/ 308218 h 676518"/>
                <a:gd name="connsiteX6" fmla="*/ 765240 w 850189"/>
                <a:gd name="connsiteY6" fmla="*/ 676518 h 676518"/>
                <a:gd name="connsiteX7" fmla="*/ 565215 w 850189"/>
                <a:gd name="connsiteY7" fmla="*/ 536819 h 676518"/>
                <a:gd name="connsiteX8" fmla="*/ 536640 w 850189"/>
                <a:gd name="connsiteY8" fmla="*/ 273295 h 676518"/>
                <a:gd name="connsiteX9" fmla="*/ 428690 w 850189"/>
                <a:gd name="connsiteY9" fmla="*/ 343145 h 676518"/>
                <a:gd name="connsiteX10" fmla="*/ 223109 w 850189"/>
                <a:gd name="connsiteY10" fmla="*/ 475701 h 676518"/>
                <a:gd name="connsiteX11" fmla="*/ 5622 w 850189"/>
                <a:gd name="connsiteY11" fmla="*/ 487607 h 676518"/>
                <a:gd name="connsiteX12" fmla="*/ 65 w 850189"/>
                <a:gd name="connsiteY12" fmla="*/ 368545 h 676518"/>
                <a:gd name="connsiteX13" fmla="*/ 304866 w 850189"/>
                <a:gd name="connsiteY13" fmla="*/ 314570 h 676518"/>
                <a:gd name="connsiteX14" fmla="*/ 160403 w 850189"/>
                <a:gd name="connsiteY14" fmla="*/ 279645 h 676518"/>
                <a:gd name="connsiteX15" fmla="*/ 175485 w 850189"/>
                <a:gd name="connsiteY15" fmla="*/ 162964 h 676518"/>
                <a:gd name="connsiteX16" fmla="*/ 366778 w 850189"/>
                <a:gd name="connsiteY16" fmla="*/ 201856 h 676518"/>
                <a:gd name="connsiteX0" fmla="*/ 370901 w 854312"/>
                <a:gd name="connsiteY0" fmla="*/ 201856 h 676518"/>
                <a:gd name="connsiteX1" fmla="*/ 480439 w 854312"/>
                <a:gd name="connsiteY1" fmla="*/ 79620 h 676518"/>
                <a:gd name="connsiteX2" fmla="*/ 592358 w 854312"/>
                <a:gd name="connsiteY2" fmla="*/ 98670 h 676518"/>
                <a:gd name="connsiteX3" fmla="*/ 623313 w 854312"/>
                <a:gd name="connsiteY3" fmla="*/ 243 h 676518"/>
                <a:gd name="connsiteX4" fmla="*/ 680463 w 854312"/>
                <a:gd name="connsiteY4" fmla="*/ 243 h 676518"/>
                <a:gd name="connsiteX5" fmla="*/ 842388 w 854312"/>
                <a:gd name="connsiteY5" fmla="*/ 308218 h 676518"/>
                <a:gd name="connsiteX6" fmla="*/ 769363 w 854312"/>
                <a:gd name="connsiteY6" fmla="*/ 676518 h 676518"/>
                <a:gd name="connsiteX7" fmla="*/ 569338 w 854312"/>
                <a:gd name="connsiteY7" fmla="*/ 536819 h 676518"/>
                <a:gd name="connsiteX8" fmla="*/ 540763 w 854312"/>
                <a:gd name="connsiteY8" fmla="*/ 273295 h 676518"/>
                <a:gd name="connsiteX9" fmla="*/ 432813 w 854312"/>
                <a:gd name="connsiteY9" fmla="*/ 343145 h 676518"/>
                <a:gd name="connsiteX10" fmla="*/ 227232 w 854312"/>
                <a:gd name="connsiteY10" fmla="*/ 475701 h 676518"/>
                <a:gd name="connsiteX11" fmla="*/ 2602 w 854312"/>
                <a:gd name="connsiteY11" fmla="*/ 468557 h 676518"/>
                <a:gd name="connsiteX12" fmla="*/ 4188 w 854312"/>
                <a:gd name="connsiteY12" fmla="*/ 368545 h 676518"/>
                <a:gd name="connsiteX13" fmla="*/ 308989 w 854312"/>
                <a:gd name="connsiteY13" fmla="*/ 314570 h 676518"/>
                <a:gd name="connsiteX14" fmla="*/ 164526 w 854312"/>
                <a:gd name="connsiteY14" fmla="*/ 279645 h 676518"/>
                <a:gd name="connsiteX15" fmla="*/ 179608 w 854312"/>
                <a:gd name="connsiteY15" fmla="*/ 162964 h 676518"/>
                <a:gd name="connsiteX16" fmla="*/ 370901 w 854312"/>
                <a:gd name="connsiteY16" fmla="*/ 201856 h 676518"/>
                <a:gd name="connsiteX0" fmla="*/ 370901 w 854312"/>
                <a:gd name="connsiteY0" fmla="*/ 201856 h 676518"/>
                <a:gd name="connsiteX1" fmla="*/ 480439 w 854312"/>
                <a:gd name="connsiteY1" fmla="*/ 79620 h 676518"/>
                <a:gd name="connsiteX2" fmla="*/ 592358 w 854312"/>
                <a:gd name="connsiteY2" fmla="*/ 98670 h 676518"/>
                <a:gd name="connsiteX3" fmla="*/ 623313 w 854312"/>
                <a:gd name="connsiteY3" fmla="*/ 243 h 676518"/>
                <a:gd name="connsiteX4" fmla="*/ 680463 w 854312"/>
                <a:gd name="connsiteY4" fmla="*/ 243 h 676518"/>
                <a:gd name="connsiteX5" fmla="*/ 842388 w 854312"/>
                <a:gd name="connsiteY5" fmla="*/ 308218 h 676518"/>
                <a:gd name="connsiteX6" fmla="*/ 769363 w 854312"/>
                <a:gd name="connsiteY6" fmla="*/ 676518 h 676518"/>
                <a:gd name="connsiteX7" fmla="*/ 569338 w 854312"/>
                <a:gd name="connsiteY7" fmla="*/ 536819 h 676518"/>
                <a:gd name="connsiteX8" fmla="*/ 540763 w 854312"/>
                <a:gd name="connsiteY8" fmla="*/ 273295 h 676518"/>
                <a:gd name="connsiteX9" fmla="*/ 432813 w 854312"/>
                <a:gd name="connsiteY9" fmla="*/ 343145 h 676518"/>
                <a:gd name="connsiteX10" fmla="*/ 227232 w 854312"/>
                <a:gd name="connsiteY10" fmla="*/ 475701 h 676518"/>
                <a:gd name="connsiteX11" fmla="*/ 2602 w 854312"/>
                <a:gd name="connsiteY11" fmla="*/ 473319 h 676518"/>
                <a:gd name="connsiteX12" fmla="*/ 4188 w 854312"/>
                <a:gd name="connsiteY12" fmla="*/ 368545 h 676518"/>
                <a:gd name="connsiteX13" fmla="*/ 308989 w 854312"/>
                <a:gd name="connsiteY13" fmla="*/ 314570 h 676518"/>
                <a:gd name="connsiteX14" fmla="*/ 164526 w 854312"/>
                <a:gd name="connsiteY14" fmla="*/ 279645 h 676518"/>
                <a:gd name="connsiteX15" fmla="*/ 179608 w 854312"/>
                <a:gd name="connsiteY15" fmla="*/ 162964 h 676518"/>
                <a:gd name="connsiteX16" fmla="*/ 370901 w 854312"/>
                <a:gd name="connsiteY16" fmla="*/ 201856 h 676518"/>
                <a:gd name="connsiteX0" fmla="*/ 369068 w 852479"/>
                <a:gd name="connsiteY0" fmla="*/ 201856 h 676518"/>
                <a:gd name="connsiteX1" fmla="*/ 478606 w 852479"/>
                <a:gd name="connsiteY1" fmla="*/ 79620 h 676518"/>
                <a:gd name="connsiteX2" fmla="*/ 590525 w 852479"/>
                <a:gd name="connsiteY2" fmla="*/ 98670 h 676518"/>
                <a:gd name="connsiteX3" fmla="*/ 621480 w 852479"/>
                <a:gd name="connsiteY3" fmla="*/ 243 h 676518"/>
                <a:gd name="connsiteX4" fmla="*/ 678630 w 852479"/>
                <a:gd name="connsiteY4" fmla="*/ 243 h 676518"/>
                <a:gd name="connsiteX5" fmla="*/ 840555 w 852479"/>
                <a:gd name="connsiteY5" fmla="*/ 308218 h 676518"/>
                <a:gd name="connsiteX6" fmla="*/ 767530 w 852479"/>
                <a:gd name="connsiteY6" fmla="*/ 676518 h 676518"/>
                <a:gd name="connsiteX7" fmla="*/ 567505 w 852479"/>
                <a:gd name="connsiteY7" fmla="*/ 536819 h 676518"/>
                <a:gd name="connsiteX8" fmla="*/ 538930 w 852479"/>
                <a:gd name="connsiteY8" fmla="*/ 273295 h 676518"/>
                <a:gd name="connsiteX9" fmla="*/ 430980 w 852479"/>
                <a:gd name="connsiteY9" fmla="*/ 343145 h 676518"/>
                <a:gd name="connsiteX10" fmla="*/ 225399 w 852479"/>
                <a:gd name="connsiteY10" fmla="*/ 475701 h 676518"/>
                <a:gd name="connsiteX11" fmla="*/ 3150 w 852479"/>
                <a:gd name="connsiteY11" fmla="*/ 473319 h 676518"/>
                <a:gd name="connsiteX12" fmla="*/ 2355 w 852479"/>
                <a:gd name="connsiteY12" fmla="*/ 368545 h 676518"/>
                <a:gd name="connsiteX13" fmla="*/ 307156 w 852479"/>
                <a:gd name="connsiteY13" fmla="*/ 314570 h 676518"/>
                <a:gd name="connsiteX14" fmla="*/ 162693 w 852479"/>
                <a:gd name="connsiteY14" fmla="*/ 279645 h 676518"/>
                <a:gd name="connsiteX15" fmla="*/ 177775 w 852479"/>
                <a:gd name="connsiteY15" fmla="*/ 162964 h 676518"/>
                <a:gd name="connsiteX16" fmla="*/ 369068 w 852479"/>
                <a:gd name="connsiteY16" fmla="*/ 201856 h 676518"/>
                <a:gd name="connsiteX0" fmla="*/ 366778 w 850189"/>
                <a:gd name="connsiteY0" fmla="*/ 201856 h 676518"/>
                <a:gd name="connsiteX1" fmla="*/ 476316 w 850189"/>
                <a:gd name="connsiteY1" fmla="*/ 79620 h 676518"/>
                <a:gd name="connsiteX2" fmla="*/ 588235 w 850189"/>
                <a:gd name="connsiteY2" fmla="*/ 98670 h 676518"/>
                <a:gd name="connsiteX3" fmla="*/ 619190 w 850189"/>
                <a:gd name="connsiteY3" fmla="*/ 243 h 676518"/>
                <a:gd name="connsiteX4" fmla="*/ 676340 w 850189"/>
                <a:gd name="connsiteY4" fmla="*/ 243 h 676518"/>
                <a:gd name="connsiteX5" fmla="*/ 838265 w 850189"/>
                <a:gd name="connsiteY5" fmla="*/ 308218 h 676518"/>
                <a:gd name="connsiteX6" fmla="*/ 765240 w 850189"/>
                <a:gd name="connsiteY6" fmla="*/ 676518 h 676518"/>
                <a:gd name="connsiteX7" fmla="*/ 565215 w 850189"/>
                <a:gd name="connsiteY7" fmla="*/ 536819 h 676518"/>
                <a:gd name="connsiteX8" fmla="*/ 536640 w 850189"/>
                <a:gd name="connsiteY8" fmla="*/ 273295 h 676518"/>
                <a:gd name="connsiteX9" fmla="*/ 428690 w 850189"/>
                <a:gd name="connsiteY9" fmla="*/ 343145 h 676518"/>
                <a:gd name="connsiteX10" fmla="*/ 223109 w 850189"/>
                <a:gd name="connsiteY10" fmla="*/ 475701 h 676518"/>
                <a:gd name="connsiteX11" fmla="*/ 5623 w 850189"/>
                <a:gd name="connsiteY11" fmla="*/ 473319 h 676518"/>
                <a:gd name="connsiteX12" fmla="*/ 65 w 850189"/>
                <a:gd name="connsiteY12" fmla="*/ 368545 h 676518"/>
                <a:gd name="connsiteX13" fmla="*/ 304866 w 850189"/>
                <a:gd name="connsiteY13" fmla="*/ 314570 h 676518"/>
                <a:gd name="connsiteX14" fmla="*/ 160403 w 850189"/>
                <a:gd name="connsiteY14" fmla="*/ 279645 h 676518"/>
                <a:gd name="connsiteX15" fmla="*/ 175485 w 850189"/>
                <a:gd name="connsiteY15" fmla="*/ 162964 h 676518"/>
                <a:gd name="connsiteX16" fmla="*/ 366778 w 850189"/>
                <a:gd name="connsiteY16" fmla="*/ 201856 h 676518"/>
                <a:gd name="connsiteX0" fmla="*/ 367521 w 850932"/>
                <a:gd name="connsiteY0" fmla="*/ 201856 h 676518"/>
                <a:gd name="connsiteX1" fmla="*/ 477059 w 850932"/>
                <a:gd name="connsiteY1" fmla="*/ 79620 h 676518"/>
                <a:gd name="connsiteX2" fmla="*/ 588978 w 850932"/>
                <a:gd name="connsiteY2" fmla="*/ 98670 h 676518"/>
                <a:gd name="connsiteX3" fmla="*/ 619933 w 850932"/>
                <a:gd name="connsiteY3" fmla="*/ 243 h 676518"/>
                <a:gd name="connsiteX4" fmla="*/ 677083 w 850932"/>
                <a:gd name="connsiteY4" fmla="*/ 243 h 676518"/>
                <a:gd name="connsiteX5" fmla="*/ 839008 w 850932"/>
                <a:gd name="connsiteY5" fmla="*/ 308218 h 676518"/>
                <a:gd name="connsiteX6" fmla="*/ 765983 w 850932"/>
                <a:gd name="connsiteY6" fmla="*/ 676518 h 676518"/>
                <a:gd name="connsiteX7" fmla="*/ 565958 w 850932"/>
                <a:gd name="connsiteY7" fmla="*/ 536819 h 676518"/>
                <a:gd name="connsiteX8" fmla="*/ 537383 w 850932"/>
                <a:gd name="connsiteY8" fmla="*/ 273295 h 676518"/>
                <a:gd name="connsiteX9" fmla="*/ 429433 w 850932"/>
                <a:gd name="connsiteY9" fmla="*/ 343145 h 676518"/>
                <a:gd name="connsiteX10" fmla="*/ 223852 w 850932"/>
                <a:gd name="connsiteY10" fmla="*/ 475701 h 676518"/>
                <a:gd name="connsiteX11" fmla="*/ 3985 w 850932"/>
                <a:gd name="connsiteY11" fmla="*/ 478081 h 676518"/>
                <a:gd name="connsiteX12" fmla="*/ 808 w 850932"/>
                <a:gd name="connsiteY12" fmla="*/ 368545 h 676518"/>
                <a:gd name="connsiteX13" fmla="*/ 305609 w 850932"/>
                <a:gd name="connsiteY13" fmla="*/ 314570 h 676518"/>
                <a:gd name="connsiteX14" fmla="*/ 161146 w 850932"/>
                <a:gd name="connsiteY14" fmla="*/ 279645 h 676518"/>
                <a:gd name="connsiteX15" fmla="*/ 176228 w 850932"/>
                <a:gd name="connsiteY15" fmla="*/ 162964 h 676518"/>
                <a:gd name="connsiteX16" fmla="*/ 367521 w 850932"/>
                <a:gd name="connsiteY16" fmla="*/ 201856 h 676518"/>
                <a:gd name="connsiteX0" fmla="*/ 366778 w 850189"/>
                <a:gd name="connsiteY0" fmla="*/ 201856 h 676518"/>
                <a:gd name="connsiteX1" fmla="*/ 476316 w 850189"/>
                <a:gd name="connsiteY1" fmla="*/ 79620 h 676518"/>
                <a:gd name="connsiteX2" fmla="*/ 588235 w 850189"/>
                <a:gd name="connsiteY2" fmla="*/ 98670 h 676518"/>
                <a:gd name="connsiteX3" fmla="*/ 619190 w 850189"/>
                <a:gd name="connsiteY3" fmla="*/ 243 h 676518"/>
                <a:gd name="connsiteX4" fmla="*/ 676340 w 850189"/>
                <a:gd name="connsiteY4" fmla="*/ 243 h 676518"/>
                <a:gd name="connsiteX5" fmla="*/ 838265 w 850189"/>
                <a:gd name="connsiteY5" fmla="*/ 308218 h 676518"/>
                <a:gd name="connsiteX6" fmla="*/ 765240 w 850189"/>
                <a:gd name="connsiteY6" fmla="*/ 676518 h 676518"/>
                <a:gd name="connsiteX7" fmla="*/ 565215 w 850189"/>
                <a:gd name="connsiteY7" fmla="*/ 536819 h 676518"/>
                <a:gd name="connsiteX8" fmla="*/ 536640 w 850189"/>
                <a:gd name="connsiteY8" fmla="*/ 273295 h 676518"/>
                <a:gd name="connsiteX9" fmla="*/ 428690 w 850189"/>
                <a:gd name="connsiteY9" fmla="*/ 343145 h 676518"/>
                <a:gd name="connsiteX10" fmla="*/ 223109 w 850189"/>
                <a:gd name="connsiteY10" fmla="*/ 475701 h 676518"/>
                <a:gd name="connsiteX11" fmla="*/ 3242 w 850189"/>
                <a:gd name="connsiteY11" fmla="*/ 478081 h 676518"/>
                <a:gd name="connsiteX12" fmla="*/ 65 w 850189"/>
                <a:gd name="connsiteY12" fmla="*/ 368545 h 676518"/>
                <a:gd name="connsiteX13" fmla="*/ 304866 w 850189"/>
                <a:gd name="connsiteY13" fmla="*/ 314570 h 676518"/>
                <a:gd name="connsiteX14" fmla="*/ 160403 w 850189"/>
                <a:gd name="connsiteY14" fmla="*/ 279645 h 676518"/>
                <a:gd name="connsiteX15" fmla="*/ 175485 w 850189"/>
                <a:gd name="connsiteY15" fmla="*/ 162964 h 676518"/>
                <a:gd name="connsiteX16" fmla="*/ 366778 w 850189"/>
                <a:gd name="connsiteY16" fmla="*/ 201856 h 676518"/>
                <a:gd name="connsiteX0" fmla="*/ 366778 w 850189"/>
                <a:gd name="connsiteY0" fmla="*/ 201856 h 676518"/>
                <a:gd name="connsiteX1" fmla="*/ 476316 w 850189"/>
                <a:gd name="connsiteY1" fmla="*/ 79620 h 676518"/>
                <a:gd name="connsiteX2" fmla="*/ 588235 w 850189"/>
                <a:gd name="connsiteY2" fmla="*/ 98670 h 676518"/>
                <a:gd name="connsiteX3" fmla="*/ 619190 w 850189"/>
                <a:gd name="connsiteY3" fmla="*/ 243 h 676518"/>
                <a:gd name="connsiteX4" fmla="*/ 676340 w 850189"/>
                <a:gd name="connsiteY4" fmla="*/ 243 h 676518"/>
                <a:gd name="connsiteX5" fmla="*/ 838265 w 850189"/>
                <a:gd name="connsiteY5" fmla="*/ 308218 h 676518"/>
                <a:gd name="connsiteX6" fmla="*/ 765240 w 850189"/>
                <a:gd name="connsiteY6" fmla="*/ 676518 h 676518"/>
                <a:gd name="connsiteX7" fmla="*/ 565215 w 850189"/>
                <a:gd name="connsiteY7" fmla="*/ 536819 h 676518"/>
                <a:gd name="connsiteX8" fmla="*/ 536640 w 850189"/>
                <a:gd name="connsiteY8" fmla="*/ 273295 h 676518"/>
                <a:gd name="connsiteX9" fmla="*/ 428690 w 850189"/>
                <a:gd name="connsiteY9" fmla="*/ 343145 h 676518"/>
                <a:gd name="connsiteX10" fmla="*/ 223109 w 850189"/>
                <a:gd name="connsiteY10" fmla="*/ 475701 h 676518"/>
                <a:gd name="connsiteX11" fmla="*/ 5623 w 850189"/>
                <a:gd name="connsiteY11" fmla="*/ 478081 h 676518"/>
                <a:gd name="connsiteX12" fmla="*/ 65 w 850189"/>
                <a:gd name="connsiteY12" fmla="*/ 368545 h 676518"/>
                <a:gd name="connsiteX13" fmla="*/ 304866 w 850189"/>
                <a:gd name="connsiteY13" fmla="*/ 314570 h 676518"/>
                <a:gd name="connsiteX14" fmla="*/ 160403 w 850189"/>
                <a:gd name="connsiteY14" fmla="*/ 279645 h 676518"/>
                <a:gd name="connsiteX15" fmla="*/ 175485 w 850189"/>
                <a:gd name="connsiteY15" fmla="*/ 162964 h 676518"/>
                <a:gd name="connsiteX16" fmla="*/ 366778 w 850189"/>
                <a:gd name="connsiteY16" fmla="*/ 201856 h 676518"/>
                <a:gd name="connsiteX0" fmla="*/ 366778 w 850189"/>
                <a:gd name="connsiteY0" fmla="*/ 201856 h 676518"/>
                <a:gd name="connsiteX1" fmla="*/ 476316 w 850189"/>
                <a:gd name="connsiteY1" fmla="*/ 79620 h 676518"/>
                <a:gd name="connsiteX2" fmla="*/ 588235 w 850189"/>
                <a:gd name="connsiteY2" fmla="*/ 98670 h 676518"/>
                <a:gd name="connsiteX3" fmla="*/ 619190 w 850189"/>
                <a:gd name="connsiteY3" fmla="*/ 243 h 676518"/>
                <a:gd name="connsiteX4" fmla="*/ 676340 w 850189"/>
                <a:gd name="connsiteY4" fmla="*/ 243 h 676518"/>
                <a:gd name="connsiteX5" fmla="*/ 838265 w 850189"/>
                <a:gd name="connsiteY5" fmla="*/ 308218 h 676518"/>
                <a:gd name="connsiteX6" fmla="*/ 765240 w 850189"/>
                <a:gd name="connsiteY6" fmla="*/ 676518 h 676518"/>
                <a:gd name="connsiteX7" fmla="*/ 565215 w 850189"/>
                <a:gd name="connsiteY7" fmla="*/ 536819 h 676518"/>
                <a:gd name="connsiteX8" fmla="*/ 536640 w 850189"/>
                <a:gd name="connsiteY8" fmla="*/ 273295 h 676518"/>
                <a:gd name="connsiteX9" fmla="*/ 428690 w 850189"/>
                <a:gd name="connsiteY9" fmla="*/ 343145 h 676518"/>
                <a:gd name="connsiteX10" fmla="*/ 223109 w 850189"/>
                <a:gd name="connsiteY10" fmla="*/ 475701 h 676518"/>
                <a:gd name="connsiteX11" fmla="*/ 860 w 850189"/>
                <a:gd name="connsiteY11" fmla="*/ 478081 h 676518"/>
                <a:gd name="connsiteX12" fmla="*/ 65 w 850189"/>
                <a:gd name="connsiteY12" fmla="*/ 368545 h 676518"/>
                <a:gd name="connsiteX13" fmla="*/ 304866 w 850189"/>
                <a:gd name="connsiteY13" fmla="*/ 314570 h 676518"/>
                <a:gd name="connsiteX14" fmla="*/ 160403 w 850189"/>
                <a:gd name="connsiteY14" fmla="*/ 279645 h 676518"/>
                <a:gd name="connsiteX15" fmla="*/ 175485 w 850189"/>
                <a:gd name="connsiteY15" fmla="*/ 162964 h 676518"/>
                <a:gd name="connsiteX16" fmla="*/ 366778 w 850189"/>
                <a:gd name="connsiteY16" fmla="*/ 201856 h 676518"/>
                <a:gd name="connsiteX0" fmla="*/ 366730 w 850141"/>
                <a:gd name="connsiteY0" fmla="*/ 201856 h 676518"/>
                <a:gd name="connsiteX1" fmla="*/ 476268 w 850141"/>
                <a:gd name="connsiteY1" fmla="*/ 79620 h 676518"/>
                <a:gd name="connsiteX2" fmla="*/ 588187 w 850141"/>
                <a:gd name="connsiteY2" fmla="*/ 98670 h 676518"/>
                <a:gd name="connsiteX3" fmla="*/ 619142 w 850141"/>
                <a:gd name="connsiteY3" fmla="*/ 243 h 676518"/>
                <a:gd name="connsiteX4" fmla="*/ 676292 w 850141"/>
                <a:gd name="connsiteY4" fmla="*/ 243 h 676518"/>
                <a:gd name="connsiteX5" fmla="*/ 838217 w 850141"/>
                <a:gd name="connsiteY5" fmla="*/ 308218 h 676518"/>
                <a:gd name="connsiteX6" fmla="*/ 765192 w 850141"/>
                <a:gd name="connsiteY6" fmla="*/ 676518 h 676518"/>
                <a:gd name="connsiteX7" fmla="*/ 565167 w 850141"/>
                <a:gd name="connsiteY7" fmla="*/ 536819 h 676518"/>
                <a:gd name="connsiteX8" fmla="*/ 536592 w 850141"/>
                <a:gd name="connsiteY8" fmla="*/ 273295 h 676518"/>
                <a:gd name="connsiteX9" fmla="*/ 428642 w 850141"/>
                <a:gd name="connsiteY9" fmla="*/ 343145 h 676518"/>
                <a:gd name="connsiteX10" fmla="*/ 223061 w 850141"/>
                <a:gd name="connsiteY10" fmla="*/ 475701 h 676518"/>
                <a:gd name="connsiteX11" fmla="*/ 812 w 850141"/>
                <a:gd name="connsiteY11" fmla="*/ 478081 h 676518"/>
                <a:gd name="connsiteX12" fmla="*/ 17 w 850141"/>
                <a:gd name="connsiteY12" fmla="*/ 368545 h 676518"/>
                <a:gd name="connsiteX13" fmla="*/ 304818 w 850141"/>
                <a:gd name="connsiteY13" fmla="*/ 314570 h 676518"/>
                <a:gd name="connsiteX14" fmla="*/ 160355 w 850141"/>
                <a:gd name="connsiteY14" fmla="*/ 279645 h 676518"/>
                <a:gd name="connsiteX15" fmla="*/ 175437 w 850141"/>
                <a:gd name="connsiteY15" fmla="*/ 162964 h 676518"/>
                <a:gd name="connsiteX16" fmla="*/ 366730 w 850141"/>
                <a:gd name="connsiteY16" fmla="*/ 201856 h 676518"/>
                <a:gd name="connsiteX0" fmla="*/ 366730 w 850141"/>
                <a:gd name="connsiteY0" fmla="*/ 201856 h 676518"/>
                <a:gd name="connsiteX1" fmla="*/ 476268 w 850141"/>
                <a:gd name="connsiteY1" fmla="*/ 79620 h 676518"/>
                <a:gd name="connsiteX2" fmla="*/ 588187 w 850141"/>
                <a:gd name="connsiteY2" fmla="*/ 98670 h 676518"/>
                <a:gd name="connsiteX3" fmla="*/ 619142 w 850141"/>
                <a:gd name="connsiteY3" fmla="*/ 243 h 676518"/>
                <a:gd name="connsiteX4" fmla="*/ 676292 w 850141"/>
                <a:gd name="connsiteY4" fmla="*/ 243 h 676518"/>
                <a:gd name="connsiteX5" fmla="*/ 838217 w 850141"/>
                <a:gd name="connsiteY5" fmla="*/ 308218 h 676518"/>
                <a:gd name="connsiteX6" fmla="*/ 765192 w 850141"/>
                <a:gd name="connsiteY6" fmla="*/ 676518 h 676518"/>
                <a:gd name="connsiteX7" fmla="*/ 565167 w 850141"/>
                <a:gd name="connsiteY7" fmla="*/ 536819 h 676518"/>
                <a:gd name="connsiteX8" fmla="*/ 536592 w 850141"/>
                <a:gd name="connsiteY8" fmla="*/ 273295 h 676518"/>
                <a:gd name="connsiteX9" fmla="*/ 428642 w 850141"/>
                <a:gd name="connsiteY9" fmla="*/ 343145 h 676518"/>
                <a:gd name="connsiteX10" fmla="*/ 223061 w 850141"/>
                <a:gd name="connsiteY10" fmla="*/ 475701 h 676518"/>
                <a:gd name="connsiteX11" fmla="*/ 812 w 850141"/>
                <a:gd name="connsiteY11" fmla="*/ 478081 h 676518"/>
                <a:gd name="connsiteX12" fmla="*/ 17 w 850141"/>
                <a:gd name="connsiteY12" fmla="*/ 368545 h 676518"/>
                <a:gd name="connsiteX13" fmla="*/ 304818 w 850141"/>
                <a:gd name="connsiteY13" fmla="*/ 314570 h 676518"/>
                <a:gd name="connsiteX14" fmla="*/ 160355 w 850141"/>
                <a:gd name="connsiteY14" fmla="*/ 279645 h 676518"/>
                <a:gd name="connsiteX15" fmla="*/ 175437 w 850141"/>
                <a:gd name="connsiteY15" fmla="*/ 162964 h 676518"/>
                <a:gd name="connsiteX16" fmla="*/ 366730 w 850141"/>
                <a:gd name="connsiteY16" fmla="*/ 201856 h 676518"/>
                <a:gd name="connsiteX0" fmla="*/ 366730 w 850141"/>
                <a:gd name="connsiteY0" fmla="*/ 201856 h 676518"/>
                <a:gd name="connsiteX1" fmla="*/ 476268 w 850141"/>
                <a:gd name="connsiteY1" fmla="*/ 79620 h 676518"/>
                <a:gd name="connsiteX2" fmla="*/ 588187 w 850141"/>
                <a:gd name="connsiteY2" fmla="*/ 98670 h 676518"/>
                <a:gd name="connsiteX3" fmla="*/ 619142 w 850141"/>
                <a:gd name="connsiteY3" fmla="*/ 243 h 676518"/>
                <a:gd name="connsiteX4" fmla="*/ 676292 w 850141"/>
                <a:gd name="connsiteY4" fmla="*/ 243 h 676518"/>
                <a:gd name="connsiteX5" fmla="*/ 838217 w 850141"/>
                <a:gd name="connsiteY5" fmla="*/ 308218 h 676518"/>
                <a:gd name="connsiteX6" fmla="*/ 765192 w 850141"/>
                <a:gd name="connsiteY6" fmla="*/ 676518 h 676518"/>
                <a:gd name="connsiteX7" fmla="*/ 565167 w 850141"/>
                <a:gd name="connsiteY7" fmla="*/ 536819 h 676518"/>
                <a:gd name="connsiteX8" fmla="*/ 536592 w 850141"/>
                <a:gd name="connsiteY8" fmla="*/ 273295 h 676518"/>
                <a:gd name="connsiteX9" fmla="*/ 428642 w 850141"/>
                <a:gd name="connsiteY9" fmla="*/ 343145 h 676518"/>
                <a:gd name="connsiteX10" fmla="*/ 223061 w 850141"/>
                <a:gd name="connsiteY10" fmla="*/ 475701 h 676518"/>
                <a:gd name="connsiteX11" fmla="*/ 812 w 850141"/>
                <a:gd name="connsiteY11" fmla="*/ 478081 h 676518"/>
                <a:gd name="connsiteX12" fmla="*/ 17 w 850141"/>
                <a:gd name="connsiteY12" fmla="*/ 368545 h 676518"/>
                <a:gd name="connsiteX13" fmla="*/ 304818 w 850141"/>
                <a:gd name="connsiteY13" fmla="*/ 314570 h 676518"/>
                <a:gd name="connsiteX14" fmla="*/ 160355 w 850141"/>
                <a:gd name="connsiteY14" fmla="*/ 279645 h 676518"/>
                <a:gd name="connsiteX15" fmla="*/ 175437 w 850141"/>
                <a:gd name="connsiteY15" fmla="*/ 162964 h 676518"/>
                <a:gd name="connsiteX16" fmla="*/ 366730 w 850141"/>
                <a:gd name="connsiteY16" fmla="*/ 201856 h 676518"/>
                <a:gd name="connsiteX0" fmla="*/ 366730 w 850141"/>
                <a:gd name="connsiteY0" fmla="*/ 201856 h 676518"/>
                <a:gd name="connsiteX1" fmla="*/ 476268 w 850141"/>
                <a:gd name="connsiteY1" fmla="*/ 79620 h 676518"/>
                <a:gd name="connsiteX2" fmla="*/ 588187 w 850141"/>
                <a:gd name="connsiteY2" fmla="*/ 98670 h 676518"/>
                <a:gd name="connsiteX3" fmla="*/ 619142 w 850141"/>
                <a:gd name="connsiteY3" fmla="*/ 243 h 676518"/>
                <a:gd name="connsiteX4" fmla="*/ 676292 w 850141"/>
                <a:gd name="connsiteY4" fmla="*/ 243 h 676518"/>
                <a:gd name="connsiteX5" fmla="*/ 838217 w 850141"/>
                <a:gd name="connsiteY5" fmla="*/ 308218 h 676518"/>
                <a:gd name="connsiteX6" fmla="*/ 765192 w 850141"/>
                <a:gd name="connsiteY6" fmla="*/ 676518 h 676518"/>
                <a:gd name="connsiteX7" fmla="*/ 565167 w 850141"/>
                <a:gd name="connsiteY7" fmla="*/ 536819 h 676518"/>
                <a:gd name="connsiteX8" fmla="*/ 536592 w 850141"/>
                <a:gd name="connsiteY8" fmla="*/ 273295 h 676518"/>
                <a:gd name="connsiteX9" fmla="*/ 428642 w 850141"/>
                <a:gd name="connsiteY9" fmla="*/ 343145 h 676518"/>
                <a:gd name="connsiteX10" fmla="*/ 223061 w 850141"/>
                <a:gd name="connsiteY10" fmla="*/ 475701 h 676518"/>
                <a:gd name="connsiteX11" fmla="*/ 812 w 850141"/>
                <a:gd name="connsiteY11" fmla="*/ 478081 h 676518"/>
                <a:gd name="connsiteX12" fmla="*/ 17 w 850141"/>
                <a:gd name="connsiteY12" fmla="*/ 368545 h 676518"/>
                <a:gd name="connsiteX13" fmla="*/ 304818 w 850141"/>
                <a:gd name="connsiteY13" fmla="*/ 314570 h 676518"/>
                <a:gd name="connsiteX14" fmla="*/ 160355 w 850141"/>
                <a:gd name="connsiteY14" fmla="*/ 279645 h 676518"/>
                <a:gd name="connsiteX15" fmla="*/ 175437 w 850141"/>
                <a:gd name="connsiteY15" fmla="*/ 162964 h 676518"/>
                <a:gd name="connsiteX16" fmla="*/ 366730 w 850141"/>
                <a:gd name="connsiteY16" fmla="*/ 201856 h 676518"/>
                <a:gd name="connsiteX0" fmla="*/ 366730 w 850141"/>
                <a:gd name="connsiteY0" fmla="*/ 201856 h 676518"/>
                <a:gd name="connsiteX1" fmla="*/ 476268 w 850141"/>
                <a:gd name="connsiteY1" fmla="*/ 79620 h 676518"/>
                <a:gd name="connsiteX2" fmla="*/ 588187 w 850141"/>
                <a:gd name="connsiteY2" fmla="*/ 98670 h 676518"/>
                <a:gd name="connsiteX3" fmla="*/ 619142 w 850141"/>
                <a:gd name="connsiteY3" fmla="*/ 243 h 676518"/>
                <a:gd name="connsiteX4" fmla="*/ 676292 w 850141"/>
                <a:gd name="connsiteY4" fmla="*/ 243 h 676518"/>
                <a:gd name="connsiteX5" fmla="*/ 838217 w 850141"/>
                <a:gd name="connsiteY5" fmla="*/ 308218 h 676518"/>
                <a:gd name="connsiteX6" fmla="*/ 765192 w 850141"/>
                <a:gd name="connsiteY6" fmla="*/ 676518 h 676518"/>
                <a:gd name="connsiteX7" fmla="*/ 565167 w 850141"/>
                <a:gd name="connsiteY7" fmla="*/ 536819 h 676518"/>
                <a:gd name="connsiteX8" fmla="*/ 536592 w 850141"/>
                <a:gd name="connsiteY8" fmla="*/ 273295 h 676518"/>
                <a:gd name="connsiteX9" fmla="*/ 428642 w 850141"/>
                <a:gd name="connsiteY9" fmla="*/ 343145 h 676518"/>
                <a:gd name="connsiteX10" fmla="*/ 223061 w 850141"/>
                <a:gd name="connsiteY10" fmla="*/ 475701 h 676518"/>
                <a:gd name="connsiteX11" fmla="*/ 812 w 850141"/>
                <a:gd name="connsiteY11" fmla="*/ 478081 h 676518"/>
                <a:gd name="connsiteX12" fmla="*/ 17 w 850141"/>
                <a:gd name="connsiteY12" fmla="*/ 368545 h 676518"/>
                <a:gd name="connsiteX13" fmla="*/ 304818 w 850141"/>
                <a:gd name="connsiteY13" fmla="*/ 314570 h 676518"/>
                <a:gd name="connsiteX14" fmla="*/ 155593 w 850141"/>
                <a:gd name="connsiteY14" fmla="*/ 262976 h 676518"/>
                <a:gd name="connsiteX15" fmla="*/ 175437 w 850141"/>
                <a:gd name="connsiteY15" fmla="*/ 162964 h 676518"/>
                <a:gd name="connsiteX16" fmla="*/ 366730 w 850141"/>
                <a:gd name="connsiteY16" fmla="*/ 201856 h 676518"/>
                <a:gd name="connsiteX0" fmla="*/ 366730 w 850141"/>
                <a:gd name="connsiteY0" fmla="*/ 201856 h 676518"/>
                <a:gd name="connsiteX1" fmla="*/ 476268 w 850141"/>
                <a:gd name="connsiteY1" fmla="*/ 79620 h 676518"/>
                <a:gd name="connsiteX2" fmla="*/ 588187 w 850141"/>
                <a:gd name="connsiteY2" fmla="*/ 98670 h 676518"/>
                <a:gd name="connsiteX3" fmla="*/ 619142 w 850141"/>
                <a:gd name="connsiteY3" fmla="*/ 243 h 676518"/>
                <a:gd name="connsiteX4" fmla="*/ 676292 w 850141"/>
                <a:gd name="connsiteY4" fmla="*/ 243 h 676518"/>
                <a:gd name="connsiteX5" fmla="*/ 838217 w 850141"/>
                <a:gd name="connsiteY5" fmla="*/ 308218 h 676518"/>
                <a:gd name="connsiteX6" fmla="*/ 765192 w 850141"/>
                <a:gd name="connsiteY6" fmla="*/ 676518 h 676518"/>
                <a:gd name="connsiteX7" fmla="*/ 565167 w 850141"/>
                <a:gd name="connsiteY7" fmla="*/ 536819 h 676518"/>
                <a:gd name="connsiteX8" fmla="*/ 536592 w 850141"/>
                <a:gd name="connsiteY8" fmla="*/ 273295 h 676518"/>
                <a:gd name="connsiteX9" fmla="*/ 428642 w 850141"/>
                <a:gd name="connsiteY9" fmla="*/ 343145 h 676518"/>
                <a:gd name="connsiteX10" fmla="*/ 223061 w 850141"/>
                <a:gd name="connsiteY10" fmla="*/ 475701 h 676518"/>
                <a:gd name="connsiteX11" fmla="*/ 812 w 850141"/>
                <a:gd name="connsiteY11" fmla="*/ 478081 h 676518"/>
                <a:gd name="connsiteX12" fmla="*/ 17 w 850141"/>
                <a:gd name="connsiteY12" fmla="*/ 368545 h 676518"/>
                <a:gd name="connsiteX13" fmla="*/ 304818 w 850141"/>
                <a:gd name="connsiteY13" fmla="*/ 314570 h 676518"/>
                <a:gd name="connsiteX14" fmla="*/ 155593 w 850141"/>
                <a:gd name="connsiteY14" fmla="*/ 262976 h 676518"/>
                <a:gd name="connsiteX15" fmla="*/ 175437 w 850141"/>
                <a:gd name="connsiteY15" fmla="*/ 162964 h 676518"/>
                <a:gd name="connsiteX16" fmla="*/ 366730 w 850141"/>
                <a:gd name="connsiteY16" fmla="*/ 201856 h 676518"/>
                <a:gd name="connsiteX0" fmla="*/ 366730 w 850141"/>
                <a:gd name="connsiteY0" fmla="*/ 201856 h 676518"/>
                <a:gd name="connsiteX1" fmla="*/ 476268 w 850141"/>
                <a:gd name="connsiteY1" fmla="*/ 79620 h 676518"/>
                <a:gd name="connsiteX2" fmla="*/ 588187 w 850141"/>
                <a:gd name="connsiteY2" fmla="*/ 98670 h 676518"/>
                <a:gd name="connsiteX3" fmla="*/ 619142 w 850141"/>
                <a:gd name="connsiteY3" fmla="*/ 243 h 676518"/>
                <a:gd name="connsiteX4" fmla="*/ 676292 w 850141"/>
                <a:gd name="connsiteY4" fmla="*/ 243 h 676518"/>
                <a:gd name="connsiteX5" fmla="*/ 838217 w 850141"/>
                <a:gd name="connsiteY5" fmla="*/ 308218 h 676518"/>
                <a:gd name="connsiteX6" fmla="*/ 765192 w 850141"/>
                <a:gd name="connsiteY6" fmla="*/ 676518 h 676518"/>
                <a:gd name="connsiteX7" fmla="*/ 565167 w 850141"/>
                <a:gd name="connsiteY7" fmla="*/ 536819 h 676518"/>
                <a:gd name="connsiteX8" fmla="*/ 536592 w 850141"/>
                <a:gd name="connsiteY8" fmla="*/ 273295 h 676518"/>
                <a:gd name="connsiteX9" fmla="*/ 428642 w 850141"/>
                <a:gd name="connsiteY9" fmla="*/ 343145 h 676518"/>
                <a:gd name="connsiteX10" fmla="*/ 223061 w 850141"/>
                <a:gd name="connsiteY10" fmla="*/ 475701 h 676518"/>
                <a:gd name="connsiteX11" fmla="*/ 812 w 850141"/>
                <a:gd name="connsiteY11" fmla="*/ 478081 h 676518"/>
                <a:gd name="connsiteX12" fmla="*/ 17 w 850141"/>
                <a:gd name="connsiteY12" fmla="*/ 368545 h 676518"/>
                <a:gd name="connsiteX13" fmla="*/ 304818 w 850141"/>
                <a:gd name="connsiteY13" fmla="*/ 314570 h 676518"/>
                <a:gd name="connsiteX14" fmla="*/ 153211 w 850141"/>
                <a:gd name="connsiteY14" fmla="*/ 277264 h 676518"/>
                <a:gd name="connsiteX15" fmla="*/ 175437 w 850141"/>
                <a:gd name="connsiteY15" fmla="*/ 162964 h 676518"/>
                <a:gd name="connsiteX16" fmla="*/ 366730 w 850141"/>
                <a:gd name="connsiteY16" fmla="*/ 201856 h 676518"/>
                <a:gd name="connsiteX0" fmla="*/ 366730 w 850141"/>
                <a:gd name="connsiteY0" fmla="*/ 201856 h 676518"/>
                <a:gd name="connsiteX1" fmla="*/ 476268 w 850141"/>
                <a:gd name="connsiteY1" fmla="*/ 79620 h 676518"/>
                <a:gd name="connsiteX2" fmla="*/ 588187 w 850141"/>
                <a:gd name="connsiteY2" fmla="*/ 98670 h 676518"/>
                <a:gd name="connsiteX3" fmla="*/ 619142 w 850141"/>
                <a:gd name="connsiteY3" fmla="*/ 243 h 676518"/>
                <a:gd name="connsiteX4" fmla="*/ 676292 w 850141"/>
                <a:gd name="connsiteY4" fmla="*/ 243 h 676518"/>
                <a:gd name="connsiteX5" fmla="*/ 838217 w 850141"/>
                <a:gd name="connsiteY5" fmla="*/ 308218 h 676518"/>
                <a:gd name="connsiteX6" fmla="*/ 765192 w 850141"/>
                <a:gd name="connsiteY6" fmla="*/ 676518 h 676518"/>
                <a:gd name="connsiteX7" fmla="*/ 565167 w 850141"/>
                <a:gd name="connsiteY7" fmla="*/ 536819 h 676518"/>
                <a:gd name="connsiteX8" fmla="*/ 536592 w 850141"/>
                <a:gd name="connsiteY8" fmla="*/ 273295 h 676518"/>
                <a:gd name="connsiteX9" fmla="*/ 428642 w 850141"/>
                <a:gd name="connsiteY9" fmla="*/ 343145 h 676518"/>
                <a:gd name="connsiteX10" fmla="*/ 223061 w 850141"/>
                <a:gd name="connsiteY10" fmla="*/ 475701 h 676518"/>
                <a:gd name="connsiteX11" fmla="*/ 812 w 850141"/>
                <a:gd name="connsiteY11" fmla="*/ 478081 h 676518"/>
                <a:gd name="connsiteX12" fmla="*/ 17 w 850141"/>
                <a:gd name="connsiteY12" fmla="*/ 368545 h 676518"/>
                <a:gd name="connsiteX13" fmla="*/ 304818 w 850141"/>
                <a:gd name="connsiteY13" fmla="*/ 314570 h 676518"/>
                <a:gd name="connsiteX14" fmla="*/ 153211 w 850141"/>
                <a:gd name="connsiteY14" fmla="*/ 277264 h 676518"/>
                <a:gd name="connsiteX15" fmla="*/ 175437 w 850141"/>
                <a:gd name="connsiteY15" fmla="*/ 162964 h 676518"/>
                <a:gd name="connsiteX16" fmla="*/ 366730 w 850141"/>
                <a:gd name="connsiteY16" fmla="*/ 201856 h 676518"/>
                <a:gd name="connsiteX0" fmla="*/ 366730 w 850141"/>
                <a:gd name="connsiteY0" fmla="*/ 201856 h 676518"/>
                <a:gd name="connsiteX1" fmla="*/ 476268 w 850141"/>
                <a:gd name="connsiteY1" fmla="*/ 79620 h 676518"/>
                <a:gd name="connsiteX2" fmla="*/ 583425 w 850141"/>
                <a:gd name="connsiteY2" fmla="*/ 108195 h 676518"/>
                <a:gd name="connsiteX3" fmla="*/ 619142 w 850141"/>
                <a:gd name="connsiteY3" fmla="*/ 243 h 676518"/>
                <a:gd name="connsiteX4" fmla="*/ 676292 w 850141"/>
                <a:gd name="connsiteY4" fmla="*/ 243 h 676518"/>
                <a:gd name="connsiteX5" fmla="*/ 838217 w 850141"/>
                <a:gd name="connsiteY5" fmla="*/ 308218 h 676518"/>
                <a:gd name="connsiteX6" fmla="*/ 765192 w 850141"/>
                <a:gd name="connsiteY6" fmla="*/ 676518 h 676518"/>
                <a:gd name="connsiteX7" fmla="*/ 565167 w 850141"/>
                <a:gd name="connsiteY7" fmla="*/ 536819 h 676518"/>
                <a:gd name="connsiteX8" fmla="*/ 536592 w 850141"/>
                <a:gd name="connsiteY8" fmla="*/ 273295 h 676518"/>
                <a:gd name="connsiteX9" fmla="*/ 428642 w 850141"/>
                <a:gd name="connsiteY9" fmla="*/ 343145 h 676518"/>
                <a:gd name="connsiteX10" fmla="*/ 223061 w 850141"/>
                <a:gd name="connsiteY10" fmla="*/ 475701 h 676518"/>
                <a:gd name="connsiteX11" fmla="*/ 812 w 850141"/>
                <a:gd name="connsiteY11" fmla="*/ 478081 h 676518"/>
                <a:gd name="connsiteX12" fmla="*/ 17 w 850141"/>
                <a:gd name="connsiteY12" fmla="*/ 368545 h 676518"/>
                <a:gd name="connsiteX13" fmla="*/ 304818 w 850141"/>
                <a:gd name="connsiteY13" fmla="*/ 314570 h 676518"/>
                <a:gd name="connsiteX14" fmla="*/ 153211 w 850141"/>
                <a:gd name="connsiteY14" fmla="*/ 277264 h 676518"/>
                <a:gd name="connsiteX15" fmla="*/ 175437 w 850141"/>
                <a:gd name="connsiteY15" fmla="*/ 162964 h 676518"/>
                <a:gd name="connsiteX16" fmla="*/ 366730 w 850141"/>
                <a:gd name="connsiteY16" fmla="*/ 201856 h 676518"/>
                <a:gd name="connsiteX0" fmla="*/ 366730 w 850141"/>
                <a:gd name="connsiteY0" fmla="*/ 201856 h 676518"/>
                <a:gd name="connsiteX1" fmla="*/ 476268 w 850141"/>
                <a:gd name="connsiteY1" fmla="*/ 79620 h 676518"/>
                <a:gd name="connsiteX2" fmla="*/ 583425 w 850141"/>
                <a:gd name="connsiteY2" fmla="*/ 108195 h 676518"/>
                <a:gd name="connsiteX3" fmla="*/ 619142 w 850141"/>
                <a:gd name="connsiteY3" fmla="*/ 243 h 676518"/>
                <a:gd name="connsiteX4" fmla="*/ 676292 w 850141"/>
                <a:gd name="connsiteY4" fmla="*/ 243 h 676518"/>
                <a:gd name="connsiteX5" fmla="*/ 838217 w 850141"/>
                <a:gd name="connsiteY5" fmla="*/ 308218 h 676518"/>
                <a:gd name="connsiteX6" fmla="*/ 765192 w 850141"/>
                <a:gd name="connsiteY6" fmla="*/ 676518 h 676518"/>
                <a:gd name="connsiteX7" fmla="*/ 565167 w 850141"/>
                <a:gd name="connsiteY7" fmla="*/ 536819 h 676518"/>
                <a:gd name="connsiteX8" fmla="*/ 536592 w 850141"/>
                <a:gd name="connsiteY8" fmla="*/ 273295 h 676518"/>
                <a:gd name="connsiteX9" fmla="*/ 428642 w 850141"/>
                <a:gd name="connsiteY9" fmla="*/ 343145 h 676518"/>
                <a:gd name="connsiteX10" fmla="*/ 223061 w 850141"/>
                <a:gd name="connsiteY10" fmla="*/ 475701 h 676518"/>
                <a:gd name="connsiteX11" fmla="*/ 812 w 850141"/>
                <a:gd name="connsiteY11" fmla="*/ 478081 h 676518"/>
                <a:gd name="connsiteX12" fmla="*/ 17 w 850141"/>
                <a:gd name="connsiteY12" fmla="*/ 368545 h 676518"/>
                <a:gd name="connsiteX13" fmla="*/ 304818 w 850141"/>
                <a:gd name="connsiteY13" fmla="*/ 314570 h 676518"/>
                <a:gd name="connsiteX14" fmla="*/ 153211 w 850141"/>
                <a:gd name="connsiteY14" fmla="*/ 277264 h 676518"/>
                <a:gd name="connsiteX15" fmla="*/ 175437 w 850141"/>
                <a:gd name="connsiteY15" fmla="*/ 162964 h 676518"/>
                <a:gd name="connsiteX16" fmla="*/ 366730 w 850141"/>
                <a:gd name="connsiteY16" fmla="*/ 201856 h 676518"/>
                <a:gd name="connsiteX0" fmla="*/ 366730 w 850141"/>
                <a:gd name="connsiteY0" fmla="*/ 201856 h 676518"/>
                <a:gd name="connsiteX1" fmla="*/ 476268 w 850141"/>
                <a:gd name="connsiteY1" fmla="*/ 79620 h 676518"/>
                <a:gd name="connsiteX2" fmla="*/ 585806 w 850141"/>
                <a:gd name="connsiteY2" fmla="*/ 93908 h 676518"/>
                <a:gd name="connsiteX3" fmla="*/ 619142 w 850141"/>
                <a:gd name="connsiteY3" fmla="*/ 243 h 676518"/>
                <a:gd name="connsiteX4" fmla="*/ 676292 w 850141"/>
                <a:gd name="connsiteY4" fmla="*/ 243 h 676518"/>
                <a:gd name="connsiteX5" fmla="*/ 838217 w 850141"/>
                <a:gd name="connsiteY5" fmla="*/ 308218 h 676518"/>
                <a:gd name="connsiteX6" fmla="*/ 765192 w 850141"/>
                <a:gd name="connsiteY6" fmla="*/ 676518 h 676518"/>
                <a:gd name="connsiteX7" fmla="*/ 565167 w 850141"/>
                <a:gd name="connsiteY7" fmla="*/ 536819 h 676518"/>
                <a:gd name="connsiteX8" fmla="*/ 536592 w 850141"/>
                <a:gd name="connsiteY8" fmla="*/ 273295 h 676518"/>
                <a:gd name="connsiteX9" fmla="*/ 428642 w 850141"/>
                <a:gd name="connsiteY9" fmla="*/ 343145 h 676518"/>
                <a:gd name="connsiteX10" fmla="*/ 223061 w 850141"/>
                <a:gd name="connsiteY10" fmla="*/ 475701 h 676518"/>
                <a:gd name="connsiteX11" fmla="*/ 812 w 850141"/>
                <a:gd name="connsiteY11" fmla="*/ 478081 h 676518"/>
                <a:gd name="connsiteX12" fmla="*/ 17 w 850141"/>
                <a:gd name="connsiteY12" fmla="*/ 368545 h 676518"/>
                <a:gd name="connsiteX13" fmla="*/ 304818 w 850141"/>
                <a:gd name="connsiteY13" fmla="*/ 314570 h 676518"/>
                <a:gd name="connsiteX14" fmla="*/ 153211 w 850141"/>
                <a:gd name="connsiteY14" fmla="*/ 277264 h 676518"/>
                <a:gd name="connsiteX15" fmla="*/ 175437 w 850141"/>
                <a:gd name="connsiteY15" fmla="*/ 162964 h 676518"/>
                <a:gd name="connsiteX16" fmla="*/ 366730 w 850141"/>
                <a:gd name="connsiteY16" fmla="*/ 201856 h 676518"/>
                <a:gd name="connsiteX0" fmla="*/ 366730 w 850141"/>
                <a:gd name="connsiteY0" fmla="*/ 201856 h 676518"/>
                <a:gd name="connsiteX1" fmla="*/ 476268 w 850141"/>
                <a:gd name="connsiteY1" fmla="*/ 79620 h 676518"/>
                <a:gd name="connsiteX2" fmla="*/ 585806 w 850141"/>
                <a:gd name="connsiteY2" fmla="*/ 93908 h 676518"/>
                <a:gd name="connsiteX3" fmla="*/ 619142 w 850141"/>
                <a:gd name="connsiteY3" fmla="*/ 243 h 676518"/>
                <a:gd name="connsiteX4" fmla="*/ 676292 w 850141"/>
                <a:gd name="connsiteY4" fmla="*/ 243 h 676518"/>
                <a:gd name="connsiteX5" fmla="*/ 838217 w 850141"/>
                <a:gd name="connsiteY5" fmla="*/ 308218 h 676518"/>
                <a:gd name="connsiteX6" fmla="*/ 765192 w 850141"/>
                <a:gd name="connsiteY6" fmla="*/ 676518 h 676518"/>
                <a:gd name="connsiteX7" fmla="*/ 565167 w 850141"/>
                <a:gd name="connsiteY7" fmla="*/ 536819 h 676518"/>
                <a:gd name="connsiteX8" fmla="*/ 536592 w 850141"/>
                <a:gd name="connsiteY8" fmla="*/ 273295 h 676518"/>
                <a:gd name="connsiteX9" fmla="*/ 428642 w 850141"/>
                <a:gd name="connsiteY9" fmla="*/ 343145 h 676518"/>
                <a:gd name="connsiteX10" fmla="*/ 223061 w 850141"/>
                <a:gd name="connsiteY10" fmla="*/ 475701 h 676518"/>
                <a:gd name="connsiteX11" fmla="*/ 812 w 850141"/>
                <a:gd name="connsiteY11" fmla="*/ 478081 h 676518"/>
                <a:gd name="connsiteX12" fmla="*/ 17 w 850141"/>
                <a:gd name="connsiteY12" fmla="*/ 368545 h 676518"/>
                <a:gd name="connsiteX13" fmla="*/ 304818 w 850141"/>
                <a:gd name="connsiteY13" fmla="*/ 314570 h 676518"/>
                <a:gd name="connsiteX14" fmla="*/ 153211 w 850141"/>
                <a:gd name="connsiteY14" fmla="*/ 277264 h 676518"/>
                <a:gd name="connsiteX15" fmla="*/ 175437 w 850141"/>
                <a:gd name="connsiteY15" fmla="*/ 162964 h 676518"/>
                <a:gd name="connsiteX16" fmla="*/ 366730 w 850141"/>
                <a:gd name="connsiteY16" fmla="*/ 201856 h 676518"/>
                <a:gd name="connsiteX0" fmla="*/ 366730 w 850141"/>
                <a:gd name="connsiteY0" fmla="*/ 201856 h 676518"/>
                <a:gd name="connsiteX1" fmla="*/ 485793 w 850141"/>
                <a:gd name="connsiteY1" fmla="*/ 72476 h 676518"/>
                <a:gd name="connsiteX2" fmla="*/ 585806 w 850141"/>
                <a:gd name="connsiteY2" fmla="*/ 93908 h 676518"/>
                <a:gd name="connsiteX3" fmla="*/ 619142 w 850141"/>
                <a:gd name="connsiteY3" fmla="*/ 243 h 676518"/>
                <a:gd name="connsiteX4" fmla="*/ 676292 w 850141"/>
                <a:gd name="connsiteY4" fmla="*/ 243 h 676518"/>
                <a:gd name="connsiteX5" fmla="*/ 838217 w 850141"/>
                <a:gd name="connsiteY5" fmla="*/ 308218 h 676518"/>
                <a:gd name="connsiteX6" fmla="*/ 765192 w 850141"/>
                <a:gd name="connsiteY6" fmla="*/ 676518 h 676518"/>
                <a:gd name="connsiteX7" fmla="*/ 565167 w 850141"/>
                <a:gd name="connsiteY7" fmla="*/ 536819 h 676518"/>
                <a:gd name="connsiteX8" fmla="*/ 536592 w 850141"/>
                <a:gd name="connsiteY8" fmla="*/ 273295 h 676518"/>
                <a:gd name="connsiteX9" fmla="*/ 428642 w 850141"/>
                <a:gd name="connsiteY9" fmla="*/ 343145 h 676518"/>
                <a:gd name="connsiteX10" fmla="*/ 223061 w 850141"/>
                <a:gd name="connsiteY10" fmla="*/ 475701 h 676518"/>
                <a:gd name="connsiteX11" fmla="*/ 812 w 850141"/>
                <a:gd name="connsiteY11" fmla="*/ 478081 h 676518"/>
                <a:gd name="connsiteX12" fmla="*/ 17 w 850141"/>
                <a:gd name="connsiteY12" fmla="*/ 368545 h 676518"/>
                <a:gd name="connsiteX13" fmla="*/ 304818 w 850141"/>
                <a:gd name="connsiteY13" fmla="*/ 314570 h 676518"/>
                <a:gd name="connsiteX14" fmla="*/ 153211 w 850141"/>
                <a:gd name="connsiteY14" fmla="*/ 277264 h 676518"/>
                <a:gd name="connsiteX15" fmla="*/ 175437 w 850141"/>
                <a:gd name="connsiteY15" fmla="*/ 162964 h 676518"/>
                <a:gd name="connsiteX16" fmla="*/ 366730 w 850141"/>
                <a:gd name="connsiteY16" fmla="*/ 201856 h 676518"/>
                <a:gd name="connsiteX0" fmla="*/ 366730 w 850141"/>
                <a:gd name="connsiteY0" fmla="*/ 201856 h 676518"/>
                <a:gd name="connsiteX1" fmla="*/ 485793 w 850141"/>
                <a:gd name="connsiteY1" fmla="*/ 72476 h 676518"/>
                <a:gd name="connsiteX2" fmla="*/ 585806 w 850141"/>
                <a:gd name="connsiteY2" fmla="*/ 93908 h 676518"/>
                <a:gd name="connsiteX3" fmla="*/ 619142 w 850141"/>
                <a:gd name="connsiteY3" fmla="*/ 243 h 676518"/>
                <a:gd name="connsiteX4" fmla="*/ 676292 w 850141"/>
                <a:gd name="connsiteY4" fmla="*/ 243 h 676518"/>
                <a:gd name="connsiteX5" fmla="*/ 838217 w 850141"/>
                <a:gd name="connsiteY5" fmla="*/ 308218 h 676518"/>
                <a:gd name="connsiteX6" fmla="*/ 765192 w 850141"/>
                <a:gd name="connsiteY6" fmla="*/ 676518 h 676518"/>
                <a:gd name="connsiteX7" fmla="*/ 565167 w 850141"/>
                <a:gd name="connsiteY7" fmla="*/ 536819 h 676518"/>
                <a:gd name="connsiteX8" fmla="*/ 536592 w 850141"/>
                <a:gd name="connsiteY8" fmla="*/ 273295 h 676518"/>
                <a:gd name="connsiteX9" fmla="*/ 428642 w 850141"/>
                <a:gd name="connsiteY9" fmla="*/ 343145 h 676518"/>
                <a:gd name="connsiteX10" fmla="*/ 223061 w 850141"/>
                <a:gd name="connsiteY10" fmla="*/ 475701 h 676518"/>
                <a:gd name="connsiteX11" fmla="*/ 812 w 850141"/>
                <a:gd name="connsiteY11" fmla="*/ 478081 h 676518"/>
                <a:gd name="connsiteX12" fmla="*/ 17 w 850141"/>
                <a:gd name="connsiteY12" fmla="*/ 368545 h 676518"/>
                <a:gd name="connsiteX13" fmla="*/ 304818 w 850141"/>
                <a:gd name="connsiteY13" fmla="*/ 314570 h 676518"/>
                <a:gd name="connsiteX14" fmla="*/ 153211 w 850141"/>
                <a:gd name="connsiteY14" fmla="*/ 277264 h 676518"/>
                <a:gd name="connsiteX15" fmla="*/ 175437 w 850141"/>
                <a:gd name="connsiteY15" fmla="*/ 162964 h 676518"/>
                <a:gd name="connsiteX16" fmla="*/ 366730 w 850141"/>
                <a:gd name="connsiteY16" fmla="*/ 201856 h 676518"/>
                <a:gd name="connsiteX0" fmla="*/ 366730 w 850141"/>
                <a:gd name="connsiteY0" fmla="*/ 201856 h 676518"/>
                <a:gd name="connsiteX1" fmla="*/ 485793 w 850141"/>
                <a:gd name="connsiteY1" fmla="*/ 72476 h 676518"/>
                <a:gd name="connsiteX2" fmla="*/ 585806 w 850141"/>
                <a:gd name="connsiteY2" fmla="*/ 93908 h 676518"/>
                <a:gd name="connsiteX3" fmla="*/ 619142 w 850141"/>
                <a:gd name="connsiteY3" fmla="*/ 243 h 676518"/>
                <a:gd name="connsiteX4" fmla="*/ 676292 w 850141"/>
                <a:gd name="connsiteY4" fmla="*/ 243 h 676518"/>
                <a:gd name="connsiteX5" fmla="*/ 838217 w 850141"/>
                <a:gd name="connsiteY5" fmla="*/ 308218 h 676518"/>
                <a:gd name="connsiteX6" fmla="*/ 765192 w 850141"/>
                <a:gd name="connsiteY6" fmla="*/ 676518 h 676518"/>
                <a:gd name="connsiteX7" fmla="*/ 565167 w 850141"/>
                <a:gd name="connsiteY7" fmla="*/ 536819 h 676518"/>
                <a:gd name="connsiteX8" fmla="*/ 536592 w 850141"/>
                <a:gd name="connsiteY8" fmla="*/ 273295 h 676518"/>
                <a:gd name="connsiteX9" fmla="*/ 428642 w 850141"/>
                <a:gd name="connsiteY9" fmla="*/ 343145 h 676518"/>
                <a:gd name="connsiteX10" fmla="*/ 223061 w 850141"/>
                <a:gd name="connsiteY10" fmla="*/ 475701 h 676518"/>
                <a:gd name="connsiteX11" fmla="*/ 812 w 850141"/>
                <a:gd name="connsiteY11" fmla="*/ 478081 h 676518"/>
                <a:gd name="connsiteX12" fmla="*/ 17 w 850141"/>
                <a:gd name="connsiteY12" fmla="*/ 368545 h 676518"/>
                <a:gd name="connsiteX13" fmla="*/ 304818 w 850141"/>
                <a:gd name="connsiteY13" fmla="*/ 314570 h 676518"/>
                <a:gd name="connsiteX14" fmla="*/ 153211 w 850141"/>
                <a:gd name="connsiteY14" fmla="*/ 277264 h 676518"/>
                <a:gd name="connsiteX15" fmla="*/ 175437 w 850141"/>
                <a:gd name="connsiteY15" fmla="*/ 162964 h 676518"/>
                <a:gd name="connsiteX16" fmla="*/ 366730 w 850141"/>
                <a:gd name="connsiteY16" fmla="*/ 201856 h 676518"/>
                <a:gd name="connsiteX0" fmla="*/ 366730 w 850141"/>
                <a:gd name="connsiteY0" fmla="*/ 201856 h 676518"/>
                <a:gd name="connsiteX1" fmla="*/ 485793 w 850141"/>
                <a:gd name="connsiteY1" fmla="*/ 72476 h 676518"/>
                <a:gd name="connsiteX2" fmla="*/ 585806 w 850141"/>
                <a:gd name="connsiteY2" fmla="*/ 93908 h 676518"/>
                <a:gd name="connsiteX3" fmla="*/ 619142 w 850141"/>
                <a:gd name="connsiteY3" fmla="*/ 243 h 676518"/>
                <a:gd name="connsiteX4" fmla="*/ 676292 w 850141"/>
                <a:gd name="connsiteY4" fmla="*/ 243 h 676518"/>
                <a:gd name="connsiteX5" fmla="*/ 838217 w 850141"/>
                <a:gd name="connsiteY5" fmla="*/ 308218 h 676518"/>
                <a:gd name="connsiteX6" fmla="*/ 765192 w 850141"/>
                <a:gd name="connsiteY6" fmla="*/ 676518 h 676518"/>
                <a:gd name="connsiteX7" fmla="*/ 565167 w 850141"/>
                <a:gd name="connsiteY7" fmla="*/ 536819 h 676518"/>
                <a:gd name="connsiteX8" fmla="*/ 536592 w 850141"/>
                <a:gd name="connsiteY8" fmla="*/ 273295 h 676518"/>
                <a:gd name="connsiteX9" fmla="*/ 428642 w 850141"/>
                <a:gd name="connsiteY9" fmla="*/ 343145 h 676518"/>
                <a:gd name="connsiteX10" fmla="*/ 223061 w 850141"/>
                <a:gd name="connsiteY10" fmla="*/ 475701 h 676518"/>
                <a:gd name="connsiteX11" fmla="*/ 812 w 850141"/>
                <a:gd name="connsiteY11" fmla="*/ 478081 h 676518"/>
                <a:gd name="connsiteX12" fmla="*/ 17 w 850141"/>
                <a:gd name="connsiteY12" fmla="*/ 368545 h 676518"/>
                <a:gd name="connsiteX13" fmla="*/ 304818 w 850141"/>
                <a:gd name="connsiteY13" fmla="*/ 314570 h 676518"/>
                <a:gd name="connsiteX14" fmla="*/ 153211 w 850141"/>
                <a:gd name="connsiteY14" fmla="*/ 277264 h 676518"/>
                <a:gd name="connsiteX15" fmla="*/ 175437 w 850141"/>
                <a:gd name="connsiteY15" fmla="*/ 162964 h 676518"/>
                <a:gd name="connsiteX16" fmla="*/ 366730 w 850141"/>
                <a:gd name="connsiteY16" fmla="*/ 201856 h 676518"/>
                <a:gd name="connsiteX0" fmla="*/ 366730 w 850141"/>
                <a:gd name="connsiteY0" fmla="*/ 201856 h 676518"/>
                <a:gd name="connsiteX1" fmla="*/ 485793 w 850141"/>
                <a:gd name="connsiteY1" fmla="*/ 72476 h 676518"/>
                <a:gd name="connsiteX2" fmla="*/ 585806 w 850141"/>
                <a:gd name="connsiteY2" fmla="*/ 93908 h 676518"/>
                <a:gd name="connsiteX3" fmla="*/ 619142 w 850141"/>
                <a:gd name="connsiteY3" fmla="*/ 243 h 676518"/>
                <a:gd name="connsiteX4" fmla="*/ 676292 w 850141"/>
                <a:gd name="connsiteY4" fmla="*/ 243 h 676518"/>
                <a:gd name="connsiteX5" fmla="*/ 838217 w 850141"/>
                <a:gd name="connsiteY5" fmla="*/ 308218 h 676518"/>
                <a:gd name="connsiteX6" fmla="*/ 765192 w 850141"/>
                <a:gd name="connsiteY6" fmla="*/ 676518 h 676518"/>
                <a:gd name="connsiteX7" fmla="*/ 565167 w 850141"/>
                <a:gd name="connsiteY7" fmla="*/ 536819 h 676518"/>
                <a:gd name="connsiteX8" fmla="*/ 536592 w 850141"/>
                <a:gd name="connsiteY8" fmla="*/ 273295 h 676518"/>
                <a:gd name="connsiteX9" fmla="*/ 428642 w 850141"/>
                <a:gd name="connsiteY9" fmla="*/ 343145 h 676518"/>
                <a:gd name="connsiteX10" fmla="*/ 223061 w 850141"/>
                <a:gd name="connsiteY10" fmla="*/ 475701 h 676518"/>
                <a:gd name="connsiteX11" fmla="*/ 812 w 850141"/>
                <a:gd name="connsiteY11" fmla="*/ 478081 h 676518"/>
                <a:gd name="connsiteX12" fmla="*/ 17 w 850141"/>
                <a:gd name="connsiteY12" fmla="*/ 368545 h 676518"/>
                <a:gd name="connsiteX13" fmla="*/ 304818 w 850141"/>
                <a:gd name="connsiteY13" fmla="*/ 314570 h 676518"/>
                <a:gd name="connsiteX14" fmla="*/ 153211 w 850141"/>
                <a:gd name="connsiteY14" fmla="*/ 277264 h 676518"/>
                <a:gd name="connsiteX15" fmla="*/ 175437 w 850141"/>
                <a:gd name="connsiteY15" fmla="*/ 162964 h 676518"/>
                <a:gd name="connsiteX16" fmla="*/ 366730 w 850141"/>
                <a:gd name="connsiteY16" fmla="*/ 201856 h 676518"/>
                <a:gd name="connsiteX0" fmla="*/ 366730 w 850141"/>
                <a:gd name="connsiteY0" fmla="*/ 201856 h 676518"/>
                <a:gd name="connsiteX1" fmla="*/ 485793 w 850141"/>
                <a:gd name="connsiteY1" fmla="*/ 72476 h 676518"/>
                <a:gd name="connsiteX2" fmla="*/ 585806 w 850141"/>
                <a:gd name="connsiteY2" fmla="*/ 93908 h 676518"/>
                <a:gd name="connsiteX3" fmla="*/ 619142 w 850141"/>
                <a:gd name="connsiteY3" fmla="*/ 243 h 676518"/>
                <a:gd name="connsiteX4" fmla="*/ 676292 w 850141"/>
                <a:gd name="connsiteY4" fmla="*/ 243 h 676518"/>
                <a:gd name="connsiteX5" fmla="*/ 838217 w 850141"/>
                <a:gd name="connsiteY5" fmla="*/ 308218 h 676518"/>
                <a:gd name="connsiteX6" fmla="*/ 765192 w 850141"/>
                <a:gd name="connsiteY6" fmla="*/ 676518 h 676518"/>
                <a:gd name="connsiteX7" fmla="*/ 565167 w 850141"/>
                <a:gd name="connsiteY7" fmla="*/ 536819 h 676518"/>
                <a:gd name="connsiteX8" fmla="*/ 536592 w 850141"/>
                <a:gd name="connsiteY8" fmla="*/ 273295 h 676518"/>
                <a:gd name="connsiteX9" fmla="*/ 428642 w 850141"/>
                <a:gd name="connsiteY9" fmla="*/ 343145 h 676518"/>
                <a:gd name="connsiteX10" fmla="*/ 234967 w 850141"/>
                <a:gd name="connsiteY10" fmla="*/ 480463 h 676518"/>
                <a:gd name="connsiteX11" fmla="*/ 812 w 850141"/>
                <a:gd name="connsiteY11" fmla="*/ 478081 h 676518"/>
                <a:gd name="connsiteX12" fmla="*/ 17 w 850141"/>
                <a:gd name="connsiteY12" fmla="*/ 368545 h 676518"/>
                <a:gd name="connsiteX13" fmla="*/ 304818 w 850141"/>
                <a:gd name="connsiteY13" fmla="*/ 314570 h 676518"/>
                <a:gd name="connsiteX14" fmla="*/ 153211 w 850141"/>
                <a:gd name="connsiteY14" fmla="*/ 277264 h 676518"/>
                <a:gd name="connsiteX15" fmla="*/ 175437 w 850141"/>
                <a:gd name="connsiteY15" fmla="*/ 162964 h 676518"/>
                <a:gd name="connsiteX16" fmla="*/ 366730 w 850141"/>
                <a:gd name="connsiteY16" fmla="*/ 201856 h 676518"/>
                <a:gd name="connsiteX0" fmla="*/ 366730 w 850141"/>
                <a:gd name="connsiteY0" fmla="*/ 201613 h 676275"/>
                <a:gd name="connsiteX1" fmla="*/ 485793 w 850141"/>
                <a:gd name="connsiteY1" fmla="*/ 72233 h 676275"/>
                <a:gd name="connsiteX2" fmla="*/ 585806 w 850141"/>
                <a:gd name="connsiteY2" fmla="*/ 93665 h 676275"/>
                <a:gd name="connsiteX3" fmla="*/ 619142 w 850141"/>
                <a:gd name="connsiteY3" fmla="*/ 0 h 676275"/>
                <a:gd name="connsiteX4" fmla="*/ 687799 w 850141"/>
                <a:gd name="connsiteY4" fmla="*/ 9715 h 676275"/>
                <a:gd name="connsiteX5" fmla="*/ 838217 w 850141"/>
                <a:gd name="connsiteY5" fmla="*/ 307975 h 676275"/>
                <a:gd name="connsiteX6" fmla="*/ 765192 w 850141"/>
                <a:gd name="connsiteY6" fmla="*/ 676275 h 676275"/>
                <a:gd name="connsiteX7" fmla="*/ 565167 w 850141"/>
                <a:gd name="connsiteY7" fmla="*/ 536576 h 676275"/>
                <a:gd name="connsiteX8" fmla="*/ 536592 w 850141"/>
                <a:gd name="connsiteY8" fmla="*/ 273052 h 676275"/>
                <a:gd name="connsiteX9" fmla="*/ 428642 w 850141"/>
                <a:gd name="connsiteY9" fmla="*/ 342902 h 676275"/>
                <a:gd name="connsiteX10" fmla="*/ 234967 w 850141"/>
                <a:gd name="connsiteY10" fmla="*/ 480220 h 676275"/>
                <a:gd name="connsiteX11" fmla="*/ 812 w 850141"/>
                <a:gd name="connsiteY11" fmla="*/ 477838 h 676275"/>
                <a:gd name="connsiteX12" fmla="*/ 17 w 850141"/>
                <a:gd name="connsiteY12" fmla="*/ 368302 h 676275"/>
                <a:gd name="connsiteX13" fmla="*/ 304818 w 850141"/>
                <a:gd name="connsiteY13" fmla="*/ 314327 h 676275"/>
                <a:gd name="connsiteX14" fmla="*/ 153211 w 850141"/>
                <a:gd name="connsiteY14" fmla="*/ 277021 h 676275"/>
                <a:gd name="connsiteX15" fmla="*/ 175437 w 850141"/>
                <a:gd name="connsiteY15" fmla="*/ 162721 h 676275"/>
                <a:gd name="connsiteX16" fmla="*/ 366730 w 850141"/>
                <a:gd name="connsiteY16" fmla="*/ 201613 h 676275"/>
                <a:gd name="connsiteX0" fmla="*/ 366730 w 861013"/>
                <a:gd name="connsiteY0" fmla="*/ 201613 h 676275"/>
                <a:gd name="connsiteX1" fmla="*/ 485793 w 861013"/>
                <a:gd name="connsiteY1" fmla="*/ 72233 h 676275"/>
                <a:gd name="connsiteX2" fmla="*/ 585806 w 861013"/>
                <a:gd name="connsiteY2" fmla="*/ 93665 h 676275"/>
                <a:gd name="connsiteX3" fmla="*/ 619142 w 861013"/>
                <a:gd name="connsiteY3" fmla="*/ 0 h 676275"/>
                <a:gd name="connsiteX4" fmla="*/ 687799 w 861013"/>
                <a:gd name="connsiteY4" fmla="*/ 9715 h 676275"/>
                <a:gd name="connsiteX5" fmla="*/ 850158 w 861013"/>
                <a:gd name="connsiteY5" fmla="*/ 310173 h 676275"/>
                <a:gd name="connsiteX6" fmla="*/ 765192 w 861013"/>
                <a:gd name="connsiteY6" fmla="*/ 676275 h 676275"/>
                <a:gd name="connsiteX7" fmla="*/ 565167 w 861013"/>
                <a:gd name="connsiteY7" fmla="*/ 536576 h 676275"/>
                <a:gd name="connsiteX8" fmla="*/ 536592 w 861013"/>
                <a:gd name="connsiteY8" fmla="*/ 273052 h 676275"/>
                <a:gd name="connsiteX9" fmla="*/ 428642 w 861013"/>
                <a:gd name="connsiteY9" fmla="*/ 342902 h 676275"/>
                <a:gd name="connsiteX10" fmla="*/ 234967 w 861013"/>
                <a:gd name="connsiteY10" fmla="*/ 480220 h 676275"/>
                <a:gd name="connsiteX11" fmla="*/ 812 w 861013"/>
                <a:gd name="connsiteY11" fmla="*/ 477838 h 676275"/>
                <a:gd name="connsiteX12" fmla="*/ 17 w 861013"/>
                <a:gd name="connsiteY12" fmla="*/ 368302 h 676275"/>
                <a:gd name="connsiteX13" fmla="*/ 304818 w 861013"/>
                <a:gd name="connsiteY13" fmla="*/ 314327 h 676275"/>
                <a:gd name="connsiteX14" fmla="*/ 153211 w 861013"/>
                <a:gd name="connsiteY14" fmla="*/ 277021 h 676275"/>
                <a:gd name="connsiteX15" fmla="*/ 175437 w 861013"/>
                <a:gd name="connsiteY15" fmla="*/ 162721 h 676275"/>
                <a:gd name="connsiteX16" fmla="*/ 366730 w 861013"/>
                <a:gd name="connsiteY16" fmla="*/ 201613 h 676275"/>
                <a:gd name="connsiteX0" fmla="*/ 366730 w 861013"/>
                <a:gd name="connsiteY0" fmla="*/ 201613 h 676275"/>
                <a:gd name="connsiteX1" fmla="*/ 485793 w 861013"/>
                <a:gd name="connsiteY1" fmla="*/ 72233 h 676275"/>
                <a:gd name="connsiteX2" fmla="*/ 585806 w 861013"/>
                <a:gd name="connsiteY2" fmla="*/ 93665 h 676275"/>
                <a:gd name="connsiteX3" fmla="*/ 619142 w 861013"/>
                <a:gd name="connsiteY3" fmla="*/ 0 h 676275"/>
                <a:gd name="connsiteX4" fmla="*/ 687799 w 861013"/>
                <a:gd name="connsiteY4" fmla="*/ 9715 h 676275"/>
                <a:gd name="connsiteX5" fmla="*/ 850158 w 861013"/>
                <a:gd name="connsiteY5" fmla="*/ 310173 h 676275"/>
                <a:gd name="connsiteX6" fmla="*/ 765192 w 861013"/>
                <a:gd name="connsiteY6" fmla="*/ 676275 h 676275"/>
                <a:gd name="connsiteX7" fmla="*/ 565167 w 861013"/>
                <a:gd name="connsiteY7" fmla="*/ 536576 h 676275"/>
                <a:gd name="connsiteX8" fmla="*/ 536592 w 861013"/>
                <a:gd name="connsiteY8" fmla="*/ 273052 h 676275"/>
                <a:gd name="connsiteX9" fmla="*/ 428642 w 861013"/>
                <a:gd name="connsiteY9" fmla="*/ 342902 h 676275"/>
                <a:gd name="connsiteX10" fmla="*/ 234967 w 861013"/>
                <a:gd name="connsiteY10" fmla="*/ 480220 h 676275"/>
                <a:gd name="connsiteX11" fmla="*/ 812 w 861013"/>
                <a:gd name="connsiteY11" fmla="*/ 477838 h 676275"/>
                <a:gd name="connsiteX12" fmla="*/ 17 w 861013"/>
                <a:gd name="connsiteY12" fmla="*/ 368302 h 676275"/>
                <a:gd name="connsiteX13" fmla="*/ 304818 w 861013"/>
                <a:gd name="connsiteY13" fmla="*/ 314327 h 676275"/>
                <a:gd name="connsiteX14" fmla="*/ 153211 w 861013"/>
                <a:gd name="connsiteY14" fmla="*/ 277021 h 676275"/>
                <a:gd name="connsiteX15" fmla="*/ 175437 w 861013"/>
                <a:gd name="connsiteY15" fmla="*/ 162721 h 676275"/>
                <a:gd name="connsiteX16" fmla="*/ 366730 w 861013"/>
                <a:gd name="connsiteY16" fmla="*/ 201613 h 676275"/>
                <a:gd name="connsiteX0" fmla="*/ 366730 w 861013"/>
                <a:gd name="connsiteY0" fmla="*/ 201613 h 676275"/>
                <a:gd name="connsiteX1" fmla="*/ 490216 w 861013"/>
                <a:gd name="connsiteY1" fmla="*/ 73997 h 676275"/>
                <a:gd name="connsiteX2" fmla="*/ 585806 w 861013"/>
                <a:gd name="connsiteY2" fmla="*/ 93665 h 676275"/>
                <a:gd name="connsiteX3" fmla="*/ 619142 w 861013"/>
                <a:gd name="connsiteY3" fmla="*/ 0 h 676275"/>
                <a:gd name="connsiteX4" fmla="*/ 687799 w 861013"/>
                <a:gd name="connsiteY4" fmla="*/ 9715 h 676275"/>
                <a:gd name="connsiteX5" fmla="*/ 850158 w 861013"/>
                <a:gd name="connsiteY5" fmla="*/ 310173 h 676275"/>
                <a:gd name="connsiteX6" fmla="*/ 765192 w 861013"/>
                <a:gd name="connsiteY6" fmla="*/ 676275 h 676275"/>
                <a:gd name="connsiteX7" fmla="*/ 565167 w 861013"/>
                <a:gd name="connsiteY7" fmla="*/ 536576 h 676275"/>
                <a:gd name="connsiteX8" fmla="*/ 536592 w 861013"/>
                <a:gd name="connsiteY8" fmla="*/ 273052 h 676275"/>
                <a:gd name="connsiteX9" fmla="*/ 428642 w 861013"/>
                <a:gd name="connsiteY9" fmla="*/ 342902 h 676275"/>
                <a:gd name="connsiteX10" fmla="*/ 234967 w 861013"/>
                <a:gd name="connsiteY10" fmla="*/ 480220 h 676275"/>
                <a:gd name="connsiteX11" fmla="*/ 812 w 861013"/>
                <a:gd name="connsiteY11" fmla="*/ 477838 h 676275"/>
                <a:gd name="connsiteX12" fmla="*/ 17 w 861013"/>
                <a:gd name="connsiteY12" fmla="*/ 368302 h 676275"/>
                <a:gd name="connsiteX13" fmla="*/ 304818 w 861013"/>
                <a:gd name="connsiteY13" fmla="*/ 314327 h 676275"/>
                <a:gd name="connsiteX14" fmla="*/ 153211 w 861013"/>
                <a:gd name="connsiteY14" fmla="*/ 277021 h 676275"/>
                <a:gd name="connsiteX15" fmla="*/ 175437 w 861013"/>
                <a:gd name="connsiteY15" fmla="*/ 162721 h 676275"/>
                <a:gd name="connsiteX16" fmla="*/ 366730 w 861013"/>
                <a:gd name="connsiteY16" fmla="*/ 201613 h 676275"/>
                <a:gd name="connsiteX0" fmla="*/ 366730 w 861013"/>
                <a:gd name="connsiteY0" fmla="*/ 201613 h 676275"/>
                <a:gd name="connsiteX1" fmla="*/ 490216 w 861013"/>
                <a:gd name="connsiteY1" fmla="*/ 73997 h 676275"/>
                <a:gd name="connsiteX2" fmla="*/ 585806 w 861013"/>
                <a:gd name="connsiteY2" fmla="*/ 93665 h 676275"/>
                <a:gd name="connsiteX3" fmla="*/ 619142 w 861013"/>
                <a:gd name="connsiteY3" fmla="*/ 0 h 676275"/>
                <a:gd name="connsiteX4" fmla="*/ 687799 w 861013"/>
                <a:gd name="connsiteY4" fmla="*/ 9715 h 676275"/>
                <a:gd name="connsiteX5" fmla="*/ 850158 w 861013"/>
                <a:gd name="connsiteY5" fmla="*/ 310173 h 676275"/>
                <a:gd name="connsiteX6" fmla="*/ 765192 w 861013"/>
                <a:gd name="connsiteY6" fmla="*/ 676275 h 676275"/>
                <a:gd name="connsiteX7" fmla="*/ 565167 w 861013"/>
                <a:gd name="connsiteY7" fmla="*/ 536576 h 676275"/>
                <a:gd name="connsiteX8" fmla="*/ 536592 w 861013"/>
                <a:gd name="connsiteY8" fmla="*/ 273052 h 676275"/>
                <a:gd name="connsiteX9" fmla="*/ 428642 w 861013"/>
                <a:gd name="connsiteY9" fmla="*/ 342902 h 676275"/>
                <a:gd name="connsiteX10" fmla="*/ 234967 w 861013"/>
                <a:gd name="connsiteY10" fmla="*/ 480220 h 676275"/>
                <a:gd name="connsiteX11" fmla="*/ 812 w 861013"/>
                <a:gd name="connsiteY11" fmla="*/ 477838 h 676275"/>
                <a:gd name="connsiteX12" fmla="*/ 17 w 861013"/>
                <a:gd name="connsiteY12" fmla="*/ 368302 h 676275"/>
                <a:gd name="connsiteX13" fmla="*/ 304818 w 861013"/>
                <a:gd name="connsiteY13" fmla="*/ 314327 h 676275"/>
                <a:gd name="connsiteX14" fmla="*/ 153211 w 861013"/>
                <a:gd name="connsiteY14" fmla="*/ 277021 h 676275"/>
                <a:gd name="connsiteX15" fmla="*/ 175437 w 861013"/>
                <a:gd name="connsiteY15" fmla="*/ 162721 h 676275"/>
                <a:gd name="connsiteX16" fmla="*/ 366730 w 861013"/>
                <a:gd name="connsiteY16" fmla="*/ 201613 h 676275"/>
                <a:gd name="connsiteX0" fmla="*/ 366730 w 861013"/>
                <a:gd name="connsiteY0" fmla="*/ 201613 h 676275"/>
                <a:gd name="connsiteX1" fmla="*/ 490216 w 861013"/>
                <a:gd name="connsiteY1" fmla="*/ 73997 h 676275"/>
                <a:gd name="connsiteX2" fmla="*/ 585806 w 861013"/>
                <a:gd name="connsiteY2" fmla="*/ 93665 h 676275"/>
                <a:gd name="connsiteX3" fmla="*/ 619142 w 861013"/>
                <a:gd name="connsiteY3" fmla="*/ 0 h 676275"/>
                <a:gd name="connsiteX4" fmla="*/ 687799 w 861013"/>
                <a:gd name="connsiteY4" fmla="*/ 9715 h 676275"/>
                <a:gd name="connsiteX5" fmla="*/ 850158 w 861013"/>
                <a:gd name="connsiteY5" fmla="*/ 310173 h 676275"/>
                <a:gd name="connsiteX6" fmla="*/ 765192 w 861013"/>
                <a:gd name="connsiteY6" fmla="*/ 676275 h 676275"/>
                <a:gd name="connsiteX7" fmla="*/ 565167 w 861013"/>
                <a:gd name="connsiteY7" fmla="*/ 536576 h 676275"/>
                <a:gd name="connsiteX8" fmla="*/ 536592 w 861013"/>
                <a:gd name="connsiteY8" fmla="*/ 273052 h 676275"/>
                <a:gd name="connsiteX9" fmla="*/ 428642 w 861013"/>
                <a:gd name="connsiteY9" fmla="*/ 342902 h 676275"/>
                <a:gd name="connsiteX10" fmla="*/ 234967 w 861013"/>
                <a:gd name="connsiteY10" fmla="*/ 480220 h 676275"/>
                <a:gd name="connsiteX11" fmla="*/ 812 w 861013"/>
                <a:gd name="connsiteY11" fmla="*/ 477838 h 676275"/>
                <a:gd name="connsiteX12" fmla="*/ 17 w 861013"/>
                <a:gd name="connsiteY12" fmla="*/ 368302 h 676275"/>
                <a:gd name="connsiteX13" fmla="*/ 304818 w 861013"/>
                <a:gd name="connsiteY13" fmla="*/ 314327 h 676275"/>
                <a:gd name="connsiteX14" fmla="*/ 153211 w 861013"/>
                <a:gd name="connsiteY14" fmla="*/ 277021 h 676275"/>
                <a:gd name="connsiteX15" fmla="*/ 175437 w 861013"/>
                <a:gd name="connsiteY15" fmla="*/ 162721 h 676275"/>
                <a:gd name="connsiteX16" fmla="*/ 366730 w 861013"/>
                <a:gd name="connsiteY16" fmla="*/ 201613 h 676275"/>
                <a:gd name="connsiteX0" fmla="*/ 366730 w 861013"/>
                <a:gd name="connsiteY0" fmla="*/ 201613 h 676275"/>
                <a:gd name="connsiteX1" fmla="*/ 490216 w 861013"/>
                <a:gd name="connsiteY1" fmla="*/ 73997 h 676275"/>
                <a:gd name="connsiteX2" fmla="*/ 585806 w 861013"/>
                <a:gd name="connsiteY2" fmla="*/ 93665 h 676275"/>
                <a:gd name="connsiteX3" fmla="*/ 619142 w 861013"/>
                <a:gd name="connsiteY3" fmla="*/ 0 h 676275"/>
                <a:gd name="connsiteX4" fmla="*/ 687799 w 861013"/>
                <a:gd name="connsiteY4" fmla="*/ 9715 h 676275"/>
                <a:gd name="connsiteX5" fmla="*/ 850158 w 861013"/>
                <a:gd name="connsiteY5" fmla="*/ 310173 h 676275"/>
                <a:gd name="connsiteX6" fmla="*/ 765192 w 861013"/>
                <a:gd name="connsiteY6" fmla="*/ 676275 h 676275"/>
                <a:gd name="connsiteX7" fmla="*/ 565167 w 861013"/>
                <a:gd name="connsiteY7" fmla="*/ 536576 h 676275"/>
                <a:gd name="connsiteX8" fmla="*/ 536592 w 861013"/>
                <a:gd name="connsiteY8" fmla="*/ 273052 h 676275"/>
                <a:gd name="connsiteX9" fmla="*/ 428642 w 861013"/>
                <a:gd name="connsiteY9" fmla="*/ 342902 h 676275"/>
                <a:gd name="connsiteX10" fmla="*/ 234967 w 861013"/>
                <a:gd name="connsiteY10" fmla="*/ 480220 h 676275"/>
                <a:gd name="connsiteX11" fmla="*/ 812 w 861013"/>
                <a:gd name="connsiteY11" fmla="*/ 477838 h 676275"/>
                <a:gd name="connsiteX12" fmla="*/ 17 w 861013"/>
                <a:gd name="connsiteY12" fmla="*/ 368302 h 676275"/>
                <a:gd name="connsiteX13" fmla="*/ 304818 w 861013"/>
                <a:gd name="connsiteY13" fmla="*/ 314327 h 676275"/>
                <a:gd name="connsiteX14" fmla="*/ 153211 w 861013"/>
                <a:gd name="connsiteY14" fmla="*/ 277021 h 676275"/>
                <a:gd name="connsiteX15" fmla="*/ 175437 w 861013"/>
                <a:gd name="connsiteY15" fmla="*/ 162721 h 676275"/>
                <a:gd name="connsiteX16" fmla="*/ 366730 w 861013"/>
                <a:gd name="connsiteY16" fmla="*/ 201613 h 676275"/>
                <a:gd name="connsiteX0" fmla="*/ 366730 w 861013"/>
                <a:gd name="connsiteY0" fmla="*/ 201613 h 676275"/>
                <a:gd name="connsiteX1" fmla="*/ 490216 w 861013"/>
                <a:gd name="connsiteY1" fmla="*/ 73997 h 676275"/>
                <a:gd name="connsiteX2" fmla="*/ 585806 w 861013"/>
                <a:gd name="connsiteY2" fmla="*/ 93665 h 676275"/>
                <a:gd name="connsiteX3" fmla="*/ 619142 w 861013"/>
                <a:gd name="connsiteY3" fmla="*/ 0 h 676275"/>
                <a:gd name="connsiteX4" fmla="*/ 687799 w 861013"/>
                <a:gd name="connsiteY4" fmla="*/ 9715 h 676275"/>
                <a:gd name="connsiteX5" fmla="*/ 850158 w 861013"/>
                <a:gd name="connsiteY5" fmla="*/ 310173 h 676275"/>
                <a:gd name="connsiteX6" fmla="*/ 765192 w 861013"/>
                <a:gd name="connsiteY6" fmla="*/ 676275 h 676275"/>
                <a:gd name="connsiteX7" fmla="*/ 565167 w 861013"/>
                <a:gd name="connsiteY7" fmla="*/ 536576 h 676275"/>
                <a:gd name="connsiteX8" fmla="*/ 536592 w 861013"/>
                <a:gd name="connsiteY8" fmla="*/ 273052 h 676275"/>
                <a:gd name="connsiteX9" fmla="*/ 428642 w 861013"/>
                <a:gd name="connsiteY9" fmla="*/ 342902 h 676275"/>
                <a:gd name="connsiteX10" fmla="*/ 234967 w 861013"/>
                <a:gd name="connsiteY10" fmla="*/ 480220 h 676275"/>
                <a:gd name="connsiteX11" fmla="*/ 812 w 861013"/>
                <a:gd name="connsiteY11" fmla="*/ 477838 h 676275"/>
                <a:gd name="connsiteX12" fmla="*/ 17 w 861013"/>
                <a:gd name="connsiteY12" fmla="*/ 368302 h 676275"/>
                <a:gd name="connsiteX13" fmla="*/ 304818 w 861013"/>
                <a:gd name="connsiteY13" fmla="*/ 314327 h 676275"/>
                <a:gd name="connsiteX14" fmla="*/ 153211 w 861013"/>
                <a:gd name="connsiteY14" fmla="*/ 277021 h 676275"/>
                <a:gd name="connsiteX15" fmla="*/ 175437 w 861013"/>
                <a:gd name="connsiteY15" fmla="*/ 162721 h 676275"/>
                <a:gd name="connsiteX16" fmla="*/ 366730 w 861013"/>
                <a:gd name="connsiteY16" fmla="*/ 201613 h 676275"/>
                <a:gd name="connsiteX0" fmla="*/ 366730 w 861013"/>
                <a:gd name="connsiteY0" fmla="*/ 201613 h 676275"/>
                <a:gd name="connsiteX1" fmla="*/ 490216 w 861013"/>
                <a:gd name="connsiteY1" fmla="*/ 73997 h 676275"/>
                <a:gd name="connsiteX2" fmla="*/ 585806 w 861013"/>
                <a:gd name="connsiteY2" fmla="*/ 93665 h 676275"/>
                <a:gd name="connsiteX3" fmla="*/ 619142 w 861013"/>
                <a:gd name="connsiteY3" fmla="*/ 0 h 676275"/>
                <a:gd name="connsiteX4" fmla="*/ 687799 w 861013"/>
                <a:gd name="connsiteY4" fmla="*/ 9715 h 676275"/>
                <a:gd name="connsiteX5" fmla="*/ 850158 w 861013"/>
                <a:gd name="connsiteY5" fmla="*/ 310173 h 676275"/>
                <a:gd name="connsiteX6" fmla="*/ 765192 w 861013"/>
                <a:gd name="connsiteY6" fmla="*/ 676275 h 676275"/>
                <a:gd name="connsiteX7" fmla="*/ 565167 w 861013"/>
                <a:gd name="connsiteY7" fmla="*/ 536576 h 676275"/>
                <a:gd name="connsiteX8" fmla="*/ 536592 w 861013"/>
                <a:gd name="connsiteY8" fmla="*/ 273052 h 676275"/>
                <a:gd name="connsiteX9" fmla="*/ 428642 w 861013"/>
                <a:gd name="connsiteY9" fmla="*/ 342902 h 676275"/>
                <a:gd name="connsiteX10" fmla="*/ 234967 w 861013"/>
                <a:gd name="connsiteY10" fmla="*/ 480220 h 676275"/>
                <a:gd name="connsiteX11" fmla="*/ 812 w 861013"/>
                <a:gd name="connsiteY11" fmla="*/ 477838 h 676275"/>
                <a:gd name="connsiteX12" fmla="*/ 17 w 861013"/>
                <a:gd name="connsiteY12" fmla="*/ 368302 h 676275"/>
                <a:gd name="connsiteX13" fmla="*/ 304818 w 861013"/>
                <a:gd name="connsiteY13" fmla="*/ 314327 h 676275"/>
                <a:gd name="connsiteX14" fmla="*/ 153211 w 861013"/>
                <a:gd name="connsiteY14" fmla="*/ 277021 h 676275"/>
                <a:gd name="connsiteX15" fmla="*/ 175437 w 861013"/>
                <a:gd name="connsiteY15" fmla="*/ 162721 h 676275"/>
                <a:gd name="connsiteX16" fmla="*/ 366730 w 861013"/>
                <a:gd name="connsiteY16" fmla="*/ 201613 h 676275"/>
                <a:gd name="connsiteX0" fmla="*/ 366730 w 861013"/>
                <a:gd name="connsiteY0" fmla="*/ 201613 h 676275"/>
                <a:gd name="connsiteX1" fmla="*/ 490216 w 861013"/>
                <a:gd name="connsiteY1" fmla="*/ 73997 h 676275"/>
                <a:gd name="connsiteX2" fmla="*/ 585806 w 861013"/>
                <a:gd name="connsiteY2" fmla="*/ 93665 h 676275"/>
                <a:gd name="connsiteX3" fmla="*/ 619142 w 861013"/>
                <a:gd name="connsiteY3" fmla="*/ 0 h 676275"/>
                <a:gd name="connsiteX4" fmla="*/ 687799 w 861013"/>
                <a:gd name="connsiteY4" fmla="*/ 9715 h 676275"/>
                <a:gd name="connsiteX5" fmla="*/ 850158 w 861013"/>
                <a:gd name="connsiteY5" fmla="*/ 310173 h 676275"/>
                <a:gd name="connsiteX6" fmla="*/ 765192 w 861013"/>
                <a:gd name="connsiteY6" fmla="*/ 676275 h 676275"/>
                <a:gd name="connsiteX7" fmla="*/ 565167 w 861013"/>
                <a:gd name="connsiteY7" fmla="*/ 536576 h 676275"/>
                <a:gd name="connsiteX8" fmla="*/ 536592 w 861013"/>
                <a:gd name="connsiteY8" fmla="*/ 273052 h 676275"/>
                <a:gd name="connsiteX9" fmla="*/ 428642 w 861013"/>
                <a:gd name="connsiteY9" fmla="*/ 342902 h 676275"/>
                <a:gd name="connsiteX10" fmla="*/ 234967 w 861013"/>
                <a:gd name="connsiteY10" fmla="*/ 480220 h 676275"/>
                <a:gd name="connsiteX11" fmla="*/ 812 w 861013"/>
                <a:gd name="connsiteY11" fmla="*/ 477838 h 676275"/>
                <a:gd name="connsiteX12" fmla="*/ 17 w 861013"/>
                <a:gd name="connsiteY12" fmla="*/ 368302 h 676275"/>
                <a:gd name="connsiteX13" fmla="*/ 304818 w 861013"/>
                <a:gd name="connsiteY13" fmla="*/ 314327 h 676275"/>
                <a:gd name="connsiteX14" fmla="*/ 153211 w 861013"/>
                <a:gd name="connsiteY14" fmla="*/ 277021 h 676275"/>
                <a:gd name="connsiteX15" fmla="*/ 175437 w 861013"/>
                <a:gd name="connsiteY15" fmla="*/ 162721 h 676275"/>
                <a:gd name="connsiteX16" fmla="*/ 366730 w 861013"/>
                <a:gd name="connsiteY16" fmla="*/ 201613 h 676275"/>
                <a:gd name="connsiteX0" fmla="*/ 366730 w 861013"/>
                <a:gd name="connsiteY0" fmla="*/ 201613 h 676275"/>
                <a:gd name="connsiteX1" fmla="*/ 490216 w 861013"/>
                <a:gd name="connsiteY1" fmla="*/ 73997 h 676275"/>
                <a:gd name="connsiteX2" fmla="*/ 585806 w 861013"/>
                <a:gd name="connsiteY2" fmla="*/ 93665 h 676275"/>
                <a:gd name="connsiteX3" fmla="*/ 619142 w 861013"/>
                <a:gd name="connsiteY3" fmla="*/ 0 h 676275"/>
                <a:gd name="connsiteX4" fmla="*/ 687799 w 861013"/>
                <a:gd name="connsiteY4" fmla="*/ 9715 h 676275"/>
                <a:gd name="connsiteX5" fmla="*/ 850158 w 861013"/>
                <a:gd name="connsiteY5" fmla="*/ 310173 h 676275"/>
                <a:gd name="connsiteX6" fmla="*/ 765192 w 861013"/>
                <a:gd name="connsiteY6" fmla="*/ 676275 h 676275"/>
                <a:gd name="connsiteX7" fmla="*/ 556753 w 861013"/>
                <a:gd name="connsiteY7" fmla="*/ 525531 h 676275"/>
                <a:gd name="connsiteX8" fmla="*/ 536592 w 861013"/>
                <a:gd name="connsiteY8" fmla="*/ 273052 h 676275"/>
                <a:gd name="connsiteX9" fmla="*/ 428642 w 861013"/>
                <a:gd name="connsiteY9" fmla="*/ 342902 h 676275"/>
                <a:gd name="connsiteX10" fmla="*/ 234967 w 861013"/>
                <a:gd name="connsiteY10" fmla="*/ 480220 h 676275"/>
                <a:gd name="connsiteX11" fmla="*/ 812 w 861013"/>
                <a:gd name="connsiteY11" fmla="*/ 477838 h 676275"/>
                <a:gd name="connsiteX12" fmla="*/ 17 w 861013"/>
                <a:gd name="connsiteY12" fmla="*/ 368302 h 676275"/>
                <a:gd name="connsiteX13" fmla="*/ 304818 w 861013"/>
                <a:gd name="connsiteY13" fmla="*/ 314327 h 676275"/>
                <a:gd name="connsiteX14" fmla="*/ 153211 w 861013"/>
                <a:gd name="connsiteY14" fmla="*/ 277021 h 676275"/>
                <a:gd name="connsiteX15" fmla="*/ 175437 w 861013"/>
                <a:gd name="connsiteY15" fmla="*/ 162721 h 676275"/>
                <a:gd name="connsiteX16" fmla="*/ 366730 w 861013"/>
                <a:gd name="connsiteY16" fmla="*/ 201613 h 676275"/>
                <a:gd name="connsiteX0" fmla="*/ 366730 w 861013"/>
                <a:gd name="connsiteY0" fmla="*/ 201613 h 676275"/>
                <a:gd name="connsiteX1" fmla="*/ 490216 w 861013"/>
                <a:gd name="connsiteY1" fmla="*/ 73997 h 676275"/>
                <a:gd name="connsiteX2" fmla="*/ 585806 w 861013"/>
                <a:gd name="connsiteY2" fmla="*/ 93665 h 676275"/>
                <a:gd name="connsiteX3" fmla="*/ 619142 w 861013"/>
                <a:gd name="connsiteY3" fmla="*/ 0 h 676275"/>
                <a:gd name="connsiteX4" fmla="*/ 850158 w 861013"/>
                <a:gd name="connsiteY4" fmla="*/ 310173 h 676275"/>
                <a:gd name="connsiteX5" fmla="*/ 765192 w 861013"/>
                <a:gd name="connsiteY5" fmla="*/ 676275 h 676275"/>
                <a:gd name="connsiteX6" fmla="*/ 556753 w 861013"/>
                <a:gd name="connsiteY6" fmla="*/ 525531 h 676275"/>
                <a:gd name="connsiteX7" fmla="*/ 536592 w 861013"/>
                <a:gd name="connsiteY7" fmla="*/ 273052 h 676275"/>
                <a:gd name="connsiteX8" fmla="*/ 428642 w 861013"/>
                <a:gd name="connsiteY8" fmla="*/ 342902 h 676275"/>
                <a:gd name="connsiteX9" fmla="*/ 234967 w 861013"/>
                <a:gd name="connsiteY9" fmla="*/ 480220 h 676275"/>
                <a:gd name="connsiteX10" fmla="*/ 812 w 861013"/>
                <a:gd name="connsiteY10" fmla="*/ 477838 h 676275"/>
                <a:gd name="connsiteX11" fmla="*/ 17 w 861013"/>
                <a:gd name="connsiteY11" fmla="*/ 368302 h 676275"/>
                <a:gd name="connsiteX12" fmla="*/ 304818 w 861013"/>
                <a:gd name="connsiteY12" fmla="*/ 314327 h 676275"/>
                <a:gd name="connsiteX13" fmla="*/ 153211 w 861013"/>
                <a:gd name="connsiteY13" fmla="*/ 277021 h 676275"/>
                <a:gd name="connsiteX14" fmla="*/ 175437 w 861013"/>
                <a:gd name="connsiteY14" fmla="*/ 162721 h 676275"/>
                <a:gd name="connsiteX15" fmla="*/ 366730 w 861013"/>
                <a:gd name="connsiteY15" fmla="*/ 201613 h 676275"/>
                <a:gd name="connsiteX0" fmla="*/ 366730 w 861013"/>
                <a:gd name="connsiteY0" fmla="*/ 201613 h 676275"/>
                <a:gd name="connsiteX1" fmla="*/ 490216 w 861013"/>
                <a:gd name="connsiteY1" fmla="*/ 73997 h 676275"/>
                <a:gd name="connsiteX2" fmla="*/ 585806 w 861013"/>
                <a:gd name="connsiteY2" fmla="*/ 93665 h 676275"/>
                <a:gd name="connsiteX3" fmla="*/ 619142 w 861013"/>
                <a:gd name="connsiteY3" fmla="*/ 0 h 676275"/>
                <a:gd name="connsiteX4" fmla="*/ 850158 w 861013"/>
                <a:gd name="connsiteY4" fmla="*/ 310173 h 676275"/>
                <a:gd name="connsiteX5" fmla="*/ 765192 w 861013"/>
                <a:gd name="connsiteY5" fmla="*/ 676275 h 676275"/>
                <a:gd name="connsiteX6" fmla="*/ 556753 w 861013"/>
                <a:gd name="connsiteY6" fmla="*/ 525531 h 676275"/>
                <a:gd name="connsiteX7" fmla="*/ 536592 w 861013"/>
                <a:gd name="connsiteY7" fmla="*/ 273052 h 676275"/>
                <a:gd name="connsiteX8" fmla="*/ 428642 w 861013"/>
                <a:gd name="connsiteY8" fmla="*/ 342902 h 676275"/>
                <a:gd name="connsiteX9" fmla="*/ 234967 w 861013"/>
                <a:gd name="connsiteY9" fmla="*/ 480220 h 676275"/>
                <a:gd name="connsiteX10" fmla="*/ 812 w 861013"/>
                <a:gd name="connsiteY10" fmla="*/ 477838 h 676275"/>
                <a:gd name="connsiteX11" fmla="*/ 17 w 861013"/>
                <a:gd name="connsiteY11" fmla="*/ 368302 h 676275"/>
                <a:gd name="connsiteX12" fmla="*/ 304818 w 861013"/>
                <a:gd name="connsiteY12" fmla="*/ 314327 h 676275"/>
                <a:gd name="connsiteX13" fmla="*/ 153211 w 861013"/>
                <a:gd name="connsiteY13" fmla="*/ 277021 h 676275"/>
                <a:gd name="connsiteX14" fmla="*/ 175437 w 861013"/>
                <a:gd name="connsiteY14" fmla="*/ 162721 h 676275"/>
                <a:gd name="connsiteX15" fmla="*/ 366730 w 861013"/>
                <a:gd name="connsiteY15" fmla="*/ 201613 h 676275"/>
                <a:gd name="connsiteX0" fmla="*/ 366730 w 861013"/>
                <a:gd name="connsiteY0" fmla="*/ 202972 h 677634"/>
                <a:gd name="connsiteX1" fmla="*/ 490216 w 861013"/>
                <a:gd name="connsiteY1" fmla="*/ 75356 h 677634"/>
                <a:gd name="connsiteX2" fmla="*/ 585806 w 861013"/>
                <a:gd name="connsiteY2" fmla="*/ 95024 h 677634"/>
                <a:gd name="connsiteX3" fmla="*/ 619142 w 861013"/>
                <a:gd name="connsiteY3" fmla="*/ 1359 h 677634"/>
                <a:gd name="connsiteX4" fmla="*/ 850158 w 861013"/>
                <a:gd name="connsiteY4" fmla="*/ 311532 h 677634"/>
                <a:gd name="connsiteX5" fmla="*/ 765192 w 861013"/>
                <a:gd name="connsiteY5" fmla="*/ 677634 h 677634"/>
                <a:gd name="connsiteX6" fmla="*/ 556753 w 861013"/>
                <a:gd name="connsiteY6" fmla="*/ 526890 h 677634"/>
                <a:gd name="connsiteX7" fmla="*/ 536592 w 861013"/>
                <a:gd name="connsiteY7" fmla="*/ 274411 h 677634"/>
                <a:gd name="connsiteX8" fmla="*/ 428642 w 861013"/>
                <a:gd name="connsiteY8" fmla="*/ 344261 h 677634"/>
                <a:gd name="connsiteX9" fmla="*/ 234967 w 861013"/>
                <a:gd name="connsiteY9" fmla="*/ 481579 h 677634"/>
                <a:gd name="connsiteX10" fmla="*/ 812 w 861013"/>
                <a:gd name="connsiteY10" fmla="*/ 479197 h 677634"/>
                <a:gd name="connsiteX11" fmla="*/ 17 w 861013"/>
                <a:gd name="connsiteY11" fmla="*/ 369661 h 677634"/>
                <a:gd name="connsiteX12" fmla="*/ 304818 w 861013"/>
                <a:gd name="connsiteY12" fmla="*/ 315686 h 677634"/>
                <a:gd name="connsiteX13" fmla="*/ 153211 w 861013"/>
                <a:gd name="connsiteY13" fmla="*/ 278380 h 677634"/>
                <a:gd name="connsiteX14" fmla="*/ 175437 w 861013"/>
                <a:gd name="connsiteY14" fmla="*/ 164080 h 677634"/>
                <a:gd name="connsiteX15" fmla="*/ 366730 w 861013"/>
                <a:gd name="connsiteY15" fmla="*/ 202972 h 677634"/>
                <a:gd name="connsiteX0" fmla="*/ 366730 w 868851"/>
                <a:gd name="connsiteY0" fmla="*/ 202976 h 677638"/>
                <a:gd name="connsiteX1" fmla="*/ 490216 w 868851"/>
                <a:gd name="connsiteY1" fmla="*/ 75360 h 677638"/>
                <a:gd name="connsiteX2" fmla="*/ 585806 w 868851"/>
                <a:gd name="connsiteY2" fmla="*/ 95028 h 677638"/>
                <a:gd name="connsiteX3" fmla="*/ 619142 w 868851"/>
                <a:gd name="connsiteY3" fmla="*/ 1363 h 677638"/>
                <a:gd name="connsiteX4" fmla="*/ 858648 w 868851"/>
                <a:gd name="connsiteY4" fmla="*/ 310819 h 677638"/>
                <a:gd name="connsiteX5" fmla="*/ 765192 w 868851"/>
                <a:gd name="connsiteY5" fmla="*/ 677638 h 677638"/>
                <a:gd name="connsiteX6" fmla="*/ 556753 w 868851"/>
                <a:gd name="connsiteY6" fmla="*/ 526894 h 677638"/>
                <a:gd name="connsiteX7" fmla="*/ 536592 w 868851"/>
                <a:gd name="connsiteY7" fmla="*/ 274415 h 677638"/>
                <a:gd name="connsiteX8" fmla="*/ 428642 w 868851"/>
                <a:gd name="connsiteY8" fmla="*/ 344265 h 677638"/>
                <a:gd name="connsiteX9" fmla="*/ 234967 w 868851"/>
                <a:gd name="connsiteY9" fmla="*/ 481583 h 677638"/>
                <a:gd name="connsiteX10" fmla="*/ 812 w 868851"/>
                <a:gd name="connsiteY10" fmla="*/ 479201 h 677638"/>
                <a:gd name="connsiteX11" fmla="*/ 17 w 868851"/>
                <a:gd name="connsiteY11" fmla="*/ 369665 h 677638"/>
                <a:gd name="connsiteX12" fmla="*/ 304818 w 868851"/>
                <a:gd name="connsiteY12" fmla="*/ 315690 h 677638"/>
                <a:gd name="connsiteX13" fmla="*/ 153211 w 868851"/>
                <a:gd name="connsiteY13" fmla="*/ 278384 h 677638"/>
                <a:gd name="connsiteX14" fmla="*/ 175437 w 868851"/>
                <a:gd name="connsiteY14" fmla="*/ 164084 h 677638"/>
                <a:gd name="connsiteX15" fmla="*/ 366730 w 868851"/>
                <a:gd name="connsiteY15" fmla="*/ 202976 h 677638"/>
                <a:gd name="connsiteX0" fmla="*/ 366730 w 868851"/>
                <a:gd name="connsiteY0" fmla="*/ 202976 h 677638"/>
                <a:gd name="connsiteX1" fmla="*/ 490563 w 868851"/>
                <a:gd name="connsiteY1" fmla="*/ 69345 h 677638"/>
                <a:gd name="connsiteX2" fmla="*/ 585806 w 868851"/>
                <a:gd name="connsiteY2" fmla="*/ 95028 h 677638"/>
                <a:gd name="connsiteX3" fmla="*/ 619142 w 868851"/>
                <a:gd name="connsiteY3" fmla="*/ 1363 h 677638"/>
                <a:gd name="connsiteX4" fmla="*/ 858648 w 868851"/>
                <a:gd name="connsiteY4" fmla="*/ 310819 h 677638"/>
                <a:gd name="connsiteX5" fmla="*/ 765192 w 868851"/>
                <a:gd name="connsiteY5" fmla="*/ 677638 h 677638"/>
                <a:gd name="connsiteX6" fmla="*/ 556753 w 868851"/>
                <a:gd name="connsiteY6" fmla="*/ 526894 h 677638"/>
                <a:gd name="connsiteX7" fmla="*/ 536592 w 868851"/>
                <a:gd name="connsiteY7" fmla="*/ 274415 h 677638"/>
                <a:gd name="connsiteX8" fmla="*/ 428642 w 868851"/>
                <a:gd name="connsiteY8" fmla="*/ 344265 h 677638"/>
                <a:gd name="connsiteX9" fmla="*/ 234967 w 868851"/>
                <a:gd name="connsiteY9" fmla="*/ 481583 h 677638"/>
                <a:gd name="connsiteX10" fmla="*/ 812 w 868851"/>
                <a:gd name="connsiteY10" fmla="*/ 479201 h 677638"/>
                <a:gd name="connsiteX11" fmla="*/ 17 w 868851"/>
                <a:gd name="connsiteY11" fmla="*/ 369665 h 677638"/>
                <a:gd name="connsiteX12" fmla="*/ 304818 w 868851"/>
                <a:gd name="connsiteY12" fmla="*/ 315690 h 677638"/>
                <a:gd name="connsiteX13" fmla="*/ 153211 w 868851"/>
                <a:gd name="connsiteY13" fmla="*/ 278384 h 677638"/>
                <a:gd name="connsiteX14" fmla="*/ 175437 w 868851"/>
                <a:gd name="connsiteY14" fmla="*/ 164084 h 677638"/>
                <a:gd name="connsiteX15" fmla="*/ 366730 w 868851"/>
                <a:gd name="connsiteY15" fmla="*/ 202976 h 677638"/>
                <a:gd name="connsiteX0" fmla="*/ 366730 w 868851"/>
                <a:gd name="connsiteY0" fmla="*/ 202976 h 677638"/>
                <a:gd name="connsiteX1" fmla="*/ 495860 w 868851"/>
                <a:gd name="connsiteY1" fmla="*/ 61203 h 677638"/>
                <a:gd name="connsiteX2" fmla="*/ 585806 w 868851"/>
                <a:gd name="connsiteY2" fmla="*/ 95028 h 677638"/>
                <a:gd name="connsiteX3" fmla="*/ 619142 w 868851"/>
                <a:gd name="connsiteY3" fmla="*/ 1363 h 677638"/>
                <a:gd name="connsiteX4" fmla="*/ 858648 w 868851"/>
                <a:gd name="connsiteY4" fmla="*/ 310819 h 677638"/>
                <a:gd name="connsiteX5" fmla="*/ 765192 w 868851"/>
                <a:gd name="connsiteY5" fmla="*/ 677638 h 677638"/>
                <a:gd name="connsiteX6" fmla="*/ 556753 w 868851"/>
                <a:gd name="connsiteY6" fmla="*/ 526894 h 677638"/>
                <a:gd name="connsiteX7" fmla="*/ 536592 w 868851"/>
                <a:gd name="connsiteY7" fmla="*/ 274415 h 677638"/>
                <a:gd name="connsiteX8" fmla="*/ 428642 w 868851"/>
                <a:gd name="connsiteY8" fmla="*/ 344265 h 677638"/>
                <a:gd name="connsiteX9" fmla="*/ 234967 w 868851"/>
                <a:gd name="connsiteY9" fmla="*/ 481583 h 677638"/>
                <a:gd name="connsiteX10" fmla="*/ 812 w 868851"/>
                <a:gd name="connsiteY10" fmla="*/ 479201 h 677638"/>
                <a:gd name="connsiteX11" fmla="*/ 17 w 868851"/>
                <a:gd name="connsiteY11" fmla="*/ 369665 h 677638"/>
                <a:gd name="connsiteX12" fmla="*/ 304818 w 868851"/>
                <a:gd name="connsiteY12" fmla="*/ 315690 h 677638"/>
                <a:gd name="connsiteX13" fmla="*/ 153211 w 868851"/>
                <a:gd name="connsiteY13" fmla="*/ 278384 h 677638"/>
                <a:gd name="connsiteX14" fmla="*/ 175437 w 868851"/>
                <a:gd name="connsiteY14" fmla="*/ 164084 h 677638"/>
                <a:gd name="connsiteX15" fmla="*/ 366730 w 868851"/>
                <a:gd name="connsiteY15" fmla="*/ 202976 h 677638"/>
                <a:gd name="connsiteX0" fmla="*/ 366730 w 868851"/>
                <a:gd name="connsiteY0" fmla="*/ 202976 h 677638"/>
                <a:gd name="connsiteX1" fmla="*/ 495860 w 868851"/>
                <a:gd name="connsiteY1" fmla="*/ 61203 h 677638"/>
                <a:gd name="connsiteX2" fmla="*/ 580116 w 868851"/>
                <a:gd name="connsiteY2" fmla="*/ 68150 h 677638"/>
                <a:gd name="connsiteX3" fmla="*/ 619142 w 868851"/>
                <a:gd name="connsiteY3" fmla="*/ 1363 h 677638"/>
                <a:gd name="connsiteX4" fmla="*/ 858648 w 868851"/>
                <a:gd name="connsiteY4" fmla="*/ 310819 h 677638"/>
                <a:gd name="connsiteX5" fmla="*/ 765192 w 868851"/>
                <a:gd name="connsiteY5" fmla="*/ 677638 h 677638"/>
                <a:gd name="connsiteX6" fmla="*/ 556753 w 868851"/>
                <a:gd name="connsiteY6" fmla="*/ 526894 h 677638"/>
                <a:gd name="connsiteX7" fmla="*/ 536592 w 868851"/>
                <a:gd name="connsiteY7" fmla="*/ 274415 h 677638"/>
                <a:gd name="connsiteX8" fmla="*/ 428642 w 868851"/>
                <a:gd name="connsiteY8" fmla="*/ 344265 h 677638"/>
                <a:gd name="connsiteX9" fmla="*/ 234967 w 868851"/>
                <a:gd name="connsiteY9" fmla="*/ 481583 h 677638"/>
                <a:gd name="connsiteX10" fmla="*/ 812 w 868851"/>
                <a:gd name="connsiteY10" fmla="*/ 479201 h 677638"/>
                <a:gd name="connsiteX11" fmla="*/ 17 w 868851"/>
                <a:gd name="connsiteY11" fmla="*/ 369665 h 677638"/>
                <a:gd name="connsiteX12" fmla="*/ 304818 w 868851"/>
                <a:gd name="connsiteY12" fmla="*/ 315690 h 677638"/>
                <a:gd name="connsiteX13" fmla="*/ 153211 w 868851"/>
                <a:gd name="connsiteY13" fmla="*/ 278384 h 677638"/>
                <a:gd name="connsiteX14" fmla="*/ 175437 w 868851"/>
                <a:gd name="connsiteY14" fmla="*/ 164084 h 677638"/>
                <a:gd name="connsiteX15" fmla="*/ 366730 w 868851"/>
                <a:gd name="connsiteY15" fmla="*/ 202976 h 677638"/>
                <a:gd name="connsiteX0" fmla="*/ 366730 w 868851"/>
                <a:gd name="connsiteY0" fmla="*/ 202976 h 677638"/>
                <a:gd name="connsiteX1" fmla="*/ 495860 w 868851"/>
                <a:gd name="connsiteY1" fmla="*/ 61203 h 677638"/>
                <a:gd name="connsiteX2" fmla="*/ 580116 w 868851"/>
                <a:gd name="connsiteY2" fmla="*/ 68150 h 677638"/>
                <a:gd name="connsiteX3" fmla="*/ 619142 w 868851"/>
                <a:gd name="connsiteY3" fmla="*/ 1363 h 677638"/>
                <a:gd name="connsiteX4" fmla="*/ 858648 w 868851"/>
                <a:gd name="connsiteY4" fmla="*/ 310819 h 677638"/>
                <a:gd name="connsiteX5" fmla="*/ 765192 w 868851"/>
                <a:gd name="connsiteY5" fmla="*/ 677638 h 677638"/>
                <a:gd name="connsiteX6" fmla="*/ 551086 w 868851"/>
                <a:gd name="connsiteY6" fmla="*/ 520533 h 677638"/>
                <a:gd name="connsiteX7" fmla="*/ 536592 w 868851"/>
                <a:gd name="connsiteY7" fmla="*/ 274415 h 677638"/>
                <a:gd name="connsiteX8" fmla="*/ 428642 w 868851"/>
                <a:gd name="connsiteY8" fmla="*/ 344265 h 677638"/>
                <a:gd name="connsiteX9" fmla="*/ 234967 w 868851"/>
                <a:gd name="connsiteY9" fmla="*/ 481583 h 677638"/>
                <a:gd name="connsiteX10" fmla="*/ 812 w 868851"/>
                <a:gd name="connsiteY10" fmla="*/ 479201 h 677638"/>
                <a:gd name="connsiteX11" fmla="*/ 17 w 868851"/>
                <a:gd name="connsiteY11" fmla="*/ 369665 h 677638"/>
                <a:gd name="connsiteX12" fmla="*/ 304818 w 868851"/>
                <a:gd name="connsiteY12" fmla="*/ 315690 h 677638"/>
                <a:gd name="connsiteX13" fmla="*/ 153211 w 868851"/>
                <a:gd name="connsiteY13" fmla="*/ 278384 h 677638"/>
                <a:gd name="connsiteX14" fmla="*/ 175437 w 868851"/>
                <a:gd name="connsiteY14" fmla="*/ 164084 h 677638"/>
                <a:gd name="connsiteX15" fmla="*/ 366730 w 868851"/>
                <a:gd name="connsiteY15" fmla="*/ 202976 h 67763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868851" h="677638">
                  <a:moveTo>
                    <a:pt x="366730" y="202976"/>
                  </a:moveTo>
                  <a:cubicBezTo>
                    <a:pt x="388955" y="164613"/>
                    <a:pt x="416485" y="120998"/>
                    <a:pt x="495860" y="61203"/>
                  </a:cubicBezTo>
                  <a:cubicBezTo>
                    <a:pt x="510164" y="60945"/>
                    <a:pt x="538048" y="87994"/>
                    <a:pt x="580116" y="68150"/>
                  </a:cubicBezTo>
                  <a:cubicBezTo>
                    <a:pt x="611866" y="40103"/>
                    <a:pt x="608824" y="34172"/>
                    <a:pt x="619142" y="1363"/>
                  </a:cubicBezTo>
                  <a:cubicBezTo>
                    <a:pt x="716551" y="-19213"/>
                    <a:pt x="834306" y="198107"/>
                    <a:pt x="858648" y="310819"/>
                  </a:cubicBezTo>
                  <a:cubicBezTo>
                    <a:pt x="902040" y="467452"/>
                    <a:pt x="794825" y="641655"/>
                    <a:pt x="765192" y="677638"/>
                  </a:cubicBezTo>
                  <a:cubicBezTo>
                    <a:pt x="679467" y="619430"/>
                    <a:pt x="607897" y="556207"/>
                    <a:pt x="551086" y="520533"/>
                  </a:cubicBezTo>
                  <a:cubicBezTo>
                    <a:pt x="544480" y="503318"/>
                    <a:pt x="628280" y="447648"/>
                    <a:pt x="536592" y="274415"/>
                  </a:cubicBezTo>
                  <a:cubicBezTo>
                    <a:pt x="528655" y="272299"/>
                    <a:pt x="463567" y="313573"/>
                    <a:pt x="428642" y="344265"/>
                  </a:cubicBezTo>
                  <a:cubicBezTo>
                    <a:pt x="359586" y="418613"/>
                    <a:pt x="296880" y="467031"/>
                    <a:pt x="234967" y="481583"/>
                  </a:cubicBezTo>
                  <a:cubicBezTo>
                    <a:pt x="169086" y="493225"/>
                    <a:pt x="70662" y="480259"/>
                    <a:pt x="812" y="479201"/>
                  </a:cubicBezTo>
                  <a:cubicBezTo>
                    <a:pt x="3458" y="435809"/>
                    <a:pt x="546" y="451686"/>
                    <a:pt x="17" y="369665"/>
                  </a:cubicBezTo>
                  <a:cubicBezTo>
                    <a:pt x="-2364" y="354054"/>
                    <a:pt x="254018" y="418349"/>
                    <a:pt x="304818" y="315690"/>
                  </a:cubicBezTo>
                  <a:cubicBezTo>
                    <a:pt x="332335" y="283940"/>
                    <a:pt x="186548" y="287909"/>
                    <a:pt x="153211" y="278384"/>
                  </a:cubicBezTo>
                  <a:cubicBezTo>
                    <a:pt x="155460" y="257879"/>
                    <a:pt x="160885" y="201655"/>
                    <a:pt x="175437" y="164084"/>
                  </a:cubicBezTo>
                  <a:cubicBezTo>
                    <a:pt x="213801" y="174138"/>
                    <a:pt x="309051" y="201918"/>
                    <a:pt x="366730" y="202976"/>
                  </a:cubicBezTo>
                  <a:close/>
                </a:path>
              </a:pathLst>
            </a:custGeom>
            <a:solidFill>
              <a:srgbClr val="E5200B">
                <a:lumMod val="40000"/>
                <a:lumOff val="6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111" name="Group 15"/>
          <p:cNvGrpSpPr/>
          <p:nvPr/>
        </p:nvGrpSpPr>
        <p:grpSpPr>
          <a:xfrm flipH="1">
            <a:off x="0" y="1412776"/>
            <a:ext cx="2353714" cy="1368152"/>
            <a:chOff x="964825" y="202423"/>
            <a:chExt cx="2353714" cy="1368152"/>
          </a:xfrm>
        </p:grpSpPr>
        <p:sp>
          <p:nvSpPr>
            <p:cNvPr id="113" name="Rectangle 111"/>
            <p:cNvSpPr/>
            <p:nvPr/>
          </p:nvSpPr>
          <p:spPr>
            <a:xfrm>
              <a:off x="997257" y="202423"/>
              <a:ext cx="2232578" cy="132343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tr-TR" sz="1600" b="1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Futura Bk BT" panose="020B0502020204020303" pitchFamily="34" charset="0"/>
                  <a:ea typeface="+mn-ea"/>
                  <a:cs typeface="Arial" pitchFamily="34" charset="0"/>
                </a:rPr>
                <a:t>Proje yazma-sunma eğitimi desteği</a:t>
              </a:r>
            </a:p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lang="tr-TR" sz="1600" b="1" kern="0" dirty="0" smtClean="0">
                <a:solidFill>
                  <a:prstClr val="black"/>
                </a:solidFill>
                <a:latin typeface="Futura Bk BT" panose="020B0502020204020303" pitchFamily="34" charset="0"/>
                <a:ea typeface="+mn-ea"/>
                <a:cs typeface="Arial" pitchFamily="34" charset="0"/>
              </a:endParaRPr>
            </a:p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tr-TR" sz="1600" b="1" kern="0" dirty="0" smtClean="0">
                  <a:solidFill>
                    <a:prstClr val="black"/>
                  </a:solidFill>
                  <a:latin typeface="Futura Bk BT" panose="020B0502020204020303" pitchFamily="34" charset="0"/>
                  <a:ea typeface="+mn-ea"/>
                  <a:cs typeface="Arial" pitchFamily="34" charset="0"/>
                </a:rPr>
                <a:t>6.000 </a:t>
              </a:r>
              <a:r>
                <a:rPr lang="tr-TR" sz="1600" b="1" kern="0" dirty="0" err="1" smtClean="0">
                  <a:solidFill>
                    <a:prstClr val="black"/>
                  </a:solidFill>
                  <a:latin typeface="Futura Bk BT" panose="020B0502020204020303" pitchFamily="34" charset="0"/>
                  <a:ea typeface="+mn-ea"/>
                  <a:cs typeface="Arial" pitchFamily="34" charset="0"/>
                </a:rPr>
                <a:t>Avro’</a:t>
              </a:r>
              <a:r>
                <a:rPr lang="tr-TR" sz="1600" kern="0" dirty="0" err="1" smtClean="0">
                  <a:solidFill>
                    <a:prstClr val="black"/>
                  </a:solidFill>
                  <a:latin typeface="Futura Bk BT" panose="020B0502020204020303" pitchFamily="34" charset="0"/>
                  <a:ea typeface="+mn-ea"/>
                  <a:cs typeface="Arial" pitchFamily="34" charset="0"/>
                </a:rPr>
                <a:t>ya</a:t>
              </a:r>
              <a:r>
                <a:rPr lang="tr-TR" sz="1600" kern="0" dirty="0" smtClean="0">
                  <a:solidFill>
                    <a:prstClr val="black"/>
                  </a:solidFill>
                  <a:latin typeface="Futura Bk BT" panose="020B0502020204020303" pitchFamily="34" charset="0"/>
                  <a:ea typeface="+mn-ea"/>
                  <a:cs typeface="Arial" pitchFamily="34" charset="0"/>
                </a:rPr>
                <a:t> kadar destek</a:t>
              </a:r>
              <a:endParaRPr kumimoji="0" lang="en-US" sz="160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</a:endParaRPr>
            </a:p>
          </p:txBody>
        </p:sp>
        <p:cxnSp>
          <p:nvCxnSpPr>
            <p:cNvPr id="114" name="Straight Connector 112"/>
            <p:cNvCxnSpPr/>
            <p:nvPr/>
          </p:nvCxnSpPr>
          <p:spPr>
            <a:xfrm>
              <a:off x="964825" y="1570575"/>
              <a:ext cx="2353714" cy="0"/>
            </a:xfrm>
            <a:prstGeom prst="line">
              <a:avLst/>
            </a:prstGeom>
            <a:noFill/>
            <a:ln w="6350" cap="flat" cmpd="sng" algn="ctr">
              <a:solidFill>
                <a:sysClr val="windowText" lastClr="000000"/>
              </a:solidFill>
              <a:prstDash val="sysDash"/>
              <a:miter lim="800000"/>
            </a:ln>
            <a:effectLst/>
          </p:spPr>
        </p:cxnSp>
      </p:grpSp>
      <p:grpSp>
        <p:nvGrpSpPr>
          <p:cNvPr id="121" name="Group 15"/>
          <p:cNvGrpSpPr/>
          <p:nvPr/>
        </p:nvGrpSpPr>
        <p:grpSpPr>
          <a:xfrm flipH="1">
            <a:off x="6660232" y="1412776"/>
            <a:ext cx="2471068" cy="1077218"/>
            <a:chOff x="964825" y="505509"/>
            <a:chExt cx="2471068" cy="1077218"/>
          </a:xfrm>
        </p:grpSpPr>
        <p:sp>
          <p:nvSpPr>
            <p:cNvPr id="123" name="Rectangle 121"/>
            <p:cNvSpPr/>
            <p:nvPr/>
          </p:nvSpPr>
          <p:spPr>
            <a:xfrm>
              <a:off x="1203315" y="505509"/>
              <a:ext cx="2232578" cy="1077218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</a:pPr>
              <a:r>
                <a:rPr lang="tr-TR" sz="1600" b="1" kern="0" dirty="0">
                  <a:solidFill>
                    <a:prstClr val="black"/>
                  </a:solidFill>
                  <a:latin typeface="Futura Bk BT" panose="020B0502020204020303" pitchFamily="34" charset="0"/>
                  <a:ea typeface="+mn-ea"/>
                  <a:cs typeface="Arial" pitchFamily="34" charset="0"/>
                </a:rPr>
                <a:t>Proje yazdırma </a:t>
              </a:r>
              <a:r>
                <a:rPr lang="tr-TR" sz="1600" b="1" kern="0" dirty="0" smtClean="0">
                  <a:solidFill>
                    <a:prstClr val="black"/>
                  </a:solidFill>
                  <a:latin typeface="Futura Bk BT" panose="020B0502020204020303" pitchFamily="34" charset="0"/>
                  <a:ea typeface="+mn-ea"/>
                  <a:cs typeface="Arial" pitchFamily="34" charset="0"/>
                </a:rPr>
                <a:t>desteği</a:t>
              </a:r>
            </a:p>
            <a:p>
              <a:pPr algn="ctr" fontAlgn="auto">
                <a:spcBef>
                  <a:spcPts val="0"/>
                </a:spcBef>
                <a:spcAft>
                  <a:spcPts val="0"/>
                </a:spcAft>
              </a:pPr>
              <a:endParaRPr lang="tr-TR" sz="1600" b="1" kern="0" dirty="0" smtClean="0">
                <a:solidFill>
                  <a:prstClr val="black"/>
                </a:solidFill>
                <a:latin typeface="Futura Bk BT" panose="020B0502020204020303" pitchFamily="34" charset="0"/>
                <a:ea typeface="+mn-ea"/>
                <a:cs typeface="Arial" pitchFamily="34" charset="0"/>
              </a:endParaRPr>
            </a:p>
            <a:p>
              <a:pPr algn="ctr" fontAlgn="auto">
                <a:spcBef>
                  <a:spcPts val="0"/>
                </a:spcBef>
                <a:spcAft>
                  <a:spcPts val="0"/>
                </a:spcAft>
              </a:pPr>
              <a:r>
                <a:rPr lang="tr-TR" sz="1600" b="1" kern="0" dirty="0" smtClean="0">
                  <a:solidFill>
                    <a:prstClr val="black"/>
                  </a:solidFill>
                  <a:latin typeface="Futura Bk BT" panose="020B0502020204020303" pitchFamily="34" charset="0"/>
                  <a:ea typeface="+mn-ea"/>
                  <a:cs typeface="Arial" pitchFamily="34" charset="0"/>
                </a:rPr>
                <a:t>15.000 </a:t>
              </a:r>
              <a:r>
                <a:rPr lang="tr-TR" sz="1600" b="1" kern="0" dirty="0" err="1" smtClean="0">
                  <a:solidFill>
                    <a:prstClr val="black"/>
                  </a:solidFill>
                  <a:latin typeface="Futura Bk BT" panose="020B0502020204020303" pitchFamily="34" charset="0"/>
                  <a:ea typeface="+mn-ea"/>
                  <a:cs typeface="Arial" pitchFamily="34" charset="0"/>
                </a:rPr>
                <a:t>Avro’</a:t>
              </a:r>
              <a:r>
                <a:rPr lang="tr-TR" sz="1600" kern="0" dirty="0" err="1" smtClean="0">
                  <a:solidFill>
                    <a:prstClr val="black"/>
                  </a:solidFill>
                  <a:latin typeface="Futura Bk BT" panose="020B0502020204020303" pitchFamily="34" charset="0"/>
                  <a:ea typeface="+mn-ea"/>
                  <a:cs typeface="Arial" pitchFamily="34" charset="0"/>
                </a:rPr>
                <a:t>ya</a:t>
              </a:r>
              <a:r>
                <a:rPr lang="tr-TR" sz="1600" kern="0" dirty="0" smtClean="0">
                  <a:solidFill>
                    <a:prstClr val="black"/>
                  </a:solidFill>
                  <a:latin typeface="Futura Bk BT" panose="020B0502020204020303" pitchFamily="34" charset="0"/>
                  <a:ea typeface="+mn-ea"/>
                  <a:cs typeface="Arial" pitchFamily="34" charset="0"/>
                </a:rPr>
                <a:t> kadar destek</a:t>
              </a:r>
              <a:endParaRPr lang="en-US" sz="1600" kern="0" dirty="0">
                <a:solidFill>
                  <a:prstClr val="black"/>
                </a:solidFill>
                <a:latin typeface="Futura Bk BT" panose="020B0502020204020303" pitchFamily="34" charset="0"/>
                <a:ea typeface="+mn-ea"/>
                <a:cs typeface="Arial" pitchFamily="34" charset="0"/>
              </a:endParaRPr>
            </a:p>
          </p:txBody>
        </p:sp>
        <p:cxnSp>
          <p:nvCxnSpPr>
            <p:cNvPr id="124" name="Straight Connector 122"/>
            <p:cNvCxnSpPr/>
            <p:nvPr/>
          </p:nvCxnSpPr>
          <p:spPr>
            <a:xfrm>
              <a:off x="964825" y="1570575"/>
              <a:ext cx="2353714" cy="0"/>
            </a:xfrm>
            <a:prstGeom prst="line">
              <a:avLst/>
            </a:prstGeom>
            <a:noFill/>
            <a:ln w="6350" cap="flat" cmpd="sng" algn="ctr">
              <a:solidFill>
                <a:sysClr val="windowText" lastClr="000000"/>
              </a:solidFill>
              <a:prstDash val="sysDash"/>
              <a:miter lim="800000"/>
            </a:ln>
            <a:effectLst/>
          </p:spPr>
        </p:cxnSp>
      </p:grpSp>
      <p:grpSp>
        <p:nvGrpSpPr>
          <p:cNvPr id="125" name="Group 5"/>
          <p:cNvGrpSpPr/>
          <p:nvPr/>
        </p:nvGrpSpPr>
        <p:grpSpPr>
          <a:xfrm flipH="1">
            <a:off x="6210583" y="2495310"/>
            <a:ext cx="1102338" cy="1829646"/>
            <a:chOff x="7699865" y="3737997"/>
            <a:chExt cx="1102338" cy="1829646"/>
          </a:xfrm>
        </p:grpSpPr>
        <p:sp>
          <p:nvSpPr>
            <p:cNvPr id="126" name="Rectangle 27"/>
            <p:cNvSpPr/>
            <p:nvPr/>
          </p:nvSpPr>
          <p:spPr>
            <a:xfrm rot="14409453" flipH="1" flipV="1">
              <a:off x="8483633" y="4207909"/>
              <a:ext cx="222289" cy="231412"/>
            </a:xfrm>
            <a:custGeom>
              <a:avLst/>
              <a:gdLst>
                <a:gd name="connsiteX0" fmla="*/ 0 w 578644"/>
                <a:gd name="connsiteY0" fmla="*/ 0 h 588169"/>
                <a:gd name="connsiteX1" fmla="*/ 578644 w 578644"/>
                <a:gd name="connsiteY1" fmla="*/ 0 h 588169"/>
                <a:gd name="connsiteX2" fmla="*/ 578644 w 578644"/>
                <a:gd name="connsiteY2" fmla="*/ 588169 h 588169"/>
                <a:gd name="connsiteX3" fmla="*/ 0 w 578644"/>
                <a:gd name="connsiteY3" fmla="*/ 588169 h 588169"/>
                <a:gd name="connsiteX4" fmla="*/ 0 w 578644"/>
                <a:gd name="connsiteY4" fmla="*/ 0 h 588169"/>
                <a:gd name="connsiteX0" fmla="*/ 0 w 578644"/>
                <a:gd name="connsiteY0" fmla="*/ 0 h 588169"/>
                <a:gd name="connsiteX1" fmla="*/ 578644 w 578644"/>
                <a:gd name="connsiteY1" fmla="*/ 0 h 588169"/>
                <a:gd name="connsiteX2" fmla="*/ 578644 w 578644"/>
                <a:gd name="connsiteY2" fmla="*/ 588169 h 588169"/>
                <a:gd name="connsiteX3" fmla="*/ 16669 w 578644"/>
                <a:gd name="connsiteY3" fmla="*/ 519112 h 588169"/>
                <a:gd name="connsiteX4" fmla="*/ 0 w 578644"/>
                <a:gd name="connsiteY4" fmla="*/ 0 h 588169"/>
                <a:gd name="connsiteX0" fmla="*/ 0 w 578644"/>
                <a:gd name="connsiteY0" fmla="*/ 0 h 588169"/>
                <a:gd name="connsiteX1" fmla="*/ 578644 w 578644"/>
                <a:gd name="connsiteY1" fmla="*/ 0 h 588169"/>
                <a:gd name="connsiteX2" fmla="*/ 578644 w 578644"/>
                <a:gd name="connsiteY2" fmla="*/ 588169 h 588169"/>
                <a:gd name="connsiteX3" fmla="*/ 90488 w 578644"/>
                <a:gd name="connsiteY3" fmla="*/ 521494 h 588169"/>
                <a:gd name="connsiteX4" fmla="*/ 16669 w 578644"/>
                <a:gd name="connsiteY4" fmla="*/ 519112 h 588169"/>
                <a:gd name="connsiteX5" fmla="*/ 0 w 578644"/>
                <a:gd name="connsiteY5" fmla="*/ 0 h 588169"/>
                <a:gd name="connsiteX0" fmla="*/ 0 w 578644"/>
                <a:gd name="connsiteY0" fmla="*/ 0 h 588169"/>
                <a:gd name="connsiteX1" fmla="*/ 578644 w 578644"/>
                <a:gd name="connsiteY1" fmla="*/ 0 h 588169"/>
                <a:gd name="connsiteX2" fmla="*/ 578644 w 578644"/>
                <a:gd name="connsiteY2" fmla="*/ 588169 h 588169"/>
                <a:gd name="connsiteX3" fmla="*/ 307182 w 578644"/>
                <a:gd name="connsiteY3" fmla="*/ 547688 h 588169"/>
                <a:gd name="connsiteX4" fmla="*/ 90488 w 578644"/>
                <a:gd name="connsiteY4" fmla="*/ 521494 h 588169"/>
                <a:gd name="connsiteX5" fmla="*/ 16669 w 578644"/>
                <a:gd name="connsiteY5" fmla="*/ 519112 h 588169"/>
                <a:gd name="connsiteX6" fmla="*/ 0 w 578644"/>
                <a:gd name="connsiteY6" fmla="*/ 0 h 588169"/>
                <a:gd name="connsiteX0" fmla="*/ 0 w 578644"/>
                <a:gd name="connsiteY0" fmla="*/ 0 h 588169"/>
                <a:gd name="connsiteX1" fmla="*/ 578644 w 578644"/>
                <a:gd name="connsiteY1" fmla="*/ 0 h 588169"/>
                <a:gd name="connsiteX2" fmla="*/ 578644 w 578644"/>
                <a:gd name="connsiteY2" fmla="*/ 588169 h 588169"/>
                <a:gd name="connsiteX3" fmla="*/ 173832 w 578644"/>
                <a:gd name="connsiteY3" fmla="*/ 583407 h 588169"/>
                <a:gd name="connsiteX4" fmla="*/ 90488 w 578644"/>
                <a:gd name="connsiteY4" fmla="*/ 521494 h 588169"/>
                <a:gd name="connsiteX5" fmla="*/ 16669 w 578644"/>
                <a:gd name="connsiteY5" fmla="*/ 519112 h 588169"/>
                <a:gd name="connsiteX6" fmla="*/ 0 w 578644"/>
                <a:gd name="connsiteY6" fmla="*/ 0 h 588169"/>
                <a:gd name="connsiteX0" fmla="*/ 0 w 578644"/>
                <a:gd name="connsiteY0" fmla="*/ 0 h 588169"/>
                <a:gd name="connsiteX1" fmla="*/ 578644 w 578644"/>
                <a:gd name="connsiteY1" fmla="*/ 0 h 588169"/>
                <a:gd name="connsiteX2" fmla="*/ 578644 w 578644"/>
                <a:gd name="connsiteY2" fmla="*/ 588169 h 588169"/>
                <a:gd name="connsiteX3" fmla="*/ 173832 w 578644"/>
                <a:gd name="connsiteY3" fmla="*/ 583407 h 588169"/>
                <a:gd name="connsiteX4" fmla="*/ 90488 w 578644"/>
                <a:gd name="connsiteY4" fmla="*/ 521494 h 588169"/>
                <a:gd name="connsiteX5" fmla="*/ 16669 w 578644"/>
                <a:gd name="connsiteY5" fmla="*/ 519112 h 588169"/>
                <a:gd name="connsiteX6" fmla="*/ 0 w 578644"/>
                <a:gd name="connsiteY6" fmla="*/ 0 h 588169"/>
                <a:gd name="connsiteX0" fmla="*/ 0 w 578644"/>
                <a:gd name="connsiteY0" fmla="*/ 0 h 588169"/>
                <a:gd name="connsiteX1" fmla="*/ 578644 w 578644"/>
                <a:gd name="connsiteY1" fmla="*/ 0 h 588169"/>
                <a:gd name="connsiteX2" fmla="*/ 578644 w 578644"/>
                <a:gd name="connsiteY2" fmla="*/ 588169 h 588169"/>
                <a:gd name="connsiteX3" fmla="*/ 342900 w 578644"/>
                <a:gd name="connsiteY3" fmla="*/ 588169 h 588169"/>
                <a:gd name="connsiteX4" fmla="*/ 173832 w 578644"/>
                <a:gd name="connsiteY4" fmla="*/ 583407 h 588169"/>
                <a:gd name="connsiteX5" fmla="*/ 90488 w 578644"/>
                <a:gd name="connsiteY5" fmla="*/ 521494 h 588169"/>
                <a:gd name="connsiteX6" fmla="*/ 16669 w 578644"/>
                <a:gd name="connsiteY6" fmla="*/ 519112 h 588169"/>
                <a:gd name="connsiteX7" fmla="*/ 0 w 578644"/>
                <a:gd name="connsiteY7" fmla="*/ 0 h 588169"/>
                <a:gd name="connsiteX0" fmla="*/ 0 w 578644"/>
                <a:gd name="connsiteY0" fmla="*/ 0 h 588169"/>
                <a:gd name="connsiteX1" fmla="*/ 578644 w 578644"/>
                <a:gd name="connsiteY1" fmla="*/ 0 h 588169"/>
                <a:gd name="connsiteX2" fmla="*/ 578644 w 578644"/>
                <a:gd name="connsiteY2" fmla="*/ 588169 h 588169"/>
                <a:gd name="connsiteX3" fmla="*/ 292894 w 578644"/>
                <a:gd name="connsiteY3" fmla="*/ 416719 h 588169"/>
                <a:gd name="connsiteX4" fmla="*/ 173832 w 578644"/>
                <a:gd name="connsiteY4" fmla="*/ 583407 h 588169"/>
                <a:gd name="connsiteX5" fmla="*/ 90488 w 578644"/>
                <a:gd name="connsiteY5" fmla="*/ 521494 h 588169"/>
                <a:gd name="connsiteX6" fmla="*/ 16669 w 578644"/>
                <a:gd name="connsiteY6" fmla="*/ 519112 h 588169"/>
                <a:gd name="connsiteX7" fmla="*/ 0 w 578644"/>
                <a:gd name="connsiteY7" fmla="*/ 0 h 588169"/>
                <a:gd name="connsiteX0" fmla="*/ 0 w 578644"/>
                <a:gd name="connsiteY0" fmla="*/ 0 h 592932"/>
                <a:gd name="connsiteX1" fmla="*/ 578644 w 578644"/>
                <a:gd name="connsiteY1" fmla="*/ 0 h 592932"/>
                <a:gd name="connsiteX2" fmla="*/ 578644 w 578644"/>
                <a:gd name="connsiteY2" fmla="*/ 588169 h 592932"/>
                <a:gd name="connsiteX3" fmla="*/ 292894 w 578644"/>
                <a:gd name="connsiteY3" fmla="*/ 416719 h 592932"/>
                <a:gd name="connsiteX4" fmla="*/ 192882 w 578644"/>
                <a:gd name="connsiteY4" fmla="*/ 592932 h 592932"/>
                <a:gd name="connsiteX5" fmla="*/ 90488 w 578644"/>
                <a:gd name="connsiteY5" fmla="*/ 521494 h 592932"/>
                <a:gd name="connsiteX6" fmla="*/ 16669 w 578644"/>
                <a:gd name="connsiteY6" fmla="*/ 519112 h 592932"/>
                <a:gd name="connsiteX7" fmla="*/ 0 w 578644"/>
                <a:gd name="connsiteY7" fmla="*/ 0 h 592932"/>
                <a:gd name="connsiteX0" fmla="*/ 0 w 578644"/>
                <a:gd name="connsiteY0" fmla="*/ 0 h 592932"/>
                <a:gd name="connsiteX1" fmla="*/ 578644 w 578644"/>
                <a:gd name="connsiteY1" fmla="*/ 0 h 592932"/>
                <a:gd name="connsiteX2" fmla="*/ 576263 w 578644"/>
                <a:gd name="connsiteY2" fmla="*/ 219074 h 592932"/>
                <a:gd name="connsiteX3" fmla="*/ 578644 w 578644"/>
                <a:gd name="connsiteY3" fmla="*/ 588169 h 592932"/>
                <a:gd name="connsiteX4" fmla="*/ 292894 w 578644"/>
                <a:gd name="connsiteY4" fmla="*/ 416719 h 592932"/>
                <a:gd name="connsiteX5" fmla="*/ 192882 w 578644"/>
                <a:gd name="connsiteY5" fmla="*/ 592932 h 592932"/>
                <a:gd name="connsiteX6" fmla="*/ 90488 w 578644"/>
                <a:gd name="connsiteY6" fmla="*/ 521494 h 592932"/>
                <a:gd name="connsiteX7" fmla="*/ 16669 w 578644"/>
                <a:gd name="connsiteY7" fmla="*/ 519112 h 592932"/>
                <a:gd name="connsiteX8" fmla="*/ 0 w 578644"/>
                <a:gd name="connsiteY8" fmla="*/ 0 h 592932"/>
                <a:gd name="connsiteX0" fmla="*/ 0 w 578644"/>
                <a:gd name="connsiteY0" fmla="*/ 0 h 592932"/>
                <a:gd name="connsiteX1" fmla="*/ 578644 w 578644"/>
                <a:gd name="connsiteY1" fmla="*/ 0 h 592932"/>
                <a:gd name="connsiteX2" fmla="*/ 576263 w 578644"/>
                <a:gd name="connsiteY2" fmla="*/ 219074 h 592932"/>
                <a:gd name="connsiteX3" fmla="*/ 292894 w 578644"/>
                <a:gd name="connsiteY3" fmla="*/ 416719 h 592932"/>
                <a:gd name="connsiteX4" fmla="*/ 192882 w 578644"/>
                <a:gd name="connsiteY4" fmla="*/ 592932 h 592932"/>
                <a:gd name="connsiteX5" fmla="*/ 90488 w 578644"/>
                <a:gd name="connsiteY5" fmla="*/ 521494 h 592932"/>
                <a:gd name="connsiteX6" fmla="*/ 16669 w 578644"/>
                <a:gd name="connsiteY6" fmla="*/ 519112 h 592932"/>
                <a:gd name="connsiteX7" fmla="*/ 0 w 578644"/>
                <a:gd name="connsiteY7" fmla="*/ 0 h 592932"/>
                <a:gd name="connsiteX0" fmla="*/ 0 w 578644"/>
                <a:gd name="connsiteY0" fmla="*/ 0 h 592932"/>
                <a:gd name="connsiteX1" fmla="*/ 578644 w 578644"/>
                <a:gd name="connsiteY1" fmla="*/ 0 h 592932"/>
                <a:gd name="connsiteX2" fmla="*/ 576263 w 578644"/>
                <a:gd name="connsiteY2" fmla="*/ 219074 h 592932"/>
                <a:gd name="connsiteX3" fmla="*/ 292894 w 578644"/>
                <a:gd name="connsiteY3" fmla="*/ 416719 h 592932"/>
                <a:gd name="connsiteX4" fmla="*/ 192882 w 578644"/>
                <a:gd name="connsiteY4" fmla="*/ 592932 h 592932"/>
                <a:gd name="connsiteX5" fmla="*/ 90488 w 578644"/>
                <a:gd name="connsiteY5" fmla="*/ 521494 h 592932"/>
                <a:gd name="connsiteX6" fmla="*/ 16669 w 578644"/>
                <a:gd name="connsiteY6" fmla="*/ 519112 h 592932"/>
                <a:gd name="connsiteX7" fmla="*/ 0 w 578644"/>
                <a:gd name="connsiteY7" fmla="*/ 0 h 592932"/>
                <a:gd name="connsiteX0" fmla="*/ 0 w 578644"/>
                <a:gd name="connsiteY0" fmla="*/ 0 h 592932"/>
                <a:gd name="connsiteX1" fmla="*/ 578644 w 578644"/>
                <a:gd name="connsiteY1" fmla="*/ 0 h 592932"/>
                <a:gd name="connsiteX2" fmla="*/ 576263 w 578644"/>
                <a:gd name="connsiteY2" fmla="*/ 219074 h 592932"/>
                <a:gd name="connsiteX3" fmla="*/ 292894 w 578644"/>
                <a:gd name="connsiteY3" fmla="*/ 416719 h 592932"/>
                <a:gd name="connsiteX4" fmla="*/ 192882 w 578644"/>
                <a:gd name="connsiteY4" fmla="*/ 592932 h 592932"/>
                <a:gd name="connsiteX5" fmla="*/ 90488 w 578644"/>
                <a:gd name="connsiteY5" fmla="*/ 521494 h 592932"/>
                <a:gd name="connsiteX6" fmla="*/ 16669 w 578644"/>
                <a:gd name="connsiteY6" fmla="*/ 519112 h 592932"/>
                <a:gd name="connsiteX7" fmla="*/ 4763 w 578644"/>
                <a:gd name="connsiteY7" fmla="*/ 290512 h 592932"/>
                <a:gd name="connsiteX8" fmla="*/ 0 w 578644"/>
                <a:gd name="connsiteY8" fmla="*/ 0 h 592932"/>
                <a:gd name="connsiteX0" fmla="*/ 0 w 578644"/>
                <a:gd name="connsiteY0" fmla="*/ 0 h 592932"/>
                <a:gd name="connsiteX1" fmla="*/ 578644 w 578644"/>
                <a:gd name="connsiteY1" fmla="*/ 0 h 592932"/>
                <a:gd name="connsiteX2" fmla="*/ 576263 w 578644"/>
                <a:gd name="connsiteY2" fmla="*/ 219074 h 592932"/>
                <a:gd name="connsiteX3" fmla="*/ 292894 w 578644"/>
                <a:gd name="connsiteY3" fmla="*/ 416719 h 592932"/>
                <a:gd name="connsiteX4" fmla="*/ 192882 w 578644"/>
                <a:gd name="connsiteY4" fmla="*/ 592932 h 592932"/>
                <a:gd name="connsiteX5" fmla="*/ 90488 w 578644"/>
                <a:gd name="connsiteY5" fmla="*/ 521494 h 592932"/>
                <a:gd name="connsiteX6" fmla="*/ 16669 w 578644"/>
                <a:gd name="connsiteY6" fmla="*/ 519112 h 592932"/>
                <a:gd name="connsiteX7" fmla="*/ 128588 w 578644"/>
                <a:gd name="connsiteY7" fmla="*/ 326230 h 592932"/>
                <a:gd name="connsiteX8" fmla="*/ 0 w 578644"/>
                <a:gd name="connsiteY8" fmla="*/ 0 h 592932"/>
                <a:gd name="connsiteX0" fmla="*/ 29143 w 607787"/>
                <a:gd name="connsiteY0" fmla="*/ 0 h 592932"/>
                <a:gd name="connsiteX1" fmla="*/ 607787 w 607787"/>
                <a:gd name="connsiteY1" fmla="*/ 0 h 592932"/>
                <a:gd name="connsiteX2" fmla="*/ 605406 w 607787"/>
                <a:gd name="connsiteY2" fmla="*/ 219074 h 592932"/>
                <a:gd name="connsiteX3" fmla="*/ 322037 w 607787"/>
                <a:gd name="connsiteY3" fmla="*/ 416719 h 592932"/>
                <a:gd name="connsiteX4" fmla="*/ 222025 w 607787"/>
                <a:gd name="connsiteY4" fmla="*/ 592932 h 592932"/>
                <a:gd name="connsiteX5" fmla="*/ 119631 w 607787"/>
                <a:gd name="connsiteY5" fmla="*/ 521494 h 592932"/>
                <a:gd name="connsiteX6" fmla="*/ 45812 w 607787"/>
                <a:gd name="connsiteY6" fmla="*/ 519112 h 592932"/>
                <a:gd name="connsiteX7" fmla="*/ 157731 w 607787"/>
                <a:gd name="connsiteY7" fmla="*/ 326230 h 592932"/>
                <a:gd name="connsiteX8" fmla="*/ 93437 w 607787"/>
                <a:gd name="connsiteY8" fmla="*/ 164306 h 592932"/>
                <a:gd name="connsiteX9" fmla="*/ 29143 w 607787"/>
                <a:gd name="connsiteY9" fmla="*/ 0 h 592932"/>
                <a:gd name="connsiteX0" fmla="*/ 20678 w 599322"/>
                <a:gd name="connsiteY0" fmla="*/ 0 h 592932"/>
                <a:gd name="connsiteX1" fmla="*/ 599322 w 599322"/>
                <a:gd name="connsiteY1" fmla="*/ 0 h 592932"/>
                <a:gd name="connsiteX2" fmla="*/ 596941 w 599322"/>
                <a:gd name="connsiteY2" fmla="*/ 219074 h 592932"/>
                <a:gd name="connsiteX3" fmla="*/ 313572 w 599322"/>
                <a:gd name="connsiteY3" fmla="*/ 416719 h 592932"/>
                <a:gd name="connsiteX4" fmla="*/ 213560 w 599322"/>
                <a:gd name="connsiteY4" fmla="*/ 592932 h 592932"/>
                <a:gd name="connsiteX5" fmla="*/ 111166 w 599322"/>
                <a:gd name="connsiteY5" fmla="*/ 521494 h 592932"/>
                <a:gd name="connsiteX6" fmla="*/ 37347 w 599322"/>
                <a:gd name="connsiteY6" fmla="*/ 519112 h 592932"/>
                <a:gd name="connsiteX7" fmla="*/ 149266 w 599322"/>
                <a:gd name="connsiteY7" fmla="*/ 326230 h 592932"/>
                <a:gd name="connsiteX8" fmla="*/ 163553 w 599322"/>
                <a:gd name="connsiteY8" fmla="*/ 135731 h 592932"/>
                <a:gd name="connsiteX9" fmla="*/ 20678 w 599322"/>
                <a:gd name="connsiteY9" fmla="*/ 0 h 592932"/>
                <a:gd name="connsiteX0" fmla="*/ 17971 w 596615"/>
                <a:gd name="connsiteY0" fmla="*/ 0 h 592932"/>
                <a:gd name="connsiteX1" fmla="*/ 596615 w 596615"/>
                <a:gd name="connsiteY1" fmla="*/ 0 h 592932"/>
                <a:gd name="connsiteX2" fmla="*/ 594234 w 596615"/>
                <a:gd name="connsiteY2" fmla="*/ 219074 h 592932"/>
                <a:gd name="connsiteX3" fmla="*/ 310865 w 596615"/>
                <a:gd name="connsiteY3" fmla="*/ 416719 h 592932"/>
                <a:gd name="connsiteX4" fmla="*/ 210853 w 596615"/>
                <a:gd name="connsiteY4" fmla="*/ 592932 h 592932"/>
                <a:gd name="connsiteX5" fmla="*/ 108459 w 596615"/>
                <a:gd name="connsiteY5" fmla="*/ 521494 h 592932"/>
                <a:gd name="connsiteX6" fmla="*/ 34640 w 596615"/>
                <a:gd name="connsiteY6" fmla="*/ 519112 h 592932"/>
                <a:gd name="connsiteX7" fmla="*/ 146559 w 596615"/>
                <a:gd name="connsiteY7" fmla="*/ 326230 h 592932"/>
                <a:gd name="connsiteX8" fmla="*/ 201328 w 596615"/>
                <a:gd name="connsiteY8" fmla="*/ 128587 h 592932"/>
                <a:gd name="connsiteX9" fmla="*/ 17971 w 596615"/>
                <a:gd name="connsiteY9" fmla="*/ 0 h 592932"/>
                <a:gd name="connsiteX0" fmla="*/ 17971 w 596615"/>
                <a:gd name="connsiteY0" fmla="*/ 0 h 592932"/>
                <a:gd name="connsiteX1" fmla="*/ 596615 w 596615"/>
                <a:gd name="connsiteY1" fmla="*/ 0 h 592932"/>
                <a:gd name="connsiteX2" fmla="*/ 594234 w 596615"/>
                <a:gd name="connsiteY2" fmla="*/ 219074 h 592932"/>
                <a:gd name="connsiteX3" fmla="*/ 310865 w 596615"/>
                <a:gd name="connsiteY3" fmla="*/ 416719 h 592932"/>
                <a:gd name="connsiteX4" fmla="*/ 210853 w 596615"/>
                <a:gd name="connsiteY4" fmla="*/ 592932 h 592932"/>
                <a:gd name="connsiteX5" fmla="*/ 108459 w 596615"/>
                <a:gd name="connsiteY5" fmla="*/ 521494 h 592932"/>
                <a:gd name="connsiteX6" fmla="*/ 34640 w 596615"/>
                <a:gd name="connsiteY6" fmla="*/ 519112 h 592932"/>
                <a:gd name="connsiteX7" fmla="*/ 146559 w 596615"/>
                <a:gd name="connsiteY7" fmla="*/ 326230 h 592932"/>
                <a:gd name="connsiteX8" fmla="*/ 201328 w 596615"/>
                <a:gd name="connsiteY8" fmla="*/ 128587 h 592932"/>
                <a:gd name="connsiteX9" fmla="*/ 17971 w 596615"/>
                <a:gd name="connsiteY9" fmla="*/ 0 h 592932"/>
                <a:gd name="connsiteX0" fmla="*/ 17971 w 596615"/>
                <a:gd name="connsiteY0" fmla="*/ 2382 h 595314"/>
                <a:gd name="connsiteX1" fmla="*/ 229903 w 596615"/>
                <a:gd name="connsiteY1" fmla="*/ 0 h 595314"/>
                <a:gd name="connsiteX2" fmla="*/ 596615 w 596615"/>
                <a:gd name="connsiteY2" fmla="*/ 2382 h 595314"/>
                <a:gd name="connsiteX3" fmla="*/ 594234 w 596615"/>
                <a:gd name="connsiteY3" fmla="*/ 221456 h 595314"/>
                <a:gd name="connsiteX4" fmla="*/ 310865 w 596615"/>
                <a:gd name="connsiteY4" fmla="*/ 419101 h 595314"/>
                <a:gd name="connsiteX5" fmla="*/ 210853 w 596615"/>
                <a:gd name="connsiteY5" fmla="*/ 595314 h 595314"/>
                <a:gd name="connsiteX6" fmla="*/ 108459 w 596615"/>
                <a:gd name="connsiteY6" fmla="*/ 523876 h 595314"/>
                <a:gd name="connsiteX7" fmla="*/ 34640 w 596615"/>
                <a:gd name="connsiteY7" fmla="*/ 521494 h 595314"/>
                <a:gd name="connsiteX8" fmla="*/ 146559 w 596615"/>
                <a:gd name="connsiteY8" fmla="*/ 328612 h 595314"/>
                <a:gd name="connsiteX9" fmla="*/ 201328 w 596615"/>
                <a:gd name="connsiteY9" fmla="*/ 130969 h 595314"/>
                <a:gd name="connsiteX10" fmla="*/ 17971 w 596615"/>
                <a:gd name="connsiteY10" fmla="*/ 2382 h 595314"/>
                <a:gd name="connsiteX0" fmla="*/ 166688 w 561975"/>
                <a:gd name="connsiteY0" fmla="*/ 130969 h 595314"/>
                <a:gd name="connsiteX1" fmla="*/ 195263 w 561975"/>
                <a:gd name="connsiteY1" fmla="*/ 0 h 595314"/>
                <a:gd name="connsiteX2" fmla="*/ 561975 w 561975"/>
                <a:gd name="connsiteY2" fmla="*/ 2382 h 595314"/>
                <a:gd name="connsiteX3" fmla="*/ 559594 w 561975"/>
                <a:gd name="connsiteY3" fmla="*/ 221456 h 595314"/>
                <a:gd name="connsiteX4" fmla="*/ 276225 w 561975"/>
                <a:gd name="connsiteY4" fmla="*/ 419101 h 595314"/>
                <a:gd name="connsiteX5" fmla="*/ 176213 w 561975"/>
                <a:gd name="connsiteY5" fmla="*/ 595314 h 595314"/>
                <a:gd name="connsiteX6" fmla="*/ 73819 w 561975"/>
                <a:gd name="connsiteY6" fmla="*/ 523876 h 595314"/>
                <a:gd name="connsiteX7" fmla="*/ 0 w 561975"/>
                <a:gd name="connsiteY7" fmla="*/ 521494 h 595314"/>
                <a:gd name="connsiteX8" fmla="*/ 111919 w 561975"/>
                <a:gd name="connsiteY8" fmla="*/ 328612 h 595314"/>
                <a:gd name="connsiteX9" fmla="*/ 166688 w 561975"/>
                <a:gd name="connsiteY9" fmla="*/ 130969 h 595314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561975 w 561975"/>
                <a:gd name="connsiteY2" fmla="*/ 0 h 592932"/>
                <a:gd name="connsiteX3" fmla="*/ 559594 w 561975"/>
                <a:gd name="connsiteY3" fmla="*/ 219074 h 592932"/>
                <a:gd name="connsiteX4" fmla="*/ 276225 w 561975"/>
                <a:gd name="connsiteY4" fmla="*/ 416719 h 592932"/>
                <a:gd name="connsiteX5" fmla="*/ 176213 w 561975"/>
                <a:gd name="connsiteY5" fmla="*/ 592932 h 592932"/>
                <a:gd name="connsiteX6" fmla="*/ 73819 w 561975"/>
                <a:gd name="connsiteY6" fmla="*/ 521494 h 592932"/>
                <a:gd name="connsiteX7" fmla="*/ 0 w 561975"/>
                <a:gd name="connsiteY7" fmla="*/ 519112 h 592932"/>
                <a:gd name="connsiteX8" fmla="*/ 111919 w 561975"/>
                <a:gd name="connsiteY8" fmla="*/ 326230 h 592932"/>
                <a:gd name="connsiteX9" fmla="*/ 166688 w 561975"/>
                <a:gd name="connsiteY9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561975 w 561975"/>
                <a:gd name="connsiteY2" fmla="*/ 0 h 592932"/>
                <a:gd name="connsiteX3" fmla="*/ 559594 w 561975"/>
                <a:gd name="connsiteY3" fmla="*/ 219074 h 592932"/>
                <a:gd name="connsiteX4" fmla="*/ 276225 w 561975"/>
                <a:gd name="connsiteY4" fmla="*/ 416719 h 592932"/>
                <a:gd name="connsiteX5" fmla="*/ 176213 w 561975"/>
                <a:gd name="connsiteY5" fmla="*/ 592932 h 592932"/>
                <a:gd name="connsiteX6" fmla="*/ 73819 w 561975"/>
                <a:gd name="connsiteY6" fmla="*/ 521494 h 592932"/>
                <a:gd name="connsiteX7" fmla="*/ 0 w 561975"/>
                <a:gd name="connsiteY7" fmla="*/ 519112 h 592932"/>
                <a:gd name="connsiteX8" fmla="*/ 111919 w 561975"/>
                <a:gd name="connsiteY8" fmla="*/ 326230 h 592932"/>
                <a:gd name="connsiteX9" fmla="*/ 166688 w 561975"/>
                <a:gd name="connsiteY9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561975 w 561975"/>
                <a:gd name="connsiteY2" fmla="*/ 0 h 592932"/>
                <a:gd name="connsiteX3" fmla="*/ 559594 w 561975"/>
                <a:gd name="connsiteY3" fmla="*/ 219074 h 592932"/>
                <a:gd name="connsiteX4" fmla="*/ 276225 w 561975"/>
                <a:gd name="connsiteY4" fmla="*/ 416719 h 592932"/>
                <a:gd name="connsiteX5" fmla="*/ 176213 w 561975"/>
                <a:gd name="connsiteY5" fmla="*/ 592932 h 592932"/>
                <a:gd name="connsiteX6" fmla="*/ 73819 w 561975"/>
                <a:gd name="connsiteY6" fmla="*/ 521494 h 592932"/>
                <a:gd name="connsiteX7" fmla="*/ 0 w 561975"/>
                <a:gd name="connsiteY7" fmla="*/ 519112 h 592932"/>
                <a:gd name="connsiteX8" fmla="*/ 111919 w 561975"/>
                <a:gd name="connsiteY8" fmla="*/ 326230 h 592932"/>
                <a:gd name="connsiteX9" fmla="*/ 166688 w 561975"/>
                <a:gd name="connsiteY9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561975 w 561975"/>
                <a:gd name="connsiteY2" fmla="*/ 0 h 592932"/>
                <a:gd name="connsiteX3" fmla="*/ 559594 w 561975"/>
                <a:gd name="connsiteY3" fmla="*/ 219074 h 592932"/>
                <a:gd name="connsiteX4" fmla="*/ 276225 w 561975"/>
                <a:gd name="connsiteY4" fmla="*/ 416719 h 592932"/>
                <a:gd name="connsiteX5" fmla="*/ 176213 w 561975"/>
                <a:gd name="connsiteY5" fmla="*/ 592932 h 592932"/>
                <a:gd name="connsiteX6" fmla="*/ 73819 w 561975"/>
                <a:gd name="connsiteY6" fmla="*/ 521494 h 592932"/>
                <a:gd name="connsiteX7" fmla="*/ 0 w 561975"/>
                <a:gd name="connsiteY7" fmla="*/ 519112 h 592932"/>
                <a:gd name="connsiteX8" fmla="*/ 111919 w 561975"/>
                <a:gd name="connsiteY8" fmla="*/ 326230 h 592932"/>
                <a:gd name="connsiteX9" fmla="*/ 166688 w 561975"/>
                <a:gd name="connsiteY9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309563 w 561975"/>
                <a:gd name="connsiteY2" fmla="*/ 21431 h 592932"/>
                <a:gd name="connsiteX3" fmla="*/ 561975 w 561975"/>
                <a:gd name="connsiteY3" fmla="*/ 0 h 592932"/>
                <a:gd name="connsiteX4" fmla="*/ 559594 w 561975"/>
                <a:gd name="connsiteY4" fmla="*/ 219074 h 592932"/>
                <a:gd name="connsiteX5" fmla="*/ 276225 w 561975"/>
                <a:gd name="connsiteY5" fmla="*/ 416719 h 592932"/>
                <a:gd name="connsiteX6" fmla="*/ 176213 w 561975"/>
                <a:gd name="connsiteY6" fmla="*/ 592932 h 592932"/>
                <a:gd name="connsiteX7" fmla="*/ 73819 w 561975"/>
                <a:gd name="connsiteY7" fmla="*/ 521494 h 592932"/>
                <a:gd name="connsiteX8" fmla="*/ 0 w 561975"/>
                <a:gd name="connsiteY8" fmla="*/ 519112 h 592932"/>
                <a:gd name="connsiteX9" fmla="*/ 111919 w 561975"/>
                <a:gd name="connsiteY9" fmla="*/ 326230 h 592932"/>
                <a:gd name="connsiteX10" fmla="*/ 166688 w 561975"/>
                <a:gd name="connsiteY10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45269 w 561975"/>
                <a:gd name="connsiteY2" fmla="*/ 73818 h 592932"/>
                <a:gd name="connsiteX3" fmla="*/ 561975 w 561975"/>
                <a:gd name="connsiteY3" fmla="*/ 0 h 592932"/>
                <a:gd name="connsiteX4" fmla="*/ 559594 w 561975"/>
                <a:gd name="connsiteY4" fmla="*/ 219074 h 592932"/>
                <a:gd name="connsiteX5" fmla="*/ 276225 w 561975"/>
                <a:gd name="connsiteY5" fmla="*/ 416719 h 592932"/>
                <a:gd name="connsiteX6" fmla="*/ 176213 w 561975"/>
                <a:gd name="connsiteY6" fmla="*/ 592932 h 592932"/>
                <a:gd name="connsiteX7" fmla="*/ 73819 w 561975"/>
                <a:gd name="connsiteY7" fmla="*/ 521494 h 592932"/>
                <a:gd name="connsiteX8" fmla="*/ 0 w 561975"/>
                <a:gd name="connsiteY8" fmla="*/ 519112 h 592932"/>
                <a:gd name="connsiteX9" fmla="*/ 111919 w 561975"/>
                <a:gd name="connsiteY9" fmla="*/ 326230 h 592932"/>
                <a:gd name="connsiteX10" fmla="*/ 166688 w 561975"/>
                <a:gd name="connsiteY10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45269 w 561975"/>
                <a:gd name="connsiteY2" fmla="*/ 73818 h 592932"/>
                <a:gd name="connsiteX3" fmla="*/ 561975 w 561975"/>
                <a:gd name="connsiteY3" fmla="*/ 0 h 592932"/>
                <a:gd name="connsiteX4" fmla="*/ 559594 w 561975"/>
                <a:gd name="connsiteY4" fmla="*/ 219074 h 592932"/>
                <a:gd name="connsiteX5" fmla="*/ 276225 w 561975"/>
                <a:gd name="connsiteY5" fmla="*/ 416719 h 592932"/>
                <a:gd name="connsiteX6" fmla="*/ 176213 w 561975"/>
                <a:gd name="connsiteY6" fmla="*/ 592932 h 592932"/>
                <a:gd name="connsiteX7" fmla="*/ 73819 w 561975"/>
                <a:gd name="connsiteY7" fmla="*/ 521494 h 592932"/>
                <a:gd name="connsiteX8" fmla="*/ 0 w 561975"/>
                <a:gd name="connsiteY8" fmla="*/ 519112 h 592932"/>
                <a:gd name="connsiteX9" fmla="*/ 111919 w 561975"/>
                <a:gd name="connsiteY9" fmla="*/ 326230 h 592932"/>
                <a:gd name="connsiteX10" fmla="*/ 166688 w 561975"/>
                <a:gd name="connsiteY10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45269 w 561975"/>
                <a:gd name="connsiteY2" fmla="*/ 73818 h 592932"/>
                <a:gd name="connsiteX3" fmla="*/ 319088 w 561975"/>
                <a:gd name="connsiteY3" fmla="*/ 57149 h 592932"/>
                <a:gd name="connsiteX4" fmla="*/ 561975 w 561975"/>
                <a:gd name="connsiteY4" fmla="*/ 0 h 592932"/>
                <a:gd name="connsiteX5" fmla="*/ 559594 w 561975"/>
                <a:gd name="connsiteY5" fmla="*/ 219074 h 592932"/>
                <a:gd name="connsiteX6" fmla="*/ 276225 w 561975"/>
                <a:gd name="connsiteY6" fmla="*/ 416719 h 592932"/>
                <a:gd name="connsiteX7" fmla="*/ 176213 w 561975"/>
                <a:gd name="connsiteY7" fmla="*/ 592932 h 592932"/>
                <a:gd name="connsiteX8" fmla="*/ 73819 w 561975"/>
                <a:gd name="connsiteY8" fmla="*/ 521494 h 592932"/>
                <a:gd name="connsiteX9" fmla="*/ 0 w 561975"/>
                <a:gd name="connsiteY9" fmla="*/ 519112 h 592932"/>
                <a:gd name="connsiteX10" fmla="*/ 111919 w 561975"/>
                <a:gd name="connsiteY10" fmla="*/ 326230 h 592932"/>
                <a:gd name="connsiteX11" fmla="*/ 166688 w 561975"/>
                <a:gd name="connsiteY11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45269 w 561975"/>
                <a:gd name="connsiteY2" fmla="*/ 73818 h 592932"/>
                <a:gd name="connsiteX3" fmla="*/ 230981 w 561975"/>
                <a:gd name="connsiteY3" fmla="*/ 173830 h 592932"/>
                <a:gd name="connsiteX4" fmla="*/ 561975 w 561975"/>
                <a:gd name="connsiteY4" fmla="*/ 0 h 592932"/>
                <a:gd name="connsiteX5" fmla="*/ 559594 w 561975"/>
                <a:gd name="connsiteY5" fmla="*/ 219074 h 592932"/>
                <a:gd name="connsiteX6" fmla="*/ 276225 w 561975"/>
                <a:gd name="connsiteY6" fmla="*/ 416719 h 592932"/>
                <a:gd name="connsiteX7" fmla="*/ 176213 w 561975"/>
                <a:gd name="connsiteY7" fmla="*/ 592932 h 592932"/>
                <a:gd name="connsiteX8" fmla="*/ 73819 w 561975"/>
                <a:gd name="connsiteY8" fmla="*/ 521494 h 592932"/>
                <a:gd name="connsiteX9" fmla="*/ 0 w 561975"/>
                <a:gd name="connsiteY9" fmla="*/ 519112 h 592932"/>
                <a:gd name="connsiteX10" fmla="*/ 111919 w 561975"/>
                <a:gd name="connsiteY10" fmla="*/ 326230 h 592932"/>
                <a:gd name="connsiteX11" fmla="*/ 166688 w 561975"/>
                <a:gd name="connsiteY11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0981 w 561975"/>
                <a:gd name="connsiteY3" fmla="*/ 173830 h 592932"/>
                <a:gd name="connsiteX4" fmla="*/ 561975 w 561975"/>
                <a:gd name="connsiteY4" fmla="*/ 0 h 592932"/>
                <a:gd name="connsiteX5" fmla="*/ 559594 w 561975"/>
                <a:gd name="connsiteY5" fmla="*/ 219074 h 592932"/>
                <a:gd name="connsiteX6" fmla="*/ 276225 w 561975"/>
                <a:gd name="connsiteY6" fmla="*/ 416719 h 592932"/>
                <a:gd name="connsiteX7" fmla="*/ 176213 w 561975"/>
                <a:gd name="connsiteY7" fmla="*/ 592932 h 592932"/>
                <a:gd name="connsiteX8" fmla="*/ 73819 w 561975"/>
                <a:gd name="connsiteY8" fmla="*/ 521494 h 592932"/>
                <a:gd name="connsiteX9" fmla="*/ 0 w 561975"/>
                <a:gd name="connsiteY9" fmla="*/ 519112 h 592932"/>
                <a:gd name="connsiteX10" fmla="*/ 111919 w 561975"/>
                <a:gd name="connsiteY10" fmla="*/ 326230 h 592932"/>
                <a:gd name="connsiteX11" fmla="*/ 166688 w 561975"/>
                <a:gd name="connsiteY11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0981 w 561975"/>
                <a:gd name="connsiteY3" fmla="*/ 173830 h 592932"/>
                <a:gd name="connsiteX4" fmla="*/ 561975 w 561975"/>
                <a:gd name="connsiteY4" fmla="*/ 0 h 592932"/>
                <a:gd name="connsiteX5" fmla="*/ 559594 w 561975"/>
                <a:gd name="connsiteY5" fmla="*/ 219074 h 592932"/>
                <a:gd name="connsiteX6" fmla="*/ 276225 w 561975"/>
                <a:gd name="connsiteY6" fmla="*/ 416719 h 592932"/>
                <a:gd name="connsiteX7" fmla="*/ 176213 w 561975"/>
                <a:gd name="connsiteY7" fmla="*/ 592932 h 592932"/>
                <a:gd name="connsiteX8" fmla="*/ 73819 w 561975"/>
                <a:gd name="connsiteY8" fmla="*/ 521494 h 592932"/>
                <a:gd name="connsiteX9" fmla="*/ 0 w 561975"/>
                <a:gd name="connsiteY9" fmla="*/ 519112 h 592932"/>
                <a:gd name="connsiteX10" fmla="*/ 111919 w 561975"/>
                <a:gd name="connsiteY10" fmla="*/ 326230 h 592932"/>
                <a:gd name="connsiteX11" fmla="*/ 166688 w 561975"/>
                <a:gd name="connsiteY11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0981 w 561975"/>
                <a:gd name="connsiteY3" fmla="*/ 173830 h 592932"/>
                <a:gd name="connsiteX4" fmla="*/ 376238 w 561975"/>
                <a:gd name="connsiteY4" fmla="*/ 100012 h 592932"/>
                <a:gd name="connsiteX5" fmla="*/ 561975 w 561975"/>
                <a:gd name="connsiteY5" fmla="*/ 0 h 592932"/>
                <a:gd name="connsiteX6" fmla="*/ 559594 w 561975"/>
                <a:gd name="connsiteY6" fmla="*/ 219074 h 592932"/>
                <a:gd name="connsiteX7" fmla="*/ 276225 w 561975"/>
                <a:gd name="connsiteY7" fmla="*/ 416719 h 592932"/>
                <a:gd name="connsiteX8" fmla="*/ 176213 w 561975"/>
                <a:gd name="connsiteY8" fmla="*/ 592932 h 592932"/>
                <a:gd name="connsiteX9" fmla="*/ 73819 w 561975"/>
                <a:gd name="connsiteY9" fmla="*/ 521494 h 592932"/>
                <a:gd name="connsiteX10" fmla="*/ 0 w 561975"/>
                <a:gd name="connsiteY10" fmla="*/ 519112 h 592932"/>
                <a:gd name="connsiteX11" fmla="*/ 111919 w 561975"/>
                <a:gd name="connsiteY11" fmla="*/ 326230 h 592932"/>
                <a:gd name="connsiteX12" fmla="*/ 166688 w 561975"/>
                <a:gd name="connsiteY12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0981 w 561975"/>
                <a:gd name="connsiteY3" fmla="*/ 173830 h 592932"/>
                <a:gd name="connsiteX4" fmla="*/ 419100 w 561975"/>
                <a:gd name="connsiteY4" fmla="*/ 16668 h 592932"/>
                <a:gd name="connsiteX5" fmla="*/ 561975 w 561975"/>
                <a:gd name="connsiteY5" fmla="*/ 0 h 592932"/>
                <a:gd name="connsiteX6" fmla="*/ 559594 w 561975"/>
                <a:gd name="connsiteY6" fmla="*/ 219074 h 592932"/>
                <a:gd name="connsiteX7" fmla="*/ 276225 w 561975"/>
                <a:gd name="connsiteY7" fmla="*/ 416719 h 592932"/>
                <a:gd name="connsiteX8" fmla="*/ 176213 w 561975"/>
                <a:gd name="connsiteY8" fmla="*/ 592932 h 592932"/>
                <a:gd name="connsiteX9" fmla="*/ 73819 w 561975"/>
                <a:gd name="connsiteY9" fmla="*/ 521494 h 592932"/>
                <a:gd name="connsiteX10" fmla="*/ 0 w 561975"/>
                <a:gd name="connsiteY10" fmla="*/ 519112 h 592932"/>
                <a:gd name="connsiteX11" fmla="*/ 111919 w 561975"/>
                <a:gd name="connsiteY11" fmla="*/ 326230 h 592932"/>
                <a:gd name="connsiteX12" fmla="*/ 166688 w 561975"/>
                <a:gd name="connsiteY12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0981 w 561975"/>
                <a:gd name="connsiteY3" fmla="*/ 173830 h 592932"/>
                <a:gd name="connsiteX4" fmla="*/ 419100 w 561975"/>
                <a:gd name="connsiteY4" fmla="*/ 16668 h 592932"/>
                <a:gd name="connsiteX5" fmla="*/ 561975 w 561975"/>
                <a:gd name="connsiteY5" fmla="*/ 0 h 592932"/>
                <a:gd name="connsiteX6" fmla="*/ 559594 w 561975"/>
                <a:gd name="connsiteY6" fmla="*/ 219074 h 592932"/>
                <a:gd name="connsiteX7" fmla="*/ 276225 w 561975"/>
                <a:gd name="connsiteY7" fmla="*/ 416719 h 592932"/>
                <a:gd name="connsiteX8" fmla="*/ 176213 w 561975"/>
                <a:gd name="connsiteY8" fmla="*/ 592932 h 592932"/>
                <a:gd name="connsiteX9" fmla="*/ 73819 w 561975"/>
                <a:gd name="connsiteY9" fmla="*/ 521494 h 592932"/>
                <a:gd name="connsiteX10" fmla="*/ 0 w 561975"/>
                <a:gd name="connsiteY10" fmla="*/ 519112 h 592932"/>
                <a:gd name="connsiteX11" fmla="*/ 111919 w 561975"/>
                <a:gd name="connsiteY11" fmla="*/ 326230 h 592932"/>
                <a:gd name="connsiteX12" fmla="*/ 166688 w 561975"/>
                <a:gd name="connsiteY12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5744 w 561975"/>
                <a:gd name="connsiteY3" fmla="*/ 173830 h 592932"/>
                <a:gd name="connsiteX4" fmla="*/ 419100 w 561975"/>
                <a:gd name="connsiteY4" fmla="*/ 16668 h 592932"/>
                <a:gd name="connsiteX5" fmla="*/ 561975 w 561975"/>
                <a:gd name="connsiteY5" fmla="*/ 0 h 592932"/>
                <a:gd name="connsiteX6" fmla="*/ 559594 w 561975"/>
                <a:gd name="connsiteY6" fmla="*/ 219074 h 592932"/>
                <a:gd name="connsiteX7" fmla="*/ 276225 w 561975"/>
                <a:gd name="connsiteY7" fmla="*/ 416719 h 592932"/>
                <a:gd name="connsiteX8" fmla="*/ 176213 w 561975"/>
                <a:gd name="connsiteY8" fmla="*/ 592932 h 592932"/>
                <a:gd name="connsiteX9" fmla="*/ 73819 w 561975"/>
                <a:gd name="connsiteY9" fmla="*/ 521494 h 592932"/>
                <a:gd name="connsiteX10" fmla="*/ 0 w 561975"/>
                <a:gd name="connsiteY10" fmla="*/ 519112 h 592932"/>
                <a:gd name="connsiteX11" fmla="*/ 111919 w 561975"/>
                <a:gd name="connsiteY11" fmla="*/ 326230 h 592932"/>
                <a:gd name="connsiteX12" fmla="*/ 166688 w 561975"/>
                <a:gd name="connsiteY12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5744 w 561975"/>
                <a:gd name="connsiteY3" fmla="*/ 173830 h 592932"/>
                <a:gd name="connsiteX4" fmla="*/ 419100 w 561975"/>
                <a:gd name="connsiteY4" fmla="*/ 16668 h 592932"/>
                <a:gd name="connsiteX5" fmla="*/ 561975 w 561975"/>
                <a:gd name="connsiteY5" fmla="*/ 0 h 592932"/>
                <a:gd name="connsiteX6" fmla="*/ 559594 w 561975"/>
                <a:gd name="connsiteY6" fmla="*/ 219074 h 592932"/>
                <a:gd name="connsiteX7" fmla="*/ 276225 w 561975"/>
                <a:gd name="connsiteY7" fmla="*/ 416719 h 592932"/>
                <a:gd name="connsiteX8" fmla="*/ 176213 w 561975"/>
                <a:gd name="connsiteY8" fmla="*/ 592932 h 592932"/>
                <a:gd name="connsiteX9" fmla="*/ 73819 w 561975"/>
                <a:gd name="connsiteY9" fmla="*/ 521494 h 592932"/>
                <a:gd name="connsiteX10" fmla="*/ 0 w 561975"/>
                <a:gd name="connsiteY10" fmla="*/ 519112 h 592932"/>
                <a:gd name="connsiteX11" fmla="*/ 111919 w 561975"/>
                <a:gd name="connsiteY11" fmla="*/ 326230 h 592932"/>
                <a:gd name="connsiteX12" fmla="*/ 166688 w 561975"/>
                <a:gd name="connsiteY12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5744 w 561975"/>
                <a:gd name="connsiteY3" fmla="*/ 173830 h 592932"/>
                <a:gd name="connsiteX4" fmla="*/ 409575 w 561975"/>
                <a:gd name="connsiteY4" fmla="*/ 14287 h 592932"/>
                <a:gd name="connsiteX5" fmla="*/ 561975 w 561975"/>
                <a:gd name="connsiteY5" fmla="*/ 0 h 592932"/>
                <a:gd name="connsiteX6" fmla="*/ 559594 w 561975"/>
                <a:gd name="connsiteY6" fmla="*/ 219074 h 592932"/>
                <a:gd name="connsiteX7" fmla="*/ 276225 w 561975"/>
                <a:gd name="connsiteY7" fmla="*/ 416719 h 592932"/>
                <a:gd name="connsiteX8" fmla="*/ 176213 w 561975"/>
                <a:gd name="connsiteY8" fmla="*/ 592932 h 592932"/>
                <a:gd name="connsiteX9" fmla="*/ 73819 w 561975"/>
                <a:gd name="connsiteY9" fmla="*/ 521494 h 592932"/>
                <a:gd name="connsiteX10" fmla="*/ 0 w 561975"/>
                <a:gd name="connsiteY10" fmla="*/ 519112 h 592932"/>
                <a:gd name="connsiteX11" fmla="*/ 111919 w 561975"/>
                <a:gd name="connsiteY11" fmla="*/ 326230 h 592932"/>
                <a:gd name="connsiteX12" fmla="*/ 166688 w 561975"/>
                <a:gd name="connsiteY12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5744 w 561975"/>
                <a:gd name="connsiteY3" fmla="*/ 173830 h 592932"/>
                <a:gd name="connsiteX4" fmla="*/ 409575 w 561975"/>
                <a:gd name="connsiteY4" fmla="*/ 14287 h 592932"/>
                <a:gd name="connsiteX5" fmla="*/ 492919 w 561975"/>
                <a:gd name="connsiteY5" fmla="*/ 4762 h 592932"/>
                <a:gd name="connsiteX6" fmla="*/ 561975 w 561975"/>
                <a:gd name="connsiteY6" fmla="*/ 0 h 592932"/>
                <a:gd name="connsiteX7" fmla="*/ 559594 w 561975"/>
                <a:gd name="connsiteY7" fmla="*/ 219074 h 592932"/>
                <a:gd name="connsiteX8" fmla="*/ 276225 w 561975"/>
                <a:gd name="connsiteY8" fmla="*/ 416719 h 592932"/>
                <a:gd name="connsiteX9" fmla="*/ 176213 w 561975"/>
                <a:gd name="connsiteY9" fmla="*/ 592932 h 592932"/>
                <a:gd name="connsiteX10" fmla="*/ 73819 w 561975"/>
                <a:gd name="connsiteY10" fmla="*/ 521494 h 592932"/>
                <a:gd name="connsiteX11" fmla="*/ 0 w 561975"/>
                <a:gd name="connsiteY11" fmla="*/ 519112 h 592932"/>
                <a:gd name="connsiteX12" fmla="*/ 111919 w 561975"/>
                <a:gd name="connsiteY12" fmla="*/ 326230 h 592932"/>
                <a:gd name="connsiteX13" fmla="*/ 166688 w 561975"/>
                <a:gd name="connsiteY13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5744 w 561975"/>
                <a:gd name="connsiteY3" fmla="*/ 173830 h 592932"/>
                <a:gd name="connsiteX4" fmla="*/ 409575 w 561975"/>
                <a:gd name="connsiteY4" fmla="*/ 14287 h 592932"/>
                <a:gd name="connsiteX5" fmla="*/ 352426 w 561975"/>
                <a:gd name="connsiteY5" fmla="*/ 183356 h 592932"/>
                <a:gd name="connsiteX6" fmla="*/ 561975 w 561975"/>
                <a:gd name="connsiteY6" fmla="*/ 0 h 592932"/>
                <a:gd name="connsiteX7" fmla="*/ 559594 w 561975"/>
                <a:gd name="connsiteY7" fmla="*/ 219074 h 592932"/>
                <a:gd name="connsiteX8" fmla="*/ 276225 w 561975"/>
                <a:gd name="connsiteY8" fmla="*/ 416719 h 592932"/>
                <a:gd name="connsiteX9" fmla="*/ 176213 w 561975"/>
                <a:gd name="connsiteY9" fmla="*/ 592932 h 592932"/>
                <a:gd name="connsiteX10" fmla="*/ 73819 w 561975"/>
                <a:gd name="connsiteY10" fmla="*/ 521494 h 592932"/>
                <a:gd name="connsiteX11" fmla="*/ 0 w 561975"/>
                <a:gd name="connsiteY11" fmla="*/ 519112 h 592932"/>
                <a:gd name="connsiteX12" fmla="*/ 111919 w 561975"/>
                <a:gd name="connsiteY12" fmla="*/ 326230 h 592932"/>
                <a:gd name="connsiteX13" fmla="*/ 166688 w 561975"/>
                <a:gd name="connsiteY13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5744 w 561975"/>
                <a:gd name="connsiteY3" fmla="*/ 173830 h 592932"/>
                <a:gd name="connsiteX4" fmla="*/ 409575 w 561975"/>
                <a:gd name="connsiteY4" fmla="*/ 14287 h 592932"/>
                <a:gd name="connsiteX5" fmla="*/ 388144 w 561975"/>
                <a:gd name="connsiteY5" fmla="*/ 69056 h 592932"/>
                <a:gd name="connsiteX6" fmla="*/ 352426 w 561975"/>
                <a:gd name="connsiteY6" fmla="*/ 183356 h 592932"/>
                <a:gd name="connsiteX7" fmla="*/ 561975 w 561975"/>
                <a:gd name="connsiteY7" fmla="*/ 0 h 592932"/>
                <a:gd name="connsiteX8" fmla="*/ 559594 w 561975"/>
                <a:gd name="connsiteY8" fmla="*/ 219074 h 592932"/>
                <a:gd name="connsiteX9" fmla="*/ 276225 w 561975"/>
                <a:gd name="connsiteY9" fmla="*/ 416719 h 592932"/>
                <a:gd name="connsiteX10" fmla="*/ 176213 w 561975"/>
                <a:gd name="connsiteY10" fmla="*/ 592932 h 592932"/>
                <a:gd name="connsiteX11" fmla="*/ 73819 w 561975"/>
                <a:gd name="connsiteY11" fmla="*/ 521494 h 592932"/>
                <a:gd name="connsiteX12" fmla="*/ 0 w 561975"/>
                <a:gd name="connsiteY12" fmla="*/ 519112 h 592932"/>
                <a:gd name="connsiteX13" fmla="*/ 111919 w 561975"/>
                <a:gd name="connsiteY13" fmla="*/ 326230 h 592932"/>
                <a:gd name="connsiteX14" fmla="*/ 166688 w 561975"/>
                <a:gd name="connsiteY14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5744 w 561975"/>
                <a:gd name="connsiteY3" fmla="*/ 173830 h 592932"/>
                <a:gd name="connsiteX4" fmla="*/ 409575 w 561975"/>
                <a:gd name="connsiteY4" fmla="*/ 14287 h 592932"/>
                <a:gd name="connsiteX5" fmla="*/ 450057 w 561975"/>
                <a:gd name="connsiteY5" fmla="*/ 33337 h 592932"/>
                <a:gd name="connsiteX6" fmla="*/ 352426 w 561975"/>
                <a:gd name="connsiteY6" fmla="*/ 183356 h 592932"/>
                <a:gd name="connsiteX7" fmla="*/ 561975 w 561975"/>
                <a:gd name="connsiteY7" fmla="*/ 0 h 592932"/>
                <a:gd name="connsiteX8" fmla="*/ 559594 w 561975"/>
                <a:gd name="connsiteY8" fmla="*/ 219074 h 592932"/>
                <a:gd name="connsiteX9" fmla="*/ 276225 w 561975"/>
                <a:gd name="connsiteY9" fmla="*/ 416719 h 592932"/>
                <a:gd name="connsiteX10" fmla="*/ 176213 w 561975"/>
                <a:gd name="connsiteY10" fmla="*/ 592932 h 592932"/>
                <a:gd name="connsiteX11" fmla="*/ 73819 w 561975"/>
                <a:gd name="connsiteY11" fmla="*/ 521494 h 592932"/>
                <a:gd name="connsiteX12" fmla="*/ 0 w 561975"/>
                <a:gd name="connsiteY12" fmla="*/ 519112 h 592932"/>
                <a:gd name="connsiteX13" fmla="*/ 111919 w 561975"/>
                <a:gd name="connsiteY13" fmla="*/ 326230 h 592932"/>
                <a:gd name="connsiteX14" fmla="*/ 166688 w 561975"/>
                <a:gd name="connsiteY14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5744 w 561975"/>
                <a:gd name="connsiteY3" fmla="*/ 173830 h 592932"/>
                <a:gd name="connsiteX4" fmla="*/ 409575 w 561975"/>
                <a:gd name="connsiteY4" fmla="*/ 14287 h 592932"/>
                <a:gd name="connsiteX5" fmla="*/ 450057 w 561975"/>
                <a:gd name="connsiteY5" fmla="*/ 33337 h 592932"/>
                <a:gd name="connsiteX6" fmla="*/ 352426 w 561975"/>
                <a:gd name="connsiteY6" fmla="*/ 183356 h 592932"/>
                <a:gd name="connsiteX7" fmla="*/ 561975 w 561975"/>
                <a:gd name="connsiteY7" fmla="*/ 0 h 592932"/>
                <a:gd name="connsiteX8" fmla="*/ 559594 w 561975"/>
                <a:gd name="connsiteY8" fmla="*/ 219074 h 592932"/>
                <a:gd name="connsiteX9" fmla="*/ 276225 w 561975"/>
                <a:gd name="connsiteY9" fmla="*/ 416719 h 592932"/>
                <a:gd name="connsiteX10" fmla="*/ 176213 w 561975"/>
                <a:gd name="connsiteY10" fmla="*/ 592932 h 592932"/>
                <a:gd name="connsiteX11" fmla="*/ 73819 w 561975"/>
                <a:gd name="connsiteY11" fmla="*/ 521494 h 592932"/>
                <a:gd name="connsiteX12" fmla="*/ 0 w 561975"/>
                <a:gd name="connsiteY12" fmla="*/ 519112 h 592932"/>
                <a:gd name="connsiteX13" fmla="*/ 111919 w 561975"/>
                <a:gd name="connsiteY13" fmla="*/ 326230 h 592932"/>
                <a:gd name="connsiteX14" fmla="*/ 166688 w 561975"/>
                <a:gd name="connsiteY14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5744 w 561975"/>
                <a:gd name="connsiteY3" fmla="*/ 173830 h 592932"/>
                <a:gd name="connsiteX4" fmla="*/ 409575 w 561975"/>
                <a:gd name="connsiteY4" fmla="*/ 14287 h 592932"/>
                <a:gd name="connsiteX5" fmla="*/ 450057 w 561975"/>
                <a:gd name="connsiteY5" fmla="*/ 33337 h 592932"/>
                <a:gd name="connsiteX6" fmla="*/ 352426 w 561975"/>
                <a:gd name="connsiteY6" fmla="*/ 183356 h 592932"/>
                <a:gd name="connsiteX7" fmla="*/ 561975 w 561975"/>
                <a:gd name="connsiteY7" fmla="*/ 0 h 592932"/>
                <a:gd name="connsiteX8" fmla="*/ 559594 w 561975"/>
                <a:gd name="connsiteY8" fmla="*/ 219074 h 592932"/>
                <a:gd name="connsiteX9" fmla="*/ 276225 w 561975"/>
                <a:gd name="connsiteY9" fmla="*/ 416719 h 592932"/>
                <a:gd name="connsiteX10" fmla="*/ 176213 w 561975"/>
                <a:gd name="connsiteY10" fmla="*/ 592932 h 592932"/>
                <a:gd name="connsiteX11" fmla="*/ 73819 w 561975"/>
                <a:gd name="connsiteY11" fmla="*/ 521494 h 592932"/>
                <a:gd name="connsiteX12" fmla="*/ 0 w 561975"/>
                <a:gd name="connsiteY12" fmla="*/ 519112 h 592932"/>
                <a:gd name="connsiteX13" fmla="*/ 111919 w 561975"/>
                <a:gd name="connsiteY13" fmla="*/ 326230 h 592932"/>
                <a:gd name="connsiteX14" fmla="*/ 166688 w 561975"/>
                <a:gd name="connsiteY14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5744 w 561975"/>
                <a:gd name="connsiteY3" fmla="*/ 173830 h 592932"/>
                <a:gd name="connsiteX4" fmla="*/ 409575 w 561975"/>
                <a:gd name="connsiteY4" fmla="*/ 14287 h 592932"/>
                <a:gd name="connsiteX5" fmla="*/ 450057 w 561975"/>
                <a:gd name="connsiteY5" fmla="*/ 33337 h 592932"/>
                <a:gd name="connsiteX6" fmla="*/ 352426 w 561975"/>
                <a:gd name="connsiteY6" fmla="*/ 183356 h 592932"/>
                <a:gd name="connsiteX7" fmla="*/ 478631 w 561975"/>
                <a:gd name="connsiteY7" fmla="*/ 71437 h 592932"/>
                <a:gd name="connsiteX8" fmla="*/ 561975 w 561975"/>
                <a:gd name="connsiteY8" fmla="*/ 0 h 592932"/>
                <a:gd name="connsiteX9" fmla="*/ 559594 w 561975"/>
                <a:gd name="connsiteY9" fmla="*/ 219074 h 592932"/>
                <a:gd name="connsiteX10" fmla="*/ 276225 w 561975"/>
                <a:gd name="connsiteY10" fmla="*/ 416719 h 592932"/>
                <a:gd name="connsiteX11" fmla="*/ 176213 w 561975"/>
                <a:gd name="connsiteY11" fmla="*/ 592932 h 592932"/>
                <a:gd name="connsiteX12" fmla="*/ 73819 w 561975"/>
                <a:gd name="connsiteY12" fmla="*/ 521494 h 592932"/>
                <a:gd name="connsiteX13" fmla="*/ 0 w 561975"/>
                <a:gd name="connsiteY13" fmla="*/ 519112 h 592932"/>
                <a:gd name="connsiteX14" fmla="*/ 111919 w 561975"/>
                <a:gd name="connsiteY14" fmla="*/ 326230 h 592932"/>
                <a:gd name="connsiteX15" fmla="*/ 166688 w 561975"/>
                <a:gd name="connsiteY15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5744 w 561975"/>
                <a:gd name="connsiteY3" fmla="*/ 173830 h 592932"/>
                <a:gd name="connsiteX4" fmla="*/ 409575 w 561975"/>
                <a:gd name="connsiteY4" fmla="*/ 14287 h 592932"/>
                <a:gd name="connsiteX5" fmla="*/ 450057 w 561975"/>
                <a:gd name="connsiteY5" fmla="*/ 33337 h 592932"/>
                <a:gd name="connsiteX6" fmla="*/ 352426 w 561975"/>
                <a:gd name="connsiteY6" fmla="*/ 183356 h 592932"/>
                <a:gd name="connsiteX7" fmla="*/ 464344 w 561975"/>
                <a:gd name="connsiteY7" fmla="*/ 42862 h 592932"/>
                <a:gd name="connsiteX8" fmla="*/ 561975 w 561975"/>
                <a:gd name="connsiteY8" fmla="*/ 0 h 592932"/>
                <a:gd name="connsiteX9" fmla="*/ 559594 w 561975"/>
                <a:gd name="connsiteY9" fmla="*/ 219074 h 592932"/>
                <a:gd name="connsiteX10" fmla="*/ 276225 w 561975"/>
                <a:gd name="connsiteY10" fmla="*/ 416719 h 592932"/>
                <a:gd name="connsiteX11" fmla="*/ 176213 w 561975"/>
                <a:gd name="connsiteY11" fmla="*/ 592932 h 592932"/>
                <a:gd name="connsiteX12" fmla="*/ 73819 w 561975"/>
                <a:gd name="connsiteY12" fmla="*/ 521494 h 592932"/>
                <a:gd name="connsiteX13" fmla="*/ 0 w 561975"/>
                <a:gd name="connsiteY13" fmla="*/ 519112 h 592932"/>
                <a:gd name="connsiteX14" fmla="*/ 111919 w 561975"/>
                <a:gd name="connsiteY14" fmla="*/ 326230 h 592932"/>
                <a:gd name="connsiteX15" fmla="*/ 166688 w 561975"/>
                <a:gd name="connsiteY15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5744 w 561975"/>
                <a:gd name="connsiteY3" fmla="*/ 173830 h 592932"/>
                <a:gd name="connsiteX4" fmla="*/ 409575 w 561975"/>
                <a:gd name="connsiteY4" fmla="*/ 14287 h 592932"/>
                <a:gd name="connsiteX5" fmla="*/ 450057 w 561975"/>
                <a:gd name="connsiteY5" fmla="*/ 33337 h 592932"/>
                <a:gd name="connsiteX6" fmla="*/ 352426 w 561975"/>
                <a:gd name="connsiteY6" fmla="*/ 183356 h 592932"/>
                <a:gd name="connsiteX7" fmla="*/ 464344 w 561975"/>
                <a:gd name="connsiteY7" fmla="*/ 45243 h 592932"/>
                <a:gd name="connsiteX8" fmla="*/ 561975 w 561975"/>
                <a:gd name="connsiteY8" fmla="*/ 0 h 592932"/>
                <a:gd name="connsiteX9" fmla="*/ 559594 w 561975"/>
                <a:gd name="connsiteY9" fmla="*/ 219074 h 592932"/>
                <a:gd name="connsiteX10" fmla="*/ 276225 w 561975"/>
                <a:gd name="connsiteY10" fmla="*/ 416719 h 592932"/>
                <a:gd name="connsiteX11" fmla="*/ 176213 w 561975"/>
                <a:gd name="connsiteY11" fmla="*/ 592932 h 592932"/>
                <a:gd name="connsiteX12" fmla="*/ 73819 w 561975"/>
                <a:gd name="connsiteY12" fmla="*/ 521494 h 592932"/>
                <a:gd name="connsiteX13" fmla="*/ 0 w 561975"/>
                <a:gd name="connsiteY13" fmla="*/ 519112 h 592932"/>
                <a:gd name="connsiteX14" fmla="*/ 111919 w 561975"/>
                <a:gd name="connsiteY14" fmla="*/ 326230 h 592932"/>
                <a:gd name="connsiteX15" fmla="*/ 166688 w 561975"/>
                <a:gd name="connsiteY15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5744 w 561975"/>
                <a:gd name="connsiteY3" fmla="*/ 173830 h 592932"/>
                <a:gd name="connsiteX4" fmla="*/ 409575 w 561975"/>
                <a:gd name="connsiteY4" fmla="*/ 14287 h 592932"/>
                <a:gd name="connsiteX5" fmla="*/ 450057 w 561975"/>
                <a:gd name="connsiteY5" fmla="*/ 33337 h 592932"/>
                <a:gd name="connsiteX6" fmla="*/ 352426 w 561975"/>
                <a:gd name="connsiteY6" fmla="*/ 183356 h 592932"/>
                <a:gd name="connsiteX7" fmla="*/ 464344 w 561975"/>
                <a:gd name="connsiteY7" fmla="*/ 45243 h 592932"/>
                <a:gd name="connsiteX8" fmla="*/ 561975 w 561975"/>
                <a:gd name="connsiteY8" fmla="*/ 0 h 592932"/>
                <a:gd name="connsiteX9" fmla="*/ 559594 w 561975"/>
                <a:gd name="connsiteY9" fmla="*/ 219074 h 592932"/>
                <a:gd name="connsiteX10" fmla="*/ 276225 w 561975"/>
                <a:gd name="connsiteY10" fmla="*/ 416719 h 592932"/>
                <a:gd name="connsiteX11" fmla="*/ 176213 w 561975"/>
                <a:gd name="connsiteY11" fmla="*/ 592932 h 592932"/>
                <a:gd name="connsiteX12" fmla="*/ 73819 w 561975"/>
                <a:gd name="connsiteY12" fmla="*/ 521494 h 592932"/>
                <a:gd name="connsiteX13" fmla="*/ 0 w 561975"/>
                <a:gd name="connsiteY13" fmla="*/ 519112 h 592932"/>
                <a:gd name="connsiteX14" fmla="*/ 111919 w 561975"/>
                <a:gd name="connsiteY14" fmla="*/ 326230 h 592932"/>
                <a:gd name="connsiteX15" fmla="*/ 166688 w 561975"/>
                <a:gd name="connsiteY15" fmla="*/ 128587 h 592932"/>
                <a:gd name="connsiteX0" fmla="*/ 166688 w 559622"/>
                <a:gd name="connsiteY0" fmla="*/ 122135 h 586480"/>
                <a:gd name="connsiteX1" fmla="*/ 204788 w 559622"/>
                <a:gd name="connsiteY1" fmla="*/ 19741 h 586480"/>
                <a:gd name="connsiteX2" fmla="*/ 254794 w 559622"/>
                <a:gd name="connsiteY2" fmla="*/ 88797 h 586480"/>
                <a:gd name="connsiteX3" fmla="*/ 235744 w 559622"/>
                <a:gd name="connsiteY3" fmla="*/ 167378 h 586480"/>
                <a:gd name="connsiteX4" fmla="*/ 409575 w 559622"/>
                <a:gd name="connsiteY4" fmla="*/ 7835 h 586480"/>
                <a:gd name="connsiteX5" fmla="*/ 450057 w 559622"/>
                <a:gd name="connsiteY5" fmla="*/ 26885 h 586480"/>
                <a:gd name="connsiteX6" fmla="*/ 352426 w 559622"/>
                <a:gd name="connsiteY6" fmla="*/ 176904 h 586480"/>
                <a:gd name="connsiteX7" fmla="*/ 464344 w 559622"/>
                <a:gd name="connsiteY7" fmla="*/ 38791 h 586480"/>
                <a:gd name="connsiteX8" fmla="*/ 545306 w 559622"/>
                <a:gd name="connsiteY8" fmla="*/ 74511 h 586480"/>
                <a:gd name="connsiteX9" fmla="*/ 559594 w 559622"/>
                <a:gd name="connsiteY9" fmla="*/ 212622 h 586480"/>
                <a:gd name="connsiteX10" fmla="*/ 276225 w 559622"/>
                <a:gd name="connsiteY10" fmla="*/ 410267 h 586480"/>
                <a:gd name="connsiteX11" fmla="*/ 176213 w 559622"/>
                <a:gd name="connsiteY11" fmla="*/ 586480 h 586480"/>
                <a:gd name="connsiteX12" fmla="*/ 73819 w 559622"/>
                <a:gd name="connsiteY12" fmla="*/ 515042 h 586480"/>
                <a:gd name="connsiteX13" fmla="*/ 0 w 559622"/>
                <a:gd name="connsiteY13" fmla="*/ 512660 h 586480"/>
                <a:gd name="connsiteX14" fmla="*/ 111919 w 559622"/>
                <a:gd name="connsiteY14" fmla="*/ 319778 h 586480"/>
                <a:gd name="connsiteX15" fmla="*/ 166688 w 559622"/>
                <a:gd name="connsiteY15" fmla="*/ 122135 h 586480"/>
                <a:gd name="connsiteX0" fmla="*/ 166688 w 559622"/>
                <a:gd name="connsiteY0" fmla="*/ 122135 h 586480"/>
                <a:gd name="connsiteX1" fmla="*/ 204788 w 559622"/>
                <a:gd name="connsiteY1" fmla="*/ 19741 h 586480"/>
                <a:gd name="connsiteX2" fmla="*/ 254794 w 559622"/>
                <a:gd name="connsiteY2" fmla="*/ 88797 h 586480"/>
                <a:gd name="connsiteX3" fmla="*/ 235744 w 559622"/>
                <a:gd name="connsiteY3" fmla="*/ 167378 h 586480"/>
                <a:gd name="connsiteX4" fmla="*/ 409575 w 559622"/>
                <a:gd name="connsiteY4" fmla="*/ 7835 h 586480"/>
                <a:gd name="connsiteX5" fmla="*/ 450057 w 559622"/>
                <a:gd name="connsiteY5" fmla="*/ 26885 h 586480"/>
                <a:gd name="connsiteX6" fmla="*/ 352426 w 559622"/>
                <a:gd name="connsiteY6" fmla="*/ 176904 h 586480"/>
                <a:gd name="connsiteX7" fmla="*/ 464344 w 559622"/>
                <a:gd name="connsiteY7" fmla="*/ 38791 h 586480"/>
                <a:gd name="connsiteX8" fmla="*/ 497681 w 559622"/>
                <a:gd name="connsiteY8" fmla="*/ 53079 h 586480"/>
                <a:gd name="connsiteX9" fmla="*/ 545306 w 559622"/>
                <a:gd name="connsiteY9" fmla="*/ 74511 h 586480"/>
                <a:gd name="connsiteX10" fmla="*/ 559594 w 559622"/>
                <a:gd name="connsiteY10" fmla="*/ 212622 h 586480"/>
                <a:gd name="connsiteX11" fmla="*/ 276225 w 559622"/>
                <a:gd name="connsiteY11" fmla="*/ 410267 h 586480"/>
                <a:gd name="connsiteX12" fmla="*/ 176213 w 559622"/>
                <a:gd name="connsiteY12" fmla="*/ 586480 h 586480"/>
                <a:gd name="connsiteX13" fmla="*/ 73819 w 559622"/>
                <a:gd name="connsiteY13" fmla="*/ 515042 h 586480"/>
                <a:gd name="connsiteX14" fmla="*/ 0 w 559622"/>
                <a:gd name="connsiteY14" fmla="*/ 512660 h 586480"/>
                <a:gd name="connsiteX15" fmla="*/ 111919 w 559622"/>
                <a:gd name="connsiteY15" fmla="*/ 319778 h 586480"/>
                <a:gd name="connsiteX16" fmla="*/ 166688 w 559622"/>
                <a:gd name="connsiteY16" fmla="*/ 122135 h 586480"/>
                <a:gd name="connsiteX0" fmla="*/ 166688 w 559597"/>
                <a:gd name="connsiteY0" fmla="*/ 122135 h 586480"/>
                <a:gd name="connsiteX1" fmla="*/ 204788 w 559597"/>
                <a:gd name="connsiteY1" fmla="*/ 19741 h 586480"/>
                <a:gd name="connsiteX2" fmla="*/ 254794 w 559597"/>
                <a:gd name="connsiteY2" fmla="*/ 88797 h 586480"/>
                <a:gd name="connsiteX3" fmla="*/ 235744 w 559597"/>
                <a:gd name="connsiteY3" fmla="*/ 167378 h 586480"/>
                <a:gd name="connsiteX4" fmla="*/ 409575 w 559597"/>
                <a:gd name="connsiteY4" fmla="*/ 7835 h 586480"/>
                <a:gd name="connsiteX5" fmla="*/ 450057 w 559597"/>
                <a:gd name="connsiteY5" fmla="*/ 26885 h 586480"/>
                <a:gd name="connsiteX6" fmla="*/ 352426 w 559597"/>
                <a:gd name="connsiteY6" fmla="*/ 176904 h 586480"/>
                <a:gd name="connsiteX7" fmla="*/ 464344 w 559597"/>
                <a:gd name="connsiteY7" fmla="*/ 38791 h 586480"/>
                <a:gd name="connsiteX8" fmla="*/ 497681 w 559597"/>
                <a:gd name="connsiteY8" fmla="*/ 53079 h 586480"/>
                <a:gd name="connsiteX9" fmla="*/ 438150 w 559597"/>
                <a:gd name="connsiteY9" fmla="*/ 160236 h 586480"/>
                <a:gd name="connsiteX10" fmla="*/ 559594 w 559597"/>
                <a:gd name="connsiteY10" fmla="*/ 212622 h 586480"/>
                <a:gd name="connsiteX11" fmla="*/ 276225 w 559597"/>
                <a:gd name="connsiteY11" fmla="*/ 410267 h 586480"/>
                <a:gd name="connsiteX12" fmla="*/ 176213 w 559597"/>
                <a:gd name="connsiteY12" fmla="*/ 586480 h 586480"/>
                <a:gd name="connsiteX13" fmla="*/ 73819 w 559597"/>
                <a:gd name="connsiteY13" fmla="*/ 515042 h 586480"/>
                <a:gd name="connsiteX14" fmla="*/ 0 w 559597"/>
                <a:gd name="connsiteY14" fmla="*/ 512660 h 586480"/>
                <a:gd name="connsiteX15" fmla="*/ 111919 w 559597"/>
                <a:gd name="connsiteY15" fmla="*/ 319778 h 586480"/>
                <a:gd name="connsiteX16" fmla="*/ 166688 w 559597"/>
                <a:gd name="connsiteY16" fmla="*/ 122135 h 586480"/>
                <a:gd name="connsiteX0" fmla="*/ 166688 w 564907"/>
                <a:gd name="connsiteY0" fmla="*/ 122135 h 586480"/>
                <a:gd name="connsiteX1" fmla="*/ 204788 w 564907"/>
                <a:gd name="connsiteY1" fmla="*/ 19741 h 586480"/>
                <a:gd name="connsiteX2" fmla="*/ 254794 w 564907"/>
                <a:gd name="connsiteY2" fmla="*/ 88797 h 586480"/>
                <a:gd name="connsiteX3" fmla="*/ 235744 w 564907"/>
                <a:gd name="connsiteY3" fmla="*/ 167378 h 586480"/>
                <a:gd name="connsiteX4" fmla="*/ 409575 w 564907"/>
                <a:gd name="connsiteY4" fmla="*/ 7835 h 586480"/>
                <a:gd name="connsiteX5" fmla="*/ 450057 w 564907"/>
                <a:gd name="connsiteY5" fmla="*/ 26885 h 586480"/>
                <a:gd name="connsiteX6" fmla="*/ 352426 w 564907"/>
                <a:gd name="connsiteY6" fmla="*/ 176904 h 586480"/>
                <a:gd name="connsiteX7" fmla="*/ 464344 w 564907"/>
                <a:gd name="connsiteY7" fmla="*/ 38791 h 586480"/>
                <a:gd name="connsiteX8" fmla="*/ 497681 w 564907"/>
                <a:gd name="connsiteY8" fmla="*/ 53079 h 586480"/>
                <a:gd name="connsiteX9" fmla="*/ 438150 w 564907"/>
                <a:gd name="connsiteY9" fmla="*/ 160236 h 586480"/>
                <a:gd name="connsiteX10" fmla="*/ 459582 w 564907"/>
                <a:gd name="connsiteY10" fmla="*/ 193572 h 586480"/>
                <a:gd name="connsiteX11" fmla="*/ 559594 w 564907"/>
                <a:gd name="connsiteY11" fmla="*/ 212622 h 586480"/>
                <a:gd name="connsiteX12" fmla="*/ 276225 w 564907"/>
                <a:gd name="connsiteY12" fmla="*/ 410267 h 586480"/>
                <a:gd name="connsiteX13" fmla="*/ 176213 w 564907"/>
                <a:gd name="connsiteY13" fmla="*/ 586480 h 586480"/>
                <a:gd name="connsiteX14" fmla="*/ 73819 w 564907"/>
                <a:gd name="connsiteY14" fmla="*/ 515042 h 586480"/>
                <a:gd name="connsiteX15" fmla="*/ 0 w 564907"/>
                <a:gd name="connsiteY15" fmla="*/ 512660 h 586480"/>
                <a:gd name="connsiteX16" fmla="*/ 111919 w 564907"/>
                <a:gd name="connsiteY16" fmla="*/ 319778 h 586480"/>
                <a:gd name="connsiteX17" fmla="*/ 166688 w 564907"/>
                <a:gd name="connsiteY17" fmla="*/ 122135 h 586480"/>
                <a:gd name="connsiteX0" fmla="*/ 166688 w 569449"/>
                <a:gd name="connsiteY0" fmla="*/ 122135 h 586480"/>
                <a:gd name="connsiteX1" fmla="*/ 204788 w 569449"/>
                <a:gd name="connsiteY1" fmla="*/ 19741 h 586480"/>
                <a:gd name="connsiteX2" fmla="*/ 254794 w 569449"/>
                <a:gd name="connsiteY2" fmla="*/ 88797 h 586480"/>
                <a:gd name="connsiteX3" fmla="*/ 235744 w 569449"/>
                <a:gd name="connsiteY3" fmla="*/ 167378 h 586480"/>
                <a:gd name="connsiteX4" fmla="*/ 409575 w 569449"/>
                <a:gd name="connsiteY4" fmla="*/ 7835 h 586480"/>
                <a:gd name="connsiteX5" fmla="*/ 450057 w 569449"/>
                <a:gd name="connsiteY5" fmla="*/ 26885 h 586480"/>
                <a:gd name="connsiteX6" fmla="*/ 352426 w 569449"/>
                <a:gd name="connsiteY6" fmla="*/ 176904 h 586480"/>
                <a:gd name="connsiteX7" fmla="*/ 464344 w 569449"/>
                <a:gd name="connsiteY7" fmla="*/ 38791 h 586480"/>
                <a:gd name="connsiteX8" fmla="*/ 497681 w 569449"/>
                <a:gd name="connsiteY8" fmla="*/ 53079 h 586480"/>
                <a:gd name="connsiteX9" fmla="*/ 438150 w 569449"/>
                <a:gd name="connsiteY9" fmla="*/ 160236 h 586480"/>
                <a:gd name="connsiteX10" fmla="*/ 521494 w 569449"/>
                <a:gd name="connsiteY10" fmla="*/ 84034 h 586480"/>
                <a:gd name="connsiteX11" fmla="*/ 559594 w 569449"/>
                <a:gd name="connsiteY11" fmla="*/ 212622 h 586480"/>
                <a:gd name="connsiteX12" fmla="*/ 276225 w 569449"/>
                <a:gd name="connsiteY12" fmla="*/ 410267 h 586480"/>
                <a:gd name="connsiteX13" fmla="*/ 176213 w 569449"/>
                <a:gd name="connsiteY13" fmla="*/ 586480 h 586480"/>
                <a:gd name="connsiteX14" fmla="*/ 73819 w 569449"/>
                <a:gd name="connsiteY14" fmla="*/ 515042 h 586480"/>
                <a:gd name="connsiteX15" fmla="*/ 0 w 569449"/>
                <a:gd name="connsiteY15" fmla="*/ 512660 h 586480"/>
                <a:gd name="connsiteX16" fmla="*/ 111919 w 569449"/>
                <a:gd name="connsiteY16" fmla="*/ 319778 h 586480"/>
                <a:gd name="connsiteX17" fmla="*/ 166688 w 569449"/>
                <a:gd name="connsiteY17" fmla="*/ 122135 h 586480"/>
                <a:gd name="connsiteX0" fmla="*/ 166688 w 577493"/>
                <a:gd name="connsiteY0" fmla="*/ 122135 h 586480"/>
                <a:gd name="connsiteX1" fmla="*/ 204788 w 577493"/>
                <a:gd name="connsiteY1" fmla="*/ 19741 h 586480"/>
                <a:gd name="connsiteX2" fmla="*/ 254794 w 577493"/>
                <a:gd name="connsiteY2" fmla="*/ 88797 h 586480"/>
                <a:gd name="connsiteX3" fmla="*/ 235744 w 577493"/>
                <a:gd name="connsiteY3" fmla="*/ 167378 h 586480"/>
                <a:gd name="connsiteX4" fmla="*/ 409575 w 577493"/>
                <a:gd name="connsiteY4" fmla="*/ 7835 h 586480"/>
                <a:gd name="connsiteX5" fmla="*/ 450057 w 577493"/>
                <a:gd name="connsiteY5" fmla="*/ 26885 h 586480"/>
                <a:gd name="connsiteX6" fmla="*/ 352426 w 577493"/>
                <a:gd name="connsiteY6" fmla="*/ 176904 h 586480"/>
                <a:gd name="connsiteX7" fmla="*/ 464344 w 577493"/>
                <a:gd name="connsiteY7" fmla="*/ 38791 h 586480"/>
                <a:gd name="connsiteX8" fmla="*/ 497681 w 577493"/>
                <a:gd name="connsiteY8" fmla="*/ 53079 h 586480"/>
                <a:gd name="connsiteX9" fmla="*/ 438150 w 577493"/>
                <a:gd name="connsiteY9" fmla="*/ 160236 h 586480"/>
                <a:gd name="connsiteX10" fmla="*/ 521494 w 577493"/>
                <a:gd name="connsiteY10" fmla="*/ 84034 h 586480"/>
                <a:gd name="connsiteX11" fmla="*/ 545307 w 577493"/>
                <a:gd name="connsiteY11" fmla="*/ 105466 h 586480"/>
                <a:gd name="connsiteX12" fmla="*/ 559594 w 577493"/>
                <a:gd name="connsiteY12" fmla="*/ 212622 h 586480"/>
                <a:gd name="connsiteX13" fmla="*/ 276225 w 577493"/>
                <a:gd name="connsiteY13" fmla="*/ 410267 h 586480"/>
                <a:gd name="connsiteX14" fmla="*/ 176213 w 577493"/>
                <a:gd name="connsiteY14" fmla="*/ 586480 h 586480"/>
                <a:gd name="connsiteX15" fmla="*/ 73819 w 577493"/>
                <a:gd name="connsiteY15" fmla="*/ 515042 h 586480"/>
                <a:gd name="connsiteX16" fmla="*/ 0 w 577493"/>
                <a:gd name="connsiteY16" fmla="*/ 512660 h 586480"/>
                <a:gd name="connsiteX17" fmla="*/ 111919 w 577493"/>
                <a:gd name="connsiteY17" fmla="*/ 319778 h 586480"/>
                <a:gd name="connsiteX18" fmla="*/ 166688 w 577493"/>
                <a:gd name="connsiteY18" fmla="*/ 122135 h 586480"/>
                <a:gd name="connsiteX0" fmla="*/ 166688 w 587910"/>
                <a:gd name="connsiteY0" fmla="*/ 122135 h 586480"/>
                <a:gd name="connsiteX1" fmla="*/ 204788 w 587910"/>
                <a:gd name="connsiteY1" fmla="*/ 19741 h 586480"/>
                <a:gd name="connsiteX2" fmla="*/ 254794 w 587910"/>
                <a:gd name="connsiteY2" fmla="*/ 88797 h 586480"/>
                <a:gd name="connsiteX3" fmla="*/ 235744 w 587910"/>
                <a:gd name="connsiteY3" fmla="*/ 167378 h 586480"/>
                <a:gd name="connsiteX4" fmla="*/ 409575 w 587910"/>
                <a:gd name="connsiteY4" fmla="*/ 7835 h 586480"/>
                <a:gd name="connsiteX5" fmla="*/ 450057 w 587910"/>
                <a:gd name="connsiteY5" fmla="*/ 26885 h 586480"/>
                <a:gd name="connsiteX6" fmla="*/ 352426 w 587910"/>
                <a:gd name="connsiteY6" fmla="*/ 176904 h 586480"/>
                <a:gd name="connsiteX7" fmla="*/ 464344 w 587910"/>
                <a:gd name="connsiteY7" fmla="*/ 38791 h 586480"/>
                <a:gd name="connsiteX8" fmla="*/ 497681 w 587910"/>
                <a:gd name="connsiteY8" fmla="*/ 53079 h 586480"/>
                <a:gd name="connsiteX9" fmla="*/ 438150 w 587910"/>
                <a:gd name="connsiteY9" fmla="*/ 160236 h 586480"/>
                <a:gd name="connsiteX10" fmla="*/ 521494 w 587910"/>
                <a:gd name="connsiteY10" fmla="*/ 84034 h 586480"/>
                <a:gd name="connsiteX11" fmla="*/ 545307 w 587910"/>
                <a:gd name="connsiteY11" fmla="*/ 105466 h 586480"/>
                <a:gd name="connsiteX12" fmla="*/ 576264 w 587910"/>
                <a:gd name="connsiteY12" fmla="*/ 148329 h 586480"/>
                <a:gd name="connsiteX13" fmla="*/ 559594 w 587910"/>
                <a:gd name="connsiteY13" fmla="*/ 212622 h 586480"/>
                <a:gd name="connsiteX14" fmla="*/ 276225 w 587910"/>
                <a:gd name="connsiteY14" fmla="*/ 410267 h 586480"/>
                <a:gd name="connsiteX15" fmla="*/ 176213 w 587910"/>
                <a:gd name="connsiteY15" fmla="*/ 586480 h 586480"/>
                <a:gd name="connsiteX16" fmla="*/ 73819 w 587910"/>
                <a:gd name="connsiteY16" fmla="*/ 515042 h 586480"/>
                <a:gd name="connsiteX17" fmla="*/ 0 w 587910"/>
                <a:gd name="connsiteY17" fmla="*/ 512660 h 586480"/>
                <a:gd name="connsiteX18" fmla="*/ 111919 w 587910"/>
                <a:gd name="connsiteY18" fmla="*/ 319778 h 586480"/>
                <a:gd name="connsiteX19" fmla="*/ 166688 w 587910"/>
                <a:gd name="connsiteY19" fmla="*/ 122135 h 586480"/>
                <a:gd name="connsiteX0" fmla="*/ 166688 w 569412"/>
                <a:gd name="connsiteY0" fmla="*/ 122135 h 586480"/>
                <a:gd name="connsiteX1" fmla="*/ 204788 w 569412"/>
                <a:gd name="connsiteY1" fmla="*/ 19741 h 586480"/>
                <a:gd name="connsiteX2" fmla="*/ 254794 w 569412"/>
                <a:gd name="connsiteY2" fmla="*/ 88797 h 586480"/>
                <a:gd name="connsiteX3" fmla="*/ 235744 w 569412"/>
                <a:gd name="connsiteY3" fmla="*/ 167378 h 586480"/>
                <a:gd name="connsiteX4" fmla="*/ 409575 w 569412"/>
                <a:gd name="connsiteY4" fmla="*/ 7835 h 586480"/>
                <a:gd name="connsiteX5" fmla="*/ 450057 w 569412"/>
                <a:gd name="connsiteY5" fmla="*/ 26885 h 586480"/>
                <a:gd name="connsiteX6" fmla="*/ 352426 w 569412"/>
                <a:gd name="connsiteY6" fmla="*/ 176904 h 586480"/>
                <a:gd name="connsiteX7" fmla="*/ 464344 w 569412"/>
                <a:gd name="connsiteY7" fmla="*/ 38791 h 586480"/>
                <a:gd name="connsiteX8" fmla="*/ 497681 w 569412"/>
                <a:gd name="connsiteY8" fmla="*/ 53079 h 586480"/>
                <a:gd name="connsiteX9" fmla="*/ 438150 w 569412"/>
                <a:gd name="connsiteY9" fmla="*/ 160236 h 586480"/>
                <a:gd name="connsiteX10" fmla="*/ 521494 w 569412"/>
                <a:gd name="connsiteY10" fmla="*/ 84034 h 586480"/>
                <a:gd name="connsiteX11" fmla="*/ 545307 w 569412"/>
                <a:gd name="connsiteY11" fmla="*/ 105466 h 586480"/>
                <a:gd name="connsiteX12" fmla="*/ 450058 w 569412"/>
                <a:gd name="connsiteY12" fmla="*/ 234054 h 586480"/>
                <a:gd name="connsiteX13" fmla="*/ 559594 w 569412"/>
                <a:gd name="connsiteY13" fmla="*/ 212622 h 586480"/>
                <a:gd name="connsiteX14" fmla="*/ 276225 w 569412"/>
                <a:gd name="connsiteY14" fmla="*/ 410267 h 586480"/>
                <a:gd name="connsiteX15" fmla="*/ 176213 w 569412"/>
                <a:gd name="connsiteY15" fmla="*/ 586480 h 586480"/>
                <a:gd name="connsiteX16" fmla="*/ 73819 w 569412"/>
                <a:gd name="connsiteY16" fmla="*/ 515042 h 586480"/>
                <a:gd name="connsiteX17" fmla="*/ 0 w 569412"/>
                <a:gd name="connsiteY17" fmla="*/ 512660 h 586480"/>
                <a:gd name="connsiteX18" fmla="*/ 111919 w 569412"/>
                <a:gd name="connsiteY18" fmla="*/ 319778 h 586480"/>
                <a:gd name="connsiteX19" fmla="*/ 166688 w 569412"/>
                <a:gd name="connsiteY19" fmla="*/ 122135 h 586480"/>
                <a:gd name="connsiteX0" fmla="*/ 166688 w 576340"/>
                <a:gd name="connsiteY0" fmla="*/ 122135 h 586480"/>
                <a:gd name="connsiteX1" fmla="*/ 204788 w 576340"/>
                <a:gd name="connsiteY1" fmla="*/ 19741 h 586480"/>
                <a:gd name="connsiteX2" fmla="*/ 254794 w 576340"/>
                <a:gd name="connsiteY2" fmla="*/ 88797 h 586480"/>
                <a:gd name="connsiteX3" fmla="*/ 235744 w 576340"/>
                <a:gd name="connsiteY3" fmla="*/ 167378 h 586480"/>
                <a:gd name="connsiteX4" fmla="*/ 409575 w 576340"/>
                <a:gd name="connsiteY4" fmla="*/ 7835 h 586480"/>
                <a:gd name="connsiteX5" fmla="*/ 450057 w 576340"/>
                <a:gd name="connsiteY5" fmla="*/ 26885 h 586480"/>
                <a:gd name="connsiteX6" fmla="*/ 352426 w 576340"/>
                <a:gd name="connsiteY6" fmla="*/ 176904 h 586480"/>
                <a:gd name="connsiteX7" fmla="*/ 464344 w 576340"/>
                <a:gd name="connsiteY7" fmla="*/ 38791 h 586480"/>
                <a:gd name="connsiteX8" fmla="*/ 497681 w 576340"/>
                <a:gd name="connsiteY8" fmla="*/ 53079 h 586480"/>
                <a:gd name="connsiteX9" fmla="*/ 438150 w 576340"/>
                <a:gd name="connsiteY9" fmla="*/ 160236 h 586480"/>
                <a:gd name="connsiteX10" fmla="*/ 521494 w 576340"/>
                <a:gd name="connsiteY10" fmla="*/ 84034 h 586480"/>
                <a:gd name="connsiteX11" fmla="*/ 545307 w 576340"/>
                <a:gd name="connsiteY11" fmla="*/ 105466 h 586480"/>
                <a:gd name="connsiteX12" fmla="*/ 450058 w 576340"/>
                <a:gd name="connsiteY12" fmla="*/ 234054 h 586480"/>
                <a:gd name="connsiteX13" fmla="*/ 533400 w 576340"/>
                <a:gd name="connsiteY13" fmla="*/ 215004 h 586480"/>
                <a:gd name="connsiteX14" fmla="*/ 559594 w 576340"/>
                <a:gd name="connsiteY14" fmla="*/ 212622 h 586480"/>
                <a:gd name="connsiteX15" fmla="*/ 276225 w 576340"/>
                <a:gd name="connsiteY15" fmla="*/ 410267 h 586480"/>
                <a:gd name="connsiteX16" fmla="*/ 176213 w 576340"/>
                <a:gd name="connsiteY16" fmla="*/ 586480 h 586480"/>
                <a:gd name="connsiteX17" fmla="*/ 73819 w 576340"/>
                <a:gd name="connsiteY17" fmla="*/ 515042 h 586480"/>
                <a:gd name="connsiteX18" fmla="*/ 0 w 576340"/>
                <a:gd name="connsiteY18" fmla="*/ 512660 h 586480"/>
                <a:gd name="connsiteX19" fmla="*/ 111919 w 576340"/>
                <a:gd name="connsiteY19" fmla="*/ 319778 h 586480"/>
                <a:gd name="connsiteX20" fmla="*/ 166688 w 576340"/>
                <a:gd name="connsiteY20" fmla="*/ 122135 h 586480"/>
                <a:gd name="connsiteX0" fmla="*/ 166688 w 577317"/>
                <a:gd name="connsiteY0" fmla="*/ 122135 h 586480"/>
                <a:gd name="connsiteX1" fmla="*/ 204788 w 577317"/>
                <a:gd name="connsiteY1" fmla="*/ 19741 h 586480"/>
                <a:gd name="connsiteX2" fmla="*/ 254794 w 577317"/>
                <a:gd name="connsiteY2" fmla="*/ 88797 h 586480"/>
                <a:gd name="connsiteX3" fmla="*/ 235744 w 577317"/>
                <a:gd name="connsiteY3" fmla="*/ 167378 h 586480"/>
                <a:gd name="connsiteX4" fmla="*/ 409575 w 577317"/>
                <a:gd name="connsiteY4" fmla="*/ 7835 h 586480"/>
                <a:gd name="connsiteX5" fmla="*/ 450057 w 577317"/>
                <a:gd name="connsiteY5" fmla="*/ 26885 h 586480"/>
                <a:gd name="connsiteX6" fmla="*/ 352426 w 577317"/>
                <a:gd name="connsiteY6" fmla="*/ 176904 h 586480"/>
                <a:gd name="connsiteX7" fmla="*/ 464344 w 577317"/>
                <a:gd name="connsiteY7" fmla="*/ 38791 h 586480"/>
                <a:gd name="connsiteX8" fmla="*/ 497681 w 577317"/>
                <a:gd name="connsiteY8" fmla="*/ 53079 h 586480"/>
                <a:gd name="connsiteX9" fmla="*/ 438150 w 577317"/>
                <a:gd name="connsiteY9" fmla="*/ 160236 h 586480"/>
                <a:gd name="connsiteX10" fmla="*/ 521494 w 577317"/>
                <a:gd name="connsiteY10" fmla="*/ 84034 h 586480"/>
                <a:gd name="connsiteX11" fmla="*/ 545307 w 577317"/>
                <a:gd name="connsiteY11" fmla="*/ 105466 h 586480"/>
                <a:gd name="connsiteX12" fmla="*/ 450058 w 577317"/>
                <a:gd name="connsiteY12" fmla="*/ 234054 h 586480"/>
                <a:gd name="connsiteX13" fmla="*/ 538162 w 577317"/>
                <a:gd name="connsiteY13" fmla="*/ 167379 h 586480"/>
                <a:gd name="connsiteX14" fmla="*/ 559594 w 577317"/>
                <a:gd name="connsiteY14" fmla="*/ 212622 h 586480"/>
                <a:gd name="connsiteX15" fmla="*/ 276225 w 577317"/>
                <a:gd name="connsiteY15" fmla="*/ 410267 h 586480"/>
                <a:gd name="connsiteX16" fmla="*/ 176213 w 577317"/>
                <a:gd name="connsiteY16" fmla="*/ 586480 h 586480"/>
                <a:gd name="connsiteX17" fmla="*/ 73819 w 577317"/>
                <a:gd name="connsiteY17" fmla="*/ 515042 h 586480"/>
                <a:gd name="connsiteX18" fmla="*/ 0 w 577317"/>
                <a:gd name="connsiteY18" fmla="*/ 512660 h 586480"/>
                <a:gd name="connsiteX19" fmla="*/ 111919 w 577317"/>
                <a:gd name="connsiteY19" fmla="*/ 319778 h 586480"/>
                <a:gd name="connsiteX20" fmla="*/ 166688 w 577317"/>
                <a:gd name="connsiteY20" fmla="*/ 122135 h 586480"/>
                <a:gd name="connsiteX0" fmla="*/ 166688 w 552866"/>
                <a:gd name="connsiteY0" fmla="*/ 122135 h 586480"/>
                <a:gd name="connsiteX1" fmla="*/ 204788 w 552866"/>
                <a:gd name="connsiteY1" fmla="*/ 19741 h 586480"/>
                <a:gd name="connsiteX2" fmla="*/ 254794 w 552866"/>
                <a:gd name="connsiteY2" fmla="*/ 88797 h 586480"/>
                <a:gd name="connsiteX3" fmla="*/ 235744 w 552866"/>
                <a:gd name="connsiteY3" fmla="*/ 167378 h 586480"/>
                <a:gd name="connsiteX4" fmla="*/ 409575 w 552866"/>
                <a:gd name="connsiteY4" fmla="*/ 7835 h 586480"/>
                <a:gd name="connsiteX5" fmla="*/ 450057 w 552866"/>
                <a:gd name="connsiteY5" fmla="*/ 26885 h 586480"/>
                <a:gd name="connsiteX6" fmla="*/ 352426 w 552866"/>
                <a:gd name="connsiteY6" fmla="*/ 176904 h 586480"/>
                <a:gd name="connsiteX7" fmla="*/ 464344 w 552866"/>
                <a:gd name="connsiteY7" fmla="*/ 38791 h 586480"/>
                <a:gd name="connsiteX8" fmla="*/ 497681 w 552866"/>
                <a:gd name="connsiteY8" fmla="*/ 53079 h 586480"/>
                <a:gd name="connsiteX9" fmla="*/ 438150 w 552866"/>
                <a:gd name="connsiteY9" fmla="*/ 160236 h 586480"/>
                <a:gd name="connsiteX10" fmla="*/ 521494 w 552866"/>
                <a:gd name="connsiteY10" fmla="*/ 84034 h 586480"/>
                <a:gd name="connsiteX11" fmla="*/ 545307 w 552866"/>
                <a:gd name="connsiteY11" fmla="*/ 105466 h 586480"/>
                <a:gd name="connsiteX12" fmla="*/ 450058 w 552866"/>
                <a:gd name="connsiteY12" fmla="*/ 234054 h 586480"/>
                <a:gd name="connsiteX13" fmla="*/ 538162 w 552866"/>
                <a:gd name="connsiteY13" fmla="*/ 167379 h 586480"/>
                <a:gd name="connsiteX14" fmla="*/ 521494 w 552866"/>
                <a:gd name="connsiteY14" fmla="*/ 224528 h 586480"/>
                <a:gd name="connsiteX15" fmla="*/ 276225 w 552866"/>
                <a:gd name="connsiteY15" fmla="*/ 410267 h 586480"/>
                <a:gd name="connsiteX16" fmla="*/ 176213 w 552866"/>
                <a:gd name="connsiteY16" fmla="*/ 586480 h 586480"/>
                <a:gd name="connsiteX17" fmla="*/ 73819 w 552866"/>
                <a:gd name="connsiteY17" fmla="*/ 515042 h 586480"/>
                <a:gd name="connsiteX18" fmla="*/ 0 w 552866"/>
                <a:gd name="connsiteY18" fmla="*/ 512660 h 586480"/>
                <a:gd name="connsiteX19" fmla="*/ 111919 w 552866"/>
                <a:gd name="connsiteY19" fmla="*/ 319778 h 586480"/>
                <a:gd name="connsiteX20" fmla="*/ 166688 w 552866"/>
                <a:gd name="connsiteY20" fmla="*/ 122135 h 586480"/>
                <a:gd name="connsiteX0" fmla="*/ 166688 w 555129"/>
                <a:gd name="connsiteY0" fmla="*/ 122135 h 586480"/>
                <a:gd name="connsiteX1" fmla="*/ 204788 w 555129"/>
                <a:gd name="connsiteY1" fmla="*/ 19741 h 586480"/>
                <a:gd name="connsiteX2" fmla="*/ 254794 w 555129"/>
                <a:gd name="connsiteY2" fmla="*/ 88797 h 586480"/>
                <a:gd name="connsiteX3" fmla="*/ 235744 w 555129"/>
                <a:gd name="connsiteY3" fmla="*/ 167378 h 586480"/>
                <a:gd name="connsiteX4" fmla="*/ 409575 w 555129"/>
                <a:gd name="connsiteY4" fmla="*/ 7835 h 586480"/>
                <a:gd name="connsiteX5" fmla="*/ 450057 w 555129"/>
                <a:gd name="connsiteY5" fmla="*/ 26885 h 586480"/>
                <a:gd name="connsiteX6" fmla="*/ 352426 w 555129"/>
                <a:gd name="connsiteY6" fmla="*/ 176904 h 586480"/>
                <a:gd name="connsiteX7" fmla="*/ 464344 w 555129"/>
                <a:gd name="connsiteY7" fmla="*/ 38791 h 586480"/>
                <a:gd name="connsiteX8" fmla="*/ 497681 w 555129"/>
                <a:gd name="connsiteY8" fmla="*/ 53079 h 586480"/>
                <a:gd name="connsiteX9" fmla="*/ 438150 w 555129"/>
                <a:gd name="connsiteY9" fmla="*/ 160236 h 586480"/>
                <a:gd name="connsiteX10" fmla="*/ 521494 w 555129"/>
                <a:gd name="connsiteY10" fmla="*/ 84034 h 586480"/>
                <a:gd name="connsiteX11" fmla="*/ 545307 w 555129"/>
                <a:gd name="connsiteY11" fmla="*/ 105466 h 586480"/>
                <a:gd name="connsiteX12" fmla="*/ 450058 w 555129"/>
                <a:gd name="connsiteY12" fmla="*/ 234054 h 586480"/>
                <a:gd name="connsiteX13" fmla="*/ 538162 w 555129"/>
                <a:gd name="connsiteY13" fmla="*/ 167379 h 586480"/>
                <a:gd name="connsiteX14" fmla="*/ 526256 w 555129"/>
                <a:gd name="connsiteY14" fmla="*/ 236434 h 586480"/>
                <a:gd name="connsiteX15" fmla="*/ 276225 w 555129"/>
                <a:gd name="connsiteY15" fmla="*/ 410267 h 586480"/>
                <a:gd name="connsiteX16" fmla="*/ 176213 w 555129"/>
                <a:gd name="connsiteY16" fmla="*/ 586480 h 586480"/>
                <a:gd name="connsiteX17" fmla="*/ 73819 w 555129"/>
                <a:gd name="connsiteY17" fmla="*/ 515042 h 586480"/>
                <a:gd name="connsiteX18" fmla="*/ 0 w 555129"/>
                <a:gd name="connsiteY18" fmla="*/ 512660 h 586480"/>
                <a:gd name="connsiteX19" fmla="*/ 111919 w 555129"/>
                <a:gd name="connsiteY19" fmla="*/ 319778 h 586480"/>
                <a:gd name="connsiteX20" fmla="*/ 166688 w 555129"/>
                <a:gd name="connsiteY20" fmla="*/ 122135 h 586480"/>
                <a:gd name="connsiteX0" fmla="*/ 166688 w 555129"/>
                <a:gd name="connsiteY0" fmla="*/ 122135 h 586480"/>
                <a:gd name="connsiteX1" fmla="*/ 204788 w 555129"/>
                <a:gd name="connsiteY1" fmla="*/ 19741 h 586480"/>
                <a:gd name="connsiteX2" fmla="*/ 254794 w 555129"/>
                <a:gd name="connsiteY2" fmla="*/ 88797 h 586480"/>
                <a:gd name="connsiteX3" fmla="*/ 235744 w 555129"/>
                <a:gd name="connsiteY3" fmla="*/ 167378 h 586480"/>
                <a:gd name="connsiteX4" fmla="*/ 409575 w 555129"/>
                <a:gd name="connsiteY4" fmla="*/ 7835 h 586480"/>
                <a:gd name="connsiteX5" fmla="*/ 450057 w 555129"/>
                <a:gd name="connsiteY5" fmla="*/ 26885 h 586480"/>
                <a:gd name="connsiteX6" fmla="*/ 352426 w 555129"/>
                <a:gd name="connsiteY6" fmla="*/ 176904 h 586480"/>
                <a:gd name="connsiteX7" fmla="*/ 464344 w 555129"/>
                <a:gd name="connsiteY7" fmla="*/ 38791 h 586480"/>
                <a:gd name="connsiteX8" fmla="*/ 497681 w 555129"/>
                <a:gd name="connsiteY8" fmla="*/ 53079 h 586480"/>
                <a:gd name="connsiteX9" fmla="*/ 438150 w 555129"/>
                <a:gd name="connsiteY9" fmla="*/ 160236 h 586480"/>
                <a:gd name="connsiteX10" fmla="*/ 521494 w 555129"/>
                <a:gd name="connsiteY10" fmla="*/ 84034 h 586480"/>
                <a:gd name="connsiteX11" fmla="*/ 545307 w 555129"/>
                <a:gd name="connsiteY11" fmla="*/ 105466 h 586480"/>
                <a:gd name="connsiteX12" fmla="*/ 450058 w 555129"/>
                <a:gd name="connsiteY12" fmla="*/ 234054 h 586480"/>
                <a:gd name="connsiteX13" fmla="*/ 538162 w 555129"/>
                <a:gd name="connsiteY13" fmla="*/ 167379 h 586480"/>
                <a:gd name="connsiteX14" fmla="*/ 526256 w 555129"/>
                <a:gd name="connsiteY14" fmla="*/ 236434 h 586480"/>
                <a:gd name="connsiteX15" fmla="*/ 276225 w 555129"/>
                <a:gd name="connsiteY15" fmla="*/ 410267 h 586480"/>
                <a:gd name="connsiteX16" fmla="*/ 176213 w 555129"/>
                <a:gd name="connsiteY16" fmla="*/ 586480 h 586480"/>
                <a:gd name="connsiteX17" fmla="*/ 73819 w 555129"/>
                <a:gd name="connsiteY17" fmla="*/ 515042 h 586480"/>
                <a:gd name="connsiteX18" fmla="*/ 0 w 555129"/>
                <a:gd name="connsiteY18" fmla="*/ 512660 h 586480"/>
                <a:gd name="connsiteX19" fmla="*/ 111919 w 555129"/>
                <a:gd name="connsiteY19" fmla="*/ 319778 h 586480"/>
                <a:gd name="connsiteX20" fmla="*/ 166688 w 555129"/>
                <a:gd name="connsiteY20" fmla="*/ 122135 h 586480"/>
                <a:gd name="connsiteX0" fmla="*/ 166688 w 555129"/>
                <a:gd name="connsiteY0" fmla="*/ 122135 h 586480"/>
                <a:gd name="connsiteX1" fmla="*/ 204788 w 555129"/>
                <a:gd name="connsiteY1" fmla="*/ 19741 h 586480"/>
                <a:gd name="connsiteX2" fmla="*/ 254794 w 555129"/>
                <a:gd name="connsiteY2" fmla="*/ 88797 h 586480"/>
                <a:gd name="connsiteX3" fmla="*/ 235744 w 555129"/>
                <a:gd name="connsiteY3" fmla="*/ 167378 h 586480"/>
                <a:gd name="connsiteX4" fmla="*/ 409575 w 555129"/>
                <a:gd name="connsiteY4" fmla="*/ 7835 h 586480"/>
                <a:gd name="connsiteX5" fmla="*/ 450057 w 555129"/>
                <a:gd name="connsiteY5" fmla="*/ 26885 h 586480"/>
                <a:gd name="connsiteX6" fmla="*/ 352426 w 555129"/>
                <a:gd name="connsiteY6" fmla="*/ 176904 h 586480"/>
                <a:gd name="connsiteX7" fmla="*/ 464344 w 555129"/>
                <a:gd name="connsiteY7" fmla="*/ 38791 h 586480"/>
                <a:gd name="connsiteX8" fmla="*/ 497681 w 555129"/>
                <a:gd name="connsiteY8" fmla="*/ 53079 h 586480"/>
                <a:gd name="connsiteX9" fmla="*/ 438150 w 555129"/>
                <a:gd name="connsiteY9" fmla="*/ 160236 h 586480"/>
                <a:gd name="connsiteX10" fmla="*/ 521494 w 555129"/>
                <a:gd name="connsiteY10" fmla="*/ 84034 h 586480"/>
                <a:gd name="connsiteX11" fmla="*/ 545307 w 555129"/>
                <a:gd name="connsiteY11" fmla="*/ 105466 h 586480"/>
                <a:gd name="connsiteX12" fmla="*/ 450058 w 555129"/>
                <a:gd name="connsiteY12" fmla="*/ 234054 h 586480"/>
                <a:gd name="connsiteX13" fmla="*/ 538162 w 555129"/>
                <a:gd name="connsiteY13" fmla="*/ 167379 h 586480"/>
                <a:gd name="connsiteX14" fmla="*/ 526256 w 555129"/>
                <a:gd name="connsiteY14" fmla="*/ 236434 h 586480"/>
                <a:gd name="connsiteX15" fmla="*/ 276225 w 555129"/>
                <a:gd name="connsiteY15" fmla="*/ 410267 h 586480"/>
                <a:gd name="connsiteX16" fmla="*/ 176213 w 555129"/>
                <a:gd name="connsiteY16" fmla="*/ 586480 h 586480"/>
                <a:gd name="connsiteX17" fmla="*/ 73819 w 555129"/>
                <a:gd name="connsiteY17" fmla="*/ 515042 h 586480"/>
                <a:gd name="connsiteX18" fmla="*/ 0 w 555129"/>
                <a:gd name="connsiteY18" fmla="*/ 512660 h 586480"/>
                <a:gd name="connsiteX19" fmla="*/ 111919 w 555129"/>
                <a:gd name="connsiteY19" fmla="*/ 319778 h 586480"/>
                <a:gd name="connsiteX20" fmla="*/ 166688 w 555129"/>
                <a:gd name="connsiteY20" fmla="*/ 122135 h 586480"/>
                <a:gd name="connsiteX0" fmla="*/ 166688 w 555129"/>
                <a:gd name="connsiteY0" fmla="*/ 122135 h 586480"/>
                <a:gd name="connsiteX1" fmla="*/ 204788 w 555129"/>
                <a:gd name="connsiteY1" fmla="*/ 19741 h 586480"/>
                <a:gd name="connsiteX2" fmla="*/ 254794 w 555129"/>
                <a:gd name="connsiteY2" fmla="*/ 88797 h 586480"/>
                <a:gd name="connsiteX3" fmla="*/ 235744 w 555129"/>
                <a:gd name="connsiteY3" fmla="*/ 167378 h 586480"/>
                <a:gd name="connsiteX4" fmla="*/ 409575 w 555129"/>
                <a:gd name="connsiteY4" fmla="*/ 7835 h 586480"/>
                <a:gd name="connsiteX5" fmla="*/ 450057 w 555129"/>
                <a:gd name="connsiteY5" fmla="*/ 26885 h 586480"/>
                <a:gd name="connsiteX6" fmla="*/ 352426 w 555129"/>
                <a:gd name="connsiteY6" fmla="*/ 176904 h 586480"/>
                <a:gd name="connsiteX7" fmla="*/ 464344 w 555129"/>
                <a:gd name="connsiteY7" fmla="*/ 38791 h 586480"/>
                <a:gd name="connsiteX8" fmla="*/ 497681 w 555129"/>
                <a:gd name="connsiteY8" fmla="*/ 53079 h 586480"/>
                <a:gd name="connsiteX9" fmla="*/ 438150 w 555129"/>
                <a:gd name="connsiteY9" fmla="*/ 160236 h 586480"/>
                <a:gd name="connsiteX10" fmla="*/ 521494 w 555129"/>
                <a:gd name="connsiteY10" fmla="*/ 84034 h 586480"/>
                <a:gd name="connsiteX11" fmla="*/ 545307 w 555129"/>
                <a:gd name="connsiteY11" fmla="*/ 105466 h 586480"/>
                <a:gd name="connsiteX12" fmla="*/ 450058 w 555129"/>
                <a:gd name="connsiteY12" fmla="*/ 234054 h 586480"/>
                <a:gd name="connsiteX13" fmla="*/ 538162 w 555129"/>
                <a:gd name="connsiteY13" fmla="*/ 167379 h 586480"/>
                <a:gd name="connsiteX14" fmla="*/ 526256 w 555129"/>
                <a:gd name="connsiteY14" fmla="*/ 236434 h 586480"/>
                <a:gd name="connsiteX15" fmla="*/ 276225 w 555129"/>
                <a:gd name="connsiteY15" fmla="*/ 410267 h 586480"/>
                <a:gd name="connsiteX16" fmla="*/ 176213 w 555129"/>
                <a:gd name="connsiteY16" fmla="*/ 586480 h 586480"/>
                <a:gd name="connsiteX17" fmla="*/ 73819 w 555129"/>
                <a:gd name="connsiteY17" fmla="*/ 515042 h 586480"/>
                <a:gd name="connsiteX18" fmla="*/ 0 w 555129"/>
                <a:gd name="connsiteY18" fmla="*/ 512660 h 586480"/>
                <a:gd name="connsiteX19" fmla="*/ 111919 w 555129"/>
                <a:gd name="connsiteY19" fmla="*/ 319778 h 586480"/>
                <a:gd name="connsiteX20" fmla="*/ 166688 w 555129"/>
                <a:gd name="connsiteY20" fmla="*/ 122135 h 586480"/>
                <a:gd name="connsiteX0" fmla="*/ 166688 w 555129"/>
                <a:gd name="connsiteY0" fmla="*/ 122135 h 586480"/>
                <a:gd name="connsiteX1" fmla="*/ 204788 w 555129"/>
                <a:gd name="connsiteY1" fmla="*/ 19741 h 586480"/>
                <a:gd name="connsiteX2" fmla="*/ 254794 w 555129"/>
                <a:gd name="connsiteY2" fmla="*/ 88797 h 586480"/>
                <a:gd name="connsiteX3" fmla="*/ 235744 w 555129"/>
                <a:gd name="connsiteY3" fmla="*/ 167378 h 586480"/>
                <a:gd name="connsiteX4" fmla="*/ 409575 w 555129"/>
                <a:gd name="connsiteY4" fmla="*/ 7835 h 586480"/>
                <a:gd name="connsiteX5" fmla="*/ 450057 w 555129"/>
                <a:gd name="connsiteY5" fmla="*/ 26885 h 586480"/>
                <a:gd name="connsiteX6" fmla="*/ 352426 w 555129"/>
                <a:gd name="connsiteY6" fmla="*/ 176904 h 586480"/>
                <a:gd name="connsiteX7" fmla="*/ 464344 w 555129"/>
                <a:gd name="connsiteY7" fmla="*/ 38791 h 586480"/>
                <a:gd name="connsiteX8" fmla="*/ 497681 w 555129"/>
                <a:gd name="connsiteY8" fmla="*/ 53079 h 586480"/>
                <a:gd name="connsiteX9" fmla="*/ 438150 w 555129"/>
                <a:gd name="connsiteY9" fmla="*/ 160236 h 586480"/>
                <a:gd name="connsiteX10" fmla="*/ 521494 w 555129"/>
                <a:gd name="connsiteY10" fmla="*/ 84034 h 586480"/>
                <a:gd name="connsiteX11" fmla="*/ 545307 w 555129"/>
                <a:gd name="connsiteY11" fmla="*/ 105466 h 586480"/>
                <a:gd name="connsiteX12" fmla="*/ 450058 w 555129"/>
                <a:gd name="connsiteY12" fmla="*/ 234054 h 586480"/>
                <a:gd name="connsiteX13" fmla="*/ 538162 w 555129"/>
                <a:gd name="connsiteY13" fmla="*/ 167379 h 586480"/>
                <a:gd name="connsiteX14" fmla="*/ 526256 w 555129"/>
                <a:gd name="connsiteY14" fmla="*/ 236434 h 586480"/>
                <a:gd name="connsiteX15" fmla="*/ 276225 w 555129"/>
                <a:gd name="connsiteY15" fmla="*/ 410267 h 586480"/>
                <a:gd name="connsiteX16" fmla="*/ 176213 w 555129"/>
                <a:gd name="connsiteY16" fmla="*/ 586480 h 586480"/>
                <a:gd name="connsiteX17" fmla="*/ 73819 w 555129"/>
                <a:gd name="connsiteY17" fmla="*/ 515042 h 586480"/>
                <a:gd name="connsiteX18" fmla="*/ 0 w 555129"/>
                <a:gd name="connsiteY18" fmla="*/ 512660 h 586480"/>
                <a:gd name="connsiteX19" fmla="*/ 111919 w 555129"/>
                <a:gd name="connsiteY19" fmla="*/ 319778 h 586480"/>
                <a:gd name="connsiteX20" fmla="*/ 166688 w 555129"/>
                <a:gd name="connsiteY20" fmla="*/ 122135 h 586480"/>
                <a:gd name="connsiteX0" fmla="*/ 166688 w 555129"/>
                <a:gd name="connsiteY0" fmla="*/ 122595 h 586940"/>
                <a:gd name="connsiteX1" fmla="*/ 204788 w 555129"/>
                <a:gd name="connsiteY1" fmla="*/ 20201 h 586940"/>
                <a:gd name="connsiteX2" fmla="*/ 254794 w 555129"/>
                <a:gd name="connsiteY2" fmla="*/ 89257 h 586940"/>
                <a:gd name="connsiteX3" fmla="*/ 235744 w 555129"/>
                <a:gd name="connsiteY3" fmla="*/ 167838 h 586940"/>
                <a:gd name="connsiteX4" fmla="*/ 409575 w 555129"/>
                <a:gd name="connsiteY4" fmla="*/ 8295 h 586940"/>
                <a:gd name="connsiteX5" fmla="*/ 450057 w 555129"/>
                <a:gd name="connsiteY5" fmla="*/ 27345 h 586940"/>
                <a:gd name="connsiteX6" fmla="*/ 352426 w 555129"/>
                <a:gd name="connsiteY6" fmla="*/ 177364 h 586940"/>
                <a:gd name="connsiteX7" fmla="*/ 464344 w 555129"/>
                <a:gd name="connsiteY7" fmla="*/ 39251 h 586940"/>
                <a:gd name="connsiteX8" fmla="*/ 497681 w 555129"/>
                <a:gd name="connsiteY8" fmla="*/ 53539 h 586940"/>
                <a:gd name="connsiteX9" fmla="*/ 438150 w 555129"/>
                <a:gd name="connsiteY9" fmla="*/ 160696 h 586940"/>
                <a:gd name="connsiteX10" fmla="*/ 521494 w 555129"/>
                <a:gd name="connsiteY10" fmla="*/ 84494 h 586940"/>
                <a:gd name="connsiteX11" fmla="*/ 545307 w 555129"/>
                <a:gd name="connsiteY11" fmla="*/ 105926 h 586940"/>
                <a:gd name="connsiteX12" fmla="*/ 450058 w 555129"/>
                <a:gd name="connsiteY12" fmla="*/ 234514 h 586940"/>
                <a:gd name="connsiteX13" fmla="*/ 538162 w 555129"/>
                <a:gd name="connsiteY13" fmla="*/ 167839 h 586940"/>
                <a:gd name="connsiteX14" fmla="*/ 526256 w 555129"/>
                <a:gd name="connsiteY14" fmla="*/ 236894 h 586940"/>
                <a:gd name="connsiteX15" fmla="*/ 276225 w 555129"/>
                <a:gd name="connsiteY15" fmla="*/ 410727 h 586940"/>
                <a:gd name="connsiteX16" fmla="*/ 176213 w 555129"/>
                <a:gd name="connsiteY16" fmla="*/ 586940 h 586940"/>
                <a:gd name="connsiteX17" fmla="*/ 73819 w 555129"/>
                <a:gd name="connsiteY17" fmla="*/ 515502 h 586940"/>
                <a:gd name="connsiteX18" fmla="*/ 0 w 555129"/>
                <a:gd name="connsiteY18" fmla="*/ 513120 h 586940"/>
                <a:gd name="connsiteX19" fmla="*/ 111919 w 555129"/>
                <a:gd name="connsiteY19" fmla="*/ 320238 h 586940"/>
                <a:gd name="connsiteX20" fmla="*/ 166688 w 555129"/>
                <a:gd name="connsiteY20" fmla="*/ 122595 h 586940"/>
                <a:gd name="connsiteX0" fmla="*/ 166688 w 555129"/>
                <a:gd name="connsiteY0" fmla="*/ 118297 h 582642"/>
                <a:gd name="connsiteX1" fmla="*/ 204788 w 555129"/>
                <a:gd name="connsiteY1" fmla="*/ 15903 h 582642"/>
                <a:gd name="connsiteX2" fmla="*/ 254794 w 555129"/>
                <a:gd name="connsiteY2" fmla="*/ 84959 h 582642"/>
                <a:gd name="connsiteX3" fmla="*/ 235744 w 555129"/>
                <a:gd name="connsiteY3" fmla="*/ 163540 h 582642"/>
                <a:gd name="connsiteX4" fmla="*/ 409575 w 555129"/>
                <a:gd name="connsiteY4" fmla="*/ 3997 h 582642"/>
                <a:gd name="connsiteX5" fmla="*/ 450057 w 555129"/>
                <a:gd name="connsiteY5" fmla="*/ 23047 h 582642"/>
                <a:gd name="connsiteX6" fmla="*/ 352426 w 555129"/>
                <a:gd name="connsiteY6" fmla="*/ 173066 h 582642"/>
                <a:gd name="connsiteX7" fmla="*/ 464344 w 555129"/>
                <a:gd name="connsiteY7" fmla="*/ 34953 h 582642"/>
                <a:gd name="connsiteX8" fmla="*/ 497681 w 555129"/>
                <a:gd name="connsiteY8" fmla="*/ 49241 h 582642"/>
                <a:gd name="connsiteX9" fmla="*/ 438150 w 555129"/>
                <a:gd name="connsiteY9" fmla="*/ 156398 h 582642"/>
                <a:gd name="connsiteX10" fmla="*/ 521494 w 555129"/>
                <a:gd name="connsiteY10" fmla="*/ 80196 h 582642"/>
                <a:gd name="connsiteX11" fmla="*/ 545307 w 555129"/>
                <a:gd name="connsiteY11" fmla="*/ 101628 h 582642"/>
                <a:gd name="connsiteX12" fmla="*/ 450058 w 555129"/>
                <a:gd name="connsiteY12" fmla="*/ 230216 h 582642"/>
                <a:gd name="connsiteX13" fmla="*/ 538162 w 555129"/>
                <a:gd name="connsiteY13" fmla="*/ 163541 h 582642"/>
                <a:gd name="connsiteX14" fmla="*/ 526256 w 555129"/>
                <a:gd name="connsiteY14" fmla="*/ 232596 h 582642"/>
                <a:gd name="connsiteX15" fmla="*/ 276225 w 555129"/>
                <a:gd name="connsiteY15" fmla="*/ 406429 h 582642"/>
                <a:gd name="connsiteX16" fmla="*/ 176213 w 555129"/>
                <a:gd name="connsiteY16" fmla="*/ 582642 h 582642"/>
                <a:gd name="connsiteX17" fmla="*/ 73819 w 555129"/>
                <a:gd name="connsiteY17" fmla="*/ 511204 h 582642"/>
                <a:gd name="connsiteX18" fmla="*/ 0 w 555129"/>
                <a:gd name="connsiteY18" fmla="*/ 508822 h 582642"/>
                <a:gd name="connsiteX19" fmla="*/ 111919 w 555129"/>
                <a:gd name="connsiteY19" fmla="*/ 315940 h 582642"/>
                <a:gd name="connsiteX20" fmla="*/ 166688 w 555129"/>
                <a:gd name="connsiteY20" fmla="*/ 118297 h 582642"/>
                <a:gd name="connsiteX0" fmla="*/ 166688 w 555129"/>
                <a:gd name="connsiteY0" fmla="*/ 118140 h 582485"/>
                <a:gd name="connsiteX1" fmla="*/ 204788 w 555129"/>
                <a:gd name="connsiteY1" fmla="*/ 15746 h 582485"/>
                <a:gd name="connsiteX2" fmla="*/ 254794 w 555129"/>
                <a:gd name="connsiteY2" fmla="*/ 84802 h 582485"/>
                <a:gd name="connsiteX3" fmla="*/ 235744 w 555129"/>
                <a:gd name="connsiteY3" fmla="*/ 163383 h 582485"/>
                <a:gd name="connsiteX4" fmla="*/ 409575 w 555129"/>
                <a:gd name="connsiteY4" fmla="*/ 3840 h 582485"/>
                <a:gd name="connsiteX5" fmla="*/ 446797 w 555129"/>
                <a:gd name="connsiteY5" fmla="*/ 23977 h 582485"/>
                <a:gd name="connsiteX6" fmla="*/ 352426 w 555129"/>
                <a:gd name="connsiteY6" fmla="*/ 172909 h 582485"/>
                <a:gd name="connsiteX7" fmla="*/ 464344 w 555129"/>
                <a:gd name="connsiteY7" fmla="*/ 34796 h 582485"/>
                <a:gd name="connsiteX8" fmla="*/ 497681 w 555129"/>
                <a:gd name="connsiteY8" fmla="*/ 49084 h 582485"/>
                <a:gd name="connsiteX9" fmla="*/ 438150 w 555129"/>
                <a:gd name="connsiteY9" fmla="*/ 156241 h 582485"/>
                <a:gd name="connsiteX10" fmla="*/ 521494 w 555129"/>
                <a:gd name="connsiteY10" fmla="*/ 80039 h 582485"/>
                <a:gd name="connsiteX11" fmla="*/ 545307 w 555129"/>
                <a:gd name="connsiteY11" fmla="*/ 101471 h 582485"/>
                <a:gd name="connsiteX12" fmla="*/ 450058 w 555129"/>
                <a:gd name="connsiteY12" fmla="*/ 230059 h 582485"/>
                <a:gd name="connsiteX13" fmla="*/ 538162 w 555129"/>
                <a:gd name="connsiteY13" fmla="*/ 163384 h 582485"/>
                <a:gd name="connsiteX14" fmla="*/ 526256 w 555129"/>
                <a:gd name="connsiteY14" fmla="*/ 232439 h 582485"/>
                <a:gd name="connsiteX15" fmla="*/ 276225 w 555129"/>
                <a:gd name="connsiteY15" fmla="*/ 406272 h 582485"/>
                <a:gd name="connsiteX16" fmla="*/ 176213 w 555129"/>
                <a:gd name="connsiteY16" fmla="*/ 582485 h 582485"/>
                <a:gd name="connsiteX17" fmla="*/ 73819 w 555129"/>
                <a:gd name="connsiteY17" fmla="*/ 511047 h 582485"/>
                <a:gd name="connsiteX18" fmla="*/ 0 w 555129"/>
                <a:gd name="connsiteY18" fmla="*/ 508665 h 582485"/>
                <a:gd name="connsiteX19" fmla="*/ 111919 w 555129"/>
                <a:gd name="connsiteY19" fmla="*/ 315783 h 582485"/>
                <a:gd name="connsiteX20" fmla="*/ 166688 w 555129"/>
                <a:gd name="connsiteY20" fmla="*/ 118140 h 582485"/>
                <a:gd name="connsiteX0" fmla="*/ 166688 w 555129"/>
                <a:gd name="connsiteY0" fmla="*/ 120422 h 584767"/>
                <a:gd name="connsiteX1" fmla="*/ 204788 w 555129"/>
                <a:gd name="connsiteY1" fmla="*/ 18028 h 584767"/>
                <a:gd name="connsiteX2" fmla="*/ 254794 w 555129"/>
                <a:gd name="connsiteY2" fmla="*/ 87084 h 584767"/>
                <a:gd name="connsiteX3" fmla="*/ 235744 w 555129"/>
                <a:gd name="connsiteY3" fmla="*/ 165665 h 584767"/>
                <a:gd name="connsiteX4" fmla="*/ 409575 w 555129"/>
                <a:gd name="connsiteY4" fmla="*/ 6122 h 584767"/>
                <a:gd name="connsiteX5" fmla="*/ 446797 w 555129"/>
                <a:gd name="connsiteY5" fmla="*/ 26259 h 584767"/>
                <a:gd name="connsiteX6" fmla="*/ 352426 w 555129"/>
                <a:gd name="connsiteY6" fmla="*/ 175191 h 584767"/>
                <a:gd name="connsiteX7" fmla="*/ 464344 w 555129"/>
                <a:gd name="connsiteY7" fmla="*/ 37078 h 584767"/>
                <a:gd name="connsiteX8" fmla="*/ 497681 w 555129"/>
                <a:gd name="connsiteY8" fmla="*/ 51366 h 584767"/>
                <a:gd name="connsiteX9" fmla="*/ 438150 w 555129"/>
                <a:gd name="connsiteY9" fmla="*/ 158523 h 584767"/>
                <a:gd name="connsiteX10" fmla="*/ 521494 w 555129"/>
                <a:gd name="connsiteY10" fmla="*/ 82321 h 584767"/>
                <a:gd name="connsiteX11" fmla="*/ 545307 w 555129"/>
                <a:gd name="connsiteY11" fmla="*/ 103753 h 584767"/>
                <a:gd name="connsiteX12" fmla="*/ 450058 w 555129"/>
                <a:gd name="connsiteY12" fmla="*/ 232341 h 584767"/>
                <a:gd name="connsiteX13" fmla="*/ 538162 w 555129"/>
                <a:gd name="connsiteY13" fmla="*/ 165666 h 584767"/>
                <a:gd name="connsiteX14" fmla="*/ 526256 w 555129"/>
                <a:gd name="connsiteY14" fmla="*/ 234721 h 584767"/>
                <a:gd name="connsiteX15" fmla="*/ 276225 w 555129"/>
                <a:gd name="connsiteY15" fmla="*/ 408554 h 584767"/>
                <a:gd name="connsiteX16" fmla="*/ 176213 w 555129"/>
                <a:gd name="connsiteY16" fmla="*/ 584767 h 584767"/>
                <a:gd name="connsiteX17" fmla="*/ 73819 w 555129"/>
                <a:gd name="connsiteY17" fmla="*/ 513329 h 584767"/>
                <a:gd name="connsiteX18" fmla="*/ 0 w 555129"/>
                <a:gd name="connsiteY18" fmla="*/ 510947 h 584767"/>
                <a:gd name="connsiteX19" fmla="*/ 111919 w 555129"/>
                <a:gd name="connsiteY19" fmla="*/ 318065 h 584767"/>
                <a:gd name="connsiteX20" fmla="*/ 166688 w 555129"/>
                <a:gd name="connsiteY20" fmla="*/ 120422 h 584767"/>
                <a:gd name="connsiteX0" fmla="*/ 166688 w 555129"/>
                <a:gd name="connsiteY0" fmla="*/ 120422 h 584767"/>
                <a:gd name="connsiteX1" fmla="*/ 204788 w 555129"/>
                <a:gd name="connsiteY1" fmla="*/ 18028 h 584767"/>
                <a:gd name="connsiteX2" fmla="*/ 254794 w 555129"/>
                <a:gd name="connsiteY2" fmla="*/ 87084 h 584767"/>
                <a:gd name="connsiteX3" fmla="*/ 235744 w 555129"/>
                <a:gd name="connsiteY3" fmla="*/ 165665 h 584767"/>
                <a:gd name="connsiteX4" fmla="*/ 409575 w 555129"/>
                <a:gd name="connsiteY4" fmla="*/ 6122 h 584767"/>
                <a:gd name="connsiteX5" fmla="*/ 446797 w 555129"/>
                <a:gd name="connsiteY5" fmla="*/ 26259 h 584767"/>
                <a:gd name="connsiteX6" fmla="*/ 352426 w 555129"/>
                <a:gd name="connsiteY6" fmla="*/ 175191 h 584767"/>
                <a:gd name="connsiteX7" fmla="*/ 464344 w 555129"/>
                <a:gd name="connsiteY7" fmla="*/ 37078 h 584767"/>
                <a:gd name="connsiteX8" fmla="*/ 497681 w 555129"/>
                <a:gd name="connsiteY8" fmla="*/ 51366 h 584767"/>
                <a:gd name="connsiteX9" fmla="*/ 438150 w 555129"/>
                <a:gd name="connsiteY9" fmla="*/ 158523 h 584767"/>
                <a:gd name="connsiteX10" fmla="*/ 521494 w 555129"/>
                <a:gd name="connsiteY10" fmla="*/ 82321 h 584767"/>
                <a:gd name="connsiteX11" fmla="*/ 545307 w 555129"/>
                <a:gd name="connsiteY11" fmla="*/ 103753 h 584767"/>
                <a:gd name="connsiteX12" fmla="*/ 450058 w 555129"/>
                <a:gd name="connsiteY12" fmla="*/ 232341 h 584767"/>
                <a:gd name="connsiteX13" fmla="*/ 538162 w 555129"/>
                <a:gd name="connsiteY13" fmla="*/ 165666 h 584767"/>
                <a:gd name="connsiteX14" fmla="*/ 526256 w 555129"/>
                <a:gd name="connsiteY14" fmla="*/ 234721 h 584767"/>
                <a:gd name="connsiteX15" fmla="*/ 276225 w 555129"/>
                <a:gd name="connsiteY15" fmla="*/ 408554 h 584767"/>
                <a:gd name="connsiteX16" fmla="*/ 176213 w 555129"/>
                <a:gd name="connsiteY16" fmla="*/ 584767 h 584767"/>
                <a:gd name="connsiteX17" fmla="*/ 73819 w 555129"/>
                <a:gd name="connsiteY17" fmla="*/ 513329 h 584767"/>
                <a:gd name="connsiteX18" fmla="*/ 0 w 555129"/>
                <a:gd name="connsiteY18" fmla="*/ 510947 h 584767"/>
                <a:gd name="connsiteX19" fmla="*/ 111919 w 555129"/>
                <a:gd name="connsiteY19" fmla="*/ 318065 h 584767"/>
                <a:gd name="connsiteX20" fmla="*/ 166688 w 555129"/>
                <a:gd name="connsiteY20" fmla="*/ 120422 h 584767"/>
                <a:gd name="connsiteX0" fmla="*/ 166688 w 555129"/>
                <a:gd name="connsiteY0" fmla="*/ 120422 h 584767"/>
                <a:gd name="connsiteX1" fmla="*/ 204788 w 555129"/>
                <a:gd name="connsiteY1" fmla="*/ 18028 h 584767"/>
                <a:gd name="connsiteX2" fmla="*/ 254794 w 555129"/>
                <a:gd name="connsiteY2" fmla="*/ 87084 h 584767"/>
                <a:gd name="connsiteX3" fmla="*/ 235744 w 555129"/>
                <a:gd name="connsiteY3" fmla="*/ 165665 h 584767"/>
                <a:gd name="connsiteX4" fmla="*/ 409575 w 555129"/>
                <a:gd name="connsiteY4" fmla="*/ 6122 h 584767"/>
                <a:gd name="connsiteX5" fmla="*/ 446797 w 555129"/>
                <a:gd name="connsiteY5" fmla="*/ 26259 h 584767"/>
                <a:gd name="connsiteX6" fmla="*/ 352426 w 555129"/>
                <a:gd name="connsiteY6" fmla="*/ 175191 h 584767"/>
                <a:gd name="connsiteX7" fmla="*/ 464344 w 555129"/>
                <a:gd name="connsiteY7" fmla="*/ 37078 h 584767"/>
                <a:gd name="connsiteX8" fmla="*/ 497681 w 555129"/>
                <a:gd name="connsiteY8" fmla="*/ 51366 h 584767"/>
                <a:gd name="connsiteX9" fmla="*/ 438150 w 555129"/>
                <a:gd name="connsiteY9" fmla="*/ 158523 h 584767"/>
                <a:gd name="connsiteX10" fmla="*/ 521494 w 555129"/>
                <a:gd name="connsiteY10" fmla="*/ 82321 h 584767"/>
                <a:gd name="connsiteX11" fmla="*/ 545307 w 555129"/>
                <a:gd name="connsiteY11" fmla="*/ 103753 h 584767"/>
                <a:gd name="connsiteX12" fmla="*/ 450058 w 555129"/>
                <a:gd name="connsiteY12" fmla="*/ 232341 h 584767"/>
                <a:gd name="connsiteX13" fmla="*/ 538162 w 555129"/>
                <a:gd name="connsiteY13" fmla="*/ 165666 h 584767"/>
                <a:gd name="connsiteX14" fmla="*/ 526256 w 555129"/>
                <a:gd name="connsiteY14" fmla="*/ 234721 h 584767"/>
                <a:gd name="connsiteX15" fmla="*/ 276225 w 555129"/>
                <a:gd name="connsiteY15" fmla="*/ 408554 h 584767"/>
                <a:gd name="connsiteX16" fmla="*/ 176213 w 555129"/>
                <a:gd name="connsiteY16" fmla="*/ 584767 h 584767"/>
                <a:gd name="connsiteX17" fmla="*/ 73819 w 555129"/>
                <a:gd name="connsiteY17" fmla="*/ 513329 h 584767"/>
                <a:gd name="connsiteX18" fmla="*/ 0 w 555129"/>
                <a:gd name="connsiteY18" fmla="*/ 510947 h 584767"/>
                <a:gd name="connsiteX19" fmla="*/ 111919 w 555129"/>
                <a:gd name="connsiteY19" fmla="*/ 318065 h 584767"/>
                <a:gd name="connsiteX20" fmla="*/ 166688 w 555129"/>
                <a:gd name="connsiteY20" fmla="*/ 120422 h 584767"/>
                <a:gd name="connsiteX0" fmla="*/ 166688 w 555129"/>
                <a:gd name="connsiteY0" fmla="*/ 120422 h 584767"/>
                <a:gd name="connsiteX1" fmla="*/ 204788 w 555129"/>
                <a:gd name="connsiteY1" fmla="*/ 18028 h 584767"/>
                <a:gd name="connsiteX2" fmla="*/ 254794 w 555129"/>
                <a:gd name="connsiteY2" fmla="*/ 87084 h 584767"/>
                <a:gd name="connsiteX3" fmla="*/ 235744 w 555129"/>
                <a:gd name="connsiteY3" fmla="*/ 165665 h 584767"/>
                <a:gd name="connsiteX4" fmla="*/ 409575 w 555129"/>
                <a:gd name="connsiteY4" fmla="*/ 6122 h 584767"/>
                <a:gd name="connsiteX5" fmla="*/ 446797 w 555129"/>
                <a:gd name="connsiteY5" fmla="*/ 26259 h 584767"/>
                <a:gd name="connsiteX6" fmla="*/ 352426 w 555129"/>
                <a:gd name="connsiteY6" fmla="*/ 175191 h 584767"/>
                <a:gd name="connsiteX7" fmla="*/ 464344 w 555129"/>
                <a:gd name="connsiteY7" fmla="*/ 37078 h 584767"/>
                <a:gd name="connsiteX8" fmla="*/ 497681 w 555129"/>
                <a:gd name="connsiteY8" fmla="*/ 51366 h 584767"/>
                <a:gd name="connsiteX9" fmla="*/ 438150 w 555129"/>
                <a:gd name="connsiteY9" fmla="*/ 158523 h 584767"/>
                <a:gd name="connsiteX10" fmla="*/ 521494 w 555129"/>
                <a:gd name="connsiteY10" fmla="*/ 82321 h 584767"/>
                <a:gd name="connsiteX11" fmla="*/ 545307 w 555129"/>
                <a:gd name="connsiteY11" fmla="*/ 103753 h 584767"/>
                <a:gd name="connsiteX12" fmla="*/ 450058 w 555129"/>
                <a:gd name="connsiteY12" fmla="*/ 232341 h 584767"/>
                <a:gd name="connsiteX13" fmla="*/ 538162 w 555129"/>
                <a:gd name="connsiteY13" fmla="*/ 165666 h 584767"/>
                <a:gd name="connsiteX14" fmla="*/ 526256 w 555129"/>
                <a:gd name="connsiteY14" fmla="*/ 234721 h 584767"/>
                <a:gd name="connsiteX15" fmla="*/ 276225 w 555129"/>
                <a:gd name="connsiteY15" fmla="*/ 408554 h 584767"/>
                <a:gd name="connsiteX16" fmla="*/ 176213 w 555129"/>
                <a:gd name="connsiteY16" fmla="*/ 584767 h 584767"/>
                <a:gd name="connsiteX17" fmla="*/ 73819 w 555129"/>
                <a:gd name="connsiteY17" fmla="*/ 513329 h 584767"/>
                <a:gd name="connsiteX18" fmla="*/ 0 w 555129"/>
                <a:gd name="connsiteY18" fmla="*/ 510947 h 584767"/>
                <a:gd name="connsiteX19" fmla="*/ 111919 w 555129"/>
                <a:gd name="connsiteY19" fmla="*/ 318065 h 584767"/>
                <a:gd name="connsiteX20" fmla="*/ 166688 w 555129"/>
                <a:gd name="connsiteY20" fmla="*/ 120422 h 584767"/>
                <a:gd name="connsiteX0" fmla="*/ 166688 w 555129"/>
                <a:gd name="connsiteY0" fmla="*/ 120422 h 584767"/>
                <a:gd name="connsiteX1" fmla="*/ 204788 w 555129"/>
                <a:gd name="connsiteY1" fmla="*/ 18028 h 584767"/>
                <a:gd name="connsiteX2" fmla="*/ 254794 w 555129"/>
                <a:gd name="connsiteY2" fmla="*/ 87084 h 584767"/>
                <a:gd name="connsiteX3" fmla="*/ 235744 w 555129"/>
                <a:gd name="connsiteY3" fmla="*/ 165665 h 584767"/>
                <a:gd name="connsiteX4" fmla="*/ 409575 w 555129"/>
                <a:gd name="connsiteY4" fmla="*/ 6122 h 584767"/>
                <a:gd name="connsiteX5" fmla="*/ 446797 w 555129"/>
                <a:gd name="connsiteY5" fmla="*/ 26259 h 584767"/>
                <a:gd name="connsiteX6" fmla="*/ 352426 w 555129"/>
                <a:gd name="connsiteY6" fmla="*/ 175191 h 584767"/>
                <a:gd name="connsiteX7" fmla="*/ 464344 w 555129"/>
                <a:gd name="connsiteY7" fmla="*/ 37078 h 584767"/>
                <a:gd name="connsiteX8" fmla="*/ 497681 w 555129"/>
                <a:gd name="connsiteY8" fmla="*/ 51366 h 584767"/>
                <a:gd name="connsiteX9" fmla="*/ 438150 w 555129"/>
                <a:gd name="connsiteY9" fmla="*/ 158523 h 584767"/>
                <a:gd name="connsiteX10" fmla="*/ 521494 w 555129"/>
                <a:gd name="connsiteY10" fmla="*/ 82321 h 584767"/>
                <a:gd name="connsiteX11" fmla="*/ 545307 w 555129"/>
                <a:gd name="connsiteY11" fmla="*/ 103753 h 584767"/>
                <a:gd name="connsiteX12" fmla="*/ 450058 w 555129"/>
                <a:gd name="connsiteY12" fmla="*/ 232341 h 584767"/>
                <a:gd name="connsiteX13" fmla="*/ 538162 w 555129"/>
                <a:gd name="connsiteY13" fmla="*/ 165666 h 584767"/>
                <a:gd name="connsiteX14" fmla="*/ 526256 w 555129"/>
                <a:gd name="connsiteY14" fmla="*/ 234721 h 584767"/>
                <a:gd name="connsiteX15" fmla="*/ 276225 w 555129"/>
                <a:gd name="connsiteY15" fmla="*/ 408554 h 584767"/>
                <a:gd name="connsiteX16" fmla="*/ 176213 w 555129"/>
                <a:gd name="connsiteY16" fmla="*/ 584767 h 584767"/>
                <a:gd name="connsiteX17" fmla="*/ 73819 w 555129"/>
                <a:gd name="connsiteY17" fmla="*/ 513329 h 584767"/>
                <a:gd name="connsiteX18" fmla="*/ 0 w 555129"/>
                <a:gd name="connsiteY18" fmla="*/ 510947 h 584767"/>
                <a:gd name="connsiteX19" fmla="*/ 111919 w 555129"/>
                <a:gd name="connsiteY19" fmla="*/ 318065 h 584767"/>
                <a:gd name="connsiteX20" fmla="*/ 166688 w 555129"/>
                <a:gd name="connsiteY20" fmla="*/ 120422 h 584767"/>
                <a:gd name="connsiteX0" fmla="*/ 166688 w 555129"/>
                <a:gd name="connsiteY0" fmla="*/ 120422 h 584767"/>
                <a:gd name="connsiteX1" fmla="*/ 204788 w 555129"/>
                <a:gd name="connsiteY1" fmla="*/ 18028 h 584767"/>
                <a:gd name="connsiteX2" fmla="*/ 254794 w 555129"/>
                <a:gd name="connsiteY2" fmla="*/ 87084 h 584767"/>
                <a:gd name="connsiteX3" fmla="*/ 235744 w 555129"/>
                <a:gd name="connsiteY3" fmla="*/ 165665 h 584767"/>
                <a:gd name="connsiteX4" fmla="*/ 409575 w 555129"/>
                <a:gd name="connsiteY4" fmla="*/ 6122 h 584767"/>
                <a:gd name="connsiteX5" fmla="*/ 446797 w 555129"/>
                <a:gd name="connsiteY5" fmla="*/ 26259 h 584767"/>
                <a:gd name="connsiteX6" fmla="*/ 352426 w 555129"/>
                <a:gd name="connsiteY6" fmla="*/ 175191 h 584767"/>
                <a:gd name="connsiteX7" fmla="*/ 464344 w 555129"/>
                <a:gd name="connsiteY7" fmla="*/ 37078 h 584767"/>
                <a:gd name="connsiteX8" fmla="*/ 497681 w 555129"/>
                <a:gd name="connsiteY8" fmla="*/ 51366 h 584767"/>
                <a:gd name="connsiteX9" fmla="*/ 438150 w 555129"/>
                <a:gd name="connsiteY9" fmla="*/ 158523 h 584767"/>
                <a:gd name="connsiteX10" fmla="*/ 521494 w 555129"/>
                <a:gd name="connsiteY10" fmla="*/ 82321 h 584767"/>
                <a:gd name="connsiteX11" fmla="*/ 545307 w 555129"/>
                <a:gd name="connsiteY11" fmla="*/ 103753 h 584767"/>
                <a:gd name="connsiteX12" fmla="*/ 450058 w 555129"/>
                <a:gd name="connsiteY12" fmla="*/ 232341 h 584767"/>
                <a:gd name="connsiteX13" fmla="*/ 538162 w 555129"/>
                <a:gd name="connsiteY13" fmla="*/ 165666 h 584767"/>
                <a:gd name="connsiteX14" fmla="*/ 526256 w 555129"/>
                <a:gd name="connsiteY14" fmla="*/ 234721 h 584767"/>
                <a:gd name="connsiteX15" fmla="*/ 276225 w 555129"/>
                <a:gd name="connsiteY15" fmla="*/ 408554 h 584767"/>
                <a:gd name="connsiteX16" fmla="*/ 176213 w 555129"/>
                <a:gd name="connsiteY16" fmla="*/ 584767 h 584767"/>
                <a:gd name="connsiteX17" fmla="*/ 73819 w 555129"/>
                <a:gd name="connsiteY17" fmla="*/ 513329 h 584767"/>
                <a:gd name="connsiteX18" fmla="*/ 0 w 555129"/>
                <a:gd name="connsiteY18" fmla="*/ 510947 h 584767"/>
                <a:gd name="connsiteX19" fmla="*/ 111919 w 555129"/>
                <a:gd name="connsiteY19" fmla="*/ 318065 h 584767"/>
                <a:gd name="connsiteX20" fmla="*/ 166688 w 555129"/>
                <a:gd name="connsiteY20" fmla="*/ 120422 h 584767"/>
                <a:gd name="connsiteX0" fmla="*/ 166688 w 555129"/>
                <a:gd name="connsiteY0" fmla="*/ 120422 h 584767"/>
                <a:gd name="connsiteX1" fmla="*/ 204788 w 555129"/>
                <a:gd name="connsiteY1" fmla="*/ 18028 h 584767"/>
                <a:gd name="connsiteX2" fmla="*/ 254794 w 555129"/>
                <a:gd name="connsiteY2" fmla="*/ 87084 h 584767"/>
                <a:gd name="connsiteX3" fmla="*/ 235744 w 555129"/>
                <a:gd name="connsiteY3" fmla="*/ 165665 h 584767"/>
                <a:gd name="connsiteX4" fmla="*/ 409575 w 555129"/>
                <a:gd name="connsiteY4" fmla="*/ 6122 h 584767"/>
                <a:gd name="connsiteX5" fmla="*/ 446797 w 555129"/>
                <a:gd name="connsiteY5" fmla="*/ 26259 h 584767"/>
                <a:gd name="connsiteX6" fmla="*/ 352426 w 555129"/>
                <a:gd name="connsiteY6" fmla="*/ 175191 h 584767"/>
                <a:gd name="connsiteX7" fmla="*/ 464344 w 555129"/>
                <a:gd name="connsiteY7" fmla="*/ 37078 h 584767"/>
                <a:gd name="connsiteX8" fmla="*/ 497681 w 555129"/>
                <a:gd name="connsiteY8" fmla="*/ 51366 h 584767"/>
                <a:gd name="connsiteX9" fmla="*/ 438150 w 555129"/>
                <a:gd name="connsiteY9" fmla="*/ 158523 h 584767"/>
                <a:gd name="connsiteX10" fmla="*/ 514974 w 555129"/>
                <a:gd name="connsiteY10" fmla="*/ 83408 h 584767"/>
                <a:gd name="connsiteX11" fmla="*/ 545307 w 555129"/>
                <a:gd name="connsiteY11" fmla="*/ 103753 h 584767"/>
                <a:gd name="connsiteX12" fmla="*/ 450058 w 555129"/>
                <a:gd name="connsiteY12" fmla="*/ 232341 h 584767"/>
                <a:gd name="connsiteX13" fmla="*/ 538162 w 555129"/>
                <a:gd name="connsiteY13" fmla="*/ 165666 h 584767"/>
                <a:gd name="connsiteX14" fmla="*/ 526256 w 555129"/>
                <a:gd name="connsiteY14" fmla="*/ 234721 h 584767"/>
                <a:gd name="connsiteX15" fmla="*/ 276225 w 555129"/>
                <a:gd name="connsiteY15" fmla="*/ 408554 h 584767"/>
                <a:gd name="connsiteX16" fmla="*/ 176213 w 555129"/>
                <a:gd name="connsiteY16" fmla="*/ 584767 h 584767"/>
                <a:gd name="connsiteX17" fmla="*/ 73819 w 555129"/>
                <a:gd name="connsiteY17" fmla="*/ 513329 h 584767"/>
                <a:gd name="connsiteX18" fmla="*/ 0 w 555129"/>
                <a:gd name="connsiteY18" fmla="*/ 510947 h 584767"/>
                <a:gd name="connsiteX19" fmla="*/ 111919 w 555129"/>
                <a:gd name="connsiteY19" fmla="*/ 318065 h 584767"/>
                <a:gd name="connsiteX20" fmla="*/ 166688 w 555129"/>
                <a:gd name="connsiteY20" fmla="*/ 120422 h 584767"/>
                <a:gd name="connsiteX0" fmla="*/ 166688 w 555129"/>
                <a:gd name="connsiteY0" fmla="*/ 120422 h 584767"/>
                <a:gd name="connsiteX1" fmla="*/ 204788 w 555129"/>
                <a:gd name="connsiteY1" fmla="*/ 18028 h 584767"/>
                <a:gd name="connsiteX2" fmla="*/ 254794 w 555129"/>
                <a:gd name="connsiteY2" fmla="*/ 87084 h 584767"/>
                <a:gd name="connsiteX3" fmla="*/ 235744 w 555129"/>
                <a:gd name="connsiteY3" fmla="*/ 165665 h 584767"/>
                <a:gd name="connsiteX4" fmla="*/ 409575 w 555129"/>
                <a:gd name="connsiteY4" fmla="*/ 6122 h 584767"/>
                <a:gd name="connsiteX5" fmla="*/ 446797 w 555129"/>
                <a:gd name="connsiteY5" fmla="*/ 26259 h 584767"/>
                <a:gd name="connsiteX6" fmla="*/ 352426 w 555129"/>
                <a:gd name="connsiteY6" fmla="*/ 175191 h 584767"/>
                <a:gd name="connsiteX7" fmla="*/ 464344 w 555129"/>
                <a:gd name="connsiteY7" fmla="*/ 37078 h 584767"/>
                <a:gd name="connsiteX8" fmla="*/ 497681 w 555129"/>
                <a:gd name="connsiteY8" fmla="*/ 51366 h 584767"/>
                <a:gd name="connsiteX9" fmla="*/ 438150 w 555129"/>
                <a:gd name="connsiteY9" fmla="*/ 158523 h 584767"/>
                <a:gd name="connsiteX10" fmla="*/ 514974 w 555129"/>
                <a:gd name="connsiteY10" fmla="*/ 83408 h 584767"/>
                <a:gd name="connsiteX11" fmla="*/ 545307 w 555129"/>
                <a:gd name="connsiteY11" fmla="*/ 103753 h 584767"/>
                <a:gd name="connsiteX12" fmla="*/ 450058 w 555129"/>
                <a:gd name="connsiteY12" fmla="*/ 232341 h 584767"/>
                <a:gd name="connsiteX13" fmla="*/ 538162 w 555129"/>
                <a:gd name="connsiteY13" fmla="*/ 165666 h 584767"/>
                <a:gd name="connsiteX14" fmla="*/ 526256 w 555129"/>
                <a:gd name="connsiteY14" fmla="*/ 234721 h 584767"/>
                <a:gd name="connsiteX15" fmla="*/ 276225 w 555129"/>
                <a:gd name="connsiteY15" fmla="*/ 408554 h 584767"/>
                <a:gd name="connsiteX16" fmla="*/ 176213 w 555129"/>
                <a:gd name="connsiteY16" fmla="*/ 584767 h 584767"/>
                <a:gd name="connsiteX17" fmla="*/ 73819 w 555129"/>
                <a:gd name="connsiteY17" fmla="*/ 513329 h 584767"/>
                <a:gd name="connsiteX18" fmla="*/ 0 w 555129"/>
                <a:gd name="connsiteY18" fmla="*/ 510947 h 584767"/>
                <a:gd name="connsiteX19" fmla="*/ 111919 w 555129"/>
                <a:gd name="connsiteY19" fmla="*/ 318065 h 584767"/>
                <a:gd name="connsiteX20" fmla="*/ 166688 w 555129"/>
                <a:gd name="connsiteY20" fmla="*/ 120422 h 584767"/>
                <a:gd name="connsiteX0" fmla="*/ 166688 w 555129"/>
                <a:gd name="connsiteY0" fmla="*/ 120422 h 584767"/>
                <a:gd name="connsiteX1" fmla="*/ 204788 w 555129"/>
                <a:gd name="connsiteY1" fmla="*/ 18028 h 584767"/>
                <a:gd name="connsiteX2" fmla="*/ 254794 w 555129"/>
                <a:gd name="connsiteY2" fmla="*/ 87084 h 584767"/>
                <a:gd name="connsiteX3" fmla="*/ 235744 w 555129"/>
                <a:gd name="connsiteY3" fmla="*/ 165665 h 584767"/>
                <a:gd name="connsiteX4" fmla="*/ 409575 w 555129"/>
                <a:gd name="connsiteY4" fmla="*/ 6122 h 584767"/>
                <a:gd name="connsiteX5" fmla="*/ 446797 w 555129"/>
                <a:gd name="connsiteY5" fmla="*/ 26259 h 584767"/>
                <a:gd name="connsiteX6" fmla="*/ 352426 w 555129"/>
                <a:gd name="connsiteY6" fmla="*/ 175191 h 584767"/>
                <a:gd name="connsiteX7" fmla="*/ 464344 w 555129"/>
                <a:gd name="connsiteY7" fmla="*/ 37078 h 584767"/>
                <a:gd name="connsiteX8" fmla="*/ 497681 w 555129"/>
                <a:gd name="connsiteY8" fmla="*/ 51366 h 584767"/>
                <a:gd name="connsiteX9" fmla="*/ 438150 w 555129"/>
                <a:gd name="connsiteY9" fmla="*/ 158523 h 584767"/>
                <a:gd name="connsiteX10" fmla="*/ 514974 w 555129"/>
                <a:gd name="connsiteY10" fmla="*/ 83408 h 584767"/>
                <a:gd name="connsiteX11" fmla="*/ 545307 w 555129"/>
                <a:gd name="connsiteY11" fmla="*/ 103753 h 584767"/>
                <a:gd name="connsiteX12" fmla="*/ 450058 w 555129"/>
                <a:gd name="connsiteY12" fmla="*/ 232341 h 584767"/>
                <a:gd name="connsiteX13" fmla="*/ 538162 w 555129"/>
                <a:gd name="connsiteY13" fmla="*/ 165666 h 584767"/>
                <a:gd name="connsiteX14" fmla="*/ 526256 w 555129"/>
                <a:gd name="connsiteY14" fmla="*/ 234721 h 584767"/>
                <a:gd name="connsiteX15" fmla="*/ 276225 w 555129"/>
                <a:gd name="connsiteY15" fmla="*/ 408554 h 584767"/>
                <a:gd name="connsiteX16" fmla="*/ 176213 w 555129"/>
                <a:gd name="connsiteY16" fmla="*/ 584767 h 584767"/>
                <a:gd name="connsiteX17" fmla="*/ 73819 w 555129"/>
                <a:gd name="connsiteY17" fmla="*/ 513329 h 584767"/>
                <a:gd name="connsiteX18" fmla="*/ 0 w 555129"/>
                <a:gd name="connsiteY18" fmla="*/ 510947 h 584767"/>
                <a:gd name="connsiteX19" fmla="*/ 111919 w 555129"/>
                <a:gd name="connsiteY19" fmla="*/ 318065 h 584767"/>
                <a:gd name="connsiteX20" fmla="*/ 166688 w 555129"/>
                <a:gd name="connsiteY20" fmla="*/ 120422 h 584767"/>
                <a:gd name="connsiteX0" fmla="*/ 166688 w 555129"/>
                <a:gd name="connsiteY0" fmla="*/ 120422 h 584767"/>
                <a:gd name="connsiteX1" fmla="*/ 204788 w 555129"/>
                <a:gd name="connsiteY1" fmla="*/ 18028 h 584767"/>
                <a:gd name="connsiteX2" fmla="*/ 254794 w 555129"/>
                <a:gd name="connsiteY2" fmla="*/ 87084 h 584767"/>
                <a:gd name="connsiteX3" fmla="*/ 235744 w 555129"/>
                <a:gd name="connsiteY3" fmla="*/ 165665 h 584767"/>
                <a:gd name="connsiteX4" fmla="*/ 409575 w 555129"/>
                <a:gd name="connsiteY4" fmla="*/ 6122 h 584767"/>
                <a:gd name="connsiteX5" fmla="*/ 446797 w 555129"/>
                <a:gd name="connsiteY5" fmla="*/ 26259 h 584767"/>
                <a:gd name="connsiteX6" fmla="*/ 352426 w 555129"/>
                <a:gd name="connsiteY6" fmla="*/ 175191 h 584767"/>
                <a:gd name="connsiteX7" fmla="*/ 464344 w 555129"/>
                <a:gd name="connsiteY7" fmla="*/ 37078 h 584767"/>
                <a:gd name="connsiteX8" fmla="*/ 499854 w 555129"/>
                <a:gd name="connsiteY8" fmla="*/ 63319 h 584767"/>
                <a:gd name="connsiteX9" fmla="*/ 438150 w 555129"/>
                <a:gd name="connsiteY9" fmla="*/ 158523 h 584767"/>
                <a:gd name="connsiteX10" fmla="*/ 514974 w 555129"/>
                <a:gd name="connsiteY10" fmla="*/ 83408 h 584767"/>
                <a:gd name="connsiteX11" fmla="*/ 545307 w 555129"/>
                <a:gd name="connsiteY11" fmla="*/ 103753 h 584767"/>
                <a:gd name="connsiteX12" fmla="*/ 450058 w 555129"/>
                <a:gd name="connsiteY12" fmla="*/ 232341 h 584767"/>
                <a:gd name="connsiteX13" fmla="*/ 538162 w 555129"/>
                <a:gd name="connsiteY13" fmla="*/ 165666 h 584767"/>
                <a:gd name="connsiteX14" fmla="*/ 526256 w 555129"/>
                <a:gd name="connsiteY14" fmla="*/ 234721 h 584767"/>
                <a:gd name="connsiteX15" fmla="*/ 276225 w 555129"/>
                <a:gd name="connsiteY15" fmla="*/ 408554 h 584767"/>
                <a:gd name="connsiteX16" fmla="*/ 176213 w 555129"/>
                <a:gd name="connsiteY16" fmla="*/ 584767 h 584767"/>
                <a:gd name="connsiteX17" fmla="*/ 73819 w 555129"/>
                <a:gd name="connsiteY17" fmla="*/ 513329 h 584767"/>
                <a:gd name="connsiteX18" fmla="*/ 0 w 555129"/>
                <a:gd name="connsiteY18" fmla="*/ 510947 h 584767"/>
                <a:gd name="connsiteX19" fmla="*/ 111919 w 555129"/>
                <a:gd name="connsiteY19" fmla="*/ 318065 h 584767"/>
                <a:gd name="connsiteX20" fmla="*/ 166688 w 555129"/>
                <a:gd name="connsiteY20" fmla="*/ 120422 h 584767"/>
                <a:gd name="connsiteX0" fmla="*/ 166688 w 555129"/>
                <a:gd name="connsiteY0" fmla="*/ 120422 h 584767"/>
                <a:gd name="connsiteX1" fmla="*/ 204788 w 555129"/>
                <a:gd name="connsiteY1" fmla="*/ 18028 h 584767"/>
                <a:gd name="connsiteX2" fmla="*/ 254794 w 555129"/>
                <a:gd name="connsiteY2" fmla="*/ 87084 h 584767"/>
                <a:gd name="connsiteX3" fmla="*/ 235744 w 555129"/>
                <a:gd name="connsiteY3" fmla="*/ 165665 h 584767"/>
                <a:gd name="connsiteX4" fmla="*/ 409575 w 555129"/>
                <a:gd name="connsiteY4" fmla="*/ 6122 h 584767"/>
                <a:gd name="connsiteX5" fmla="*/ 446797 w 555129"/>
                <a:gd name="connsiteY5" fmla="*/ 26259 h 584767"/>
                <a:gd name="connsiteX6" fmla="*/ 352426 w 555129"/>
                <a:gd name="connsiteY6" fmla="*/ 175191 h 584767"/>
                <a:gd name="connsiteX7" fmla="*/ 464344 w 555129"/>
                <a:gd name="connsiteY7" fmla="*/ 37078 h 584767"/>
                <a:gd name="connsiteX8" fmla="*/ 499854 w 555129"/>
                <a:gd name="connsiteY8" fmla="*/ 63319 h 584767"/>
                <a:gd name="connsiteX9" fmla="*/ 438150 w 555129"/>
                <a:gd name="connsiteY9" fmla="*/ 158523 h 584767"/>
                <a:gd name="connsiteX10" fmla="*/ 514974 w 555129"/>
                <a:gd name="connsiteY10" fmla="*/ 83408 h 584767"/>
                <a:gd name="connsiteX11" fmla="*/ 545307 w 555129"/>
                <a:gd name="connsiteY11" fmla="*/ 103753 h 584767"/>
                <a:gd name="connsiteX12" fmla="*/ 450058 w 555129"/>
                <a:gd name="connsiteY12" fmla="*/ 232341 h 584767"/>
                <a:gd name="connsiteX13" fmla="*/ 538162 w 555129"/>
                <a:gd name="connsiteY13" fmla="*/ 165666 h 584767"/>
                <a:gd name="connsiteX14" fmla="*/ 526256 w 555129"/>
                <a:gd name="connsiteY14" fmla="*/ 234721 h 584767"/>
                <a:gd name="connsiteX15" fmla="*/ 276225 w 555129"/>
                <a:gd name="connsiteY15" fmla="*/ 408554 h 584767"/>
                <a:gd name="connsiteX16" fmla="*/ 176213 w 555129"/>
                <a:gd name="connsiteY16" fmla="*/ 584767 h 584767"/>
                <a:gd name="connsiteX17" fmla="*/ 73819 w 555129"/>
                <a:gd name="connsiteY17" fmla="*/ 513329 h 584767"/>
                <a:gd name="connsiteX18" fmla="*/ 0 w 555129"/>
                <a:gd name="connsiteY18" fmla="*/ 510947 h 584767"/>
                <a:gd name="connsiteX19" fmla="*/ 111919 w 555129"/>
                <a:gd name="connsiteY19" fmla="*/ 318065 h 584767"/>
                <a:gd name="connsiteX20" fmla="*/ 166688 w 555129"/>
                <a:gd name="connsiteY20" fmla="*/ 120422 h 584767"/>
                <a:gd name="connsiteX0" fmla="*/ 166688 w 555129"/>
                <a:gd name="connsiteY0" fmla="*/ 120422 h 584767"/>
                <a:gd name="connsiteX1" fmla="*/ 204788 w 555129"/>
                <a:gd name="connsiteY1" fmla="*/ 18028 h 584767"/>
                <a:gd name="connsiteX2" fmla="*/ 254794 w 555129"/>
                <a:gd name="connsiteY2" fmla="*/ 87084 h 584767"/>
                <a:gd name="connsiteX3" fmla="*/ 235744 w 555129"/>
                <a:gd name="connsiteY3" fmla="*/ 165665 h 584767"/>
                <a:gd name="connsiteX4" fmla="*/ 409575 w 555129"/>
                <a:gd name="connsiteY4" fmla="*/ 6122 h 584767"/>
                <a:gd name="connsiteX5" fmla="*/ 446797 w 555129"/>
                <a:gd name="connsiteY5" fmla="*/ 26259 h 584767"/>
                <a:gd name="connsiteX6" fmla="*/ 352426 w 555129"/>
                <a:gd name="connsiteY6" fmla="*/ 175191 h 584767"/>
                <a:gd name="connsiteX7" fmla="*/ 464344 w 555129"/>
                <a:gd name="connsiteY7" fmla="*/ 37078 h 584767"/>
                <a:gd name="connsiteX8" fmla="*/ 499854 w 555129"/>
                <a:gd name="connsiteY8" fmla="*/ 63319 h 584767"/>
                <a:gd name="connsiteX9" fmla="*/ 438150 w 555129"/>
                <a:gd name="connsiteY9" fmla="*/ 158523 h 584767"/>
                <a:gd name="connsiteX10" fmla="*/ 514974 w 555129"/>
                <a:gd name="connsiteY10" fmla="*/ 83408 h 584767"/>
                <a:gd name="connsiteX11" fmla="*/ 545307 w 555129"/>
                <a:gd name="connsiteY11" fmla="*/ 103753 h 584767"/>
                <a:gd name="connsiteX12" fmla="*/ 450058 w 555129"/>
                <a:gd name="connsiteY12" fmla="*/ 232341 h 584767"/>
                <a:gd name="connsiteX13" fmla="*/ 538162 w 555129"/>
                <a:gd name="connsiteY13" fmla="*/ 165666 h 584767"/>
                <a:gd name="connsiteX14" fmla="*/ 526256 w 555129"/>
                <a:gd name="connsiteY14" fmla="*/ 234721 h 584767"/>
                <a:gd name="connsiteX15" fmla="*/ 276225 w 555129"/>
                <a:gd name="connsiteY15" fmla="*/ 408554 h 584767"/>
                <a:gd name="connsiteX16" fmla="*/ 176213 w 555129"/>
                <a:gd name="connsiteY16" fmla="*/ 584767 h 584767"/>
                <a:gd name="connsiteX17" fmla="*/ 73819 w 555129"/>
                <a:gd name="connsiteY17" fmla="*/ 513329 h 584767"/>
                <a:gd name="connsiteX18" fmla="*/ 0 w 555129"/>
                <a:gd name="connsiteY18" fmla="*/ 510947 h 584767"/>
                <a:gd name="connsiteX19" fmla="*/ 111919 w 555129"/>
                <a:gd name="connsiteY19" fmla="*/ 318065 h 584767"/>
                <a:gd name="connsiteX20" fmla="*/ 166688 w 555129"/>
                <a:gd name="connsiteY20" fmla="*/ 120422 h 584767"/>
                <a:gd name="connsiteX0" fmla="*/ 166688 w 555129"/>
                <a:gd name="connsiteY0" fmla="*/ 120422 h 584767"/>
                <a:gd name="connsiteX1" fmla="*/ 204788 w 555129"/>
                <a:gd name="connsiteY1" fmla="*/ 18028 h 584767"/>
                <a:gd name="connsiteX2" fmla="*/ 254794 w 555129"/>
                <a:gd name="connsiteY2" fmla="*/ 87084 h 584767"/>
                <a:gd name="connsiteX3" fmla="*/ 235744 w 555129"/>
                <a:gd name="connsiteY3" fmla="*/ 165665 h 584767"/>
                <a:gd name="connsiteX4" fmla="*/ 409575 w 555129"/>
                <a:gd name="connsiteY4" fmla="*/ 6122 h 584767"/>
                <a:gd name="connsiteX5" fmla="*/ 446797 w 555129"/>
                <a:gd name="connsiteY5" fmla="*/ 26259 h 584767"/>
                <a:gd name="connsiteX6" fmla="*/ 352426 w 555129"/>
                <a:gd name="connsiteY6" fmla="*/ 175191 h 584767"/>
                <a:gd name="connsiteX7" fmla="*/ 464344 w 555129"/>
                <a:gd name="connsiteY7" fmla="*/ 37078 h 584767"/>
                <a:gd name="connsiteX8" fmla="*/ 499854 w 555129"/>
                <a:gd name="connsiteY8" fmla="*/ 63319 h 584767"/>
                <a:gd name="connsiteX9" fmla="*/ 438150 w 555129"/>
                <a:gd name="connsiteY9" fmla="*/ 158523 h 584767"/>
                <a:gd name="connsiteX10" fmla="*/ 514974 w 555129"/>
                <a:gd name="connsiteY10" fmla="*/ 83408 h 584767"/>
                <a:gd name="connsiteX11" fmla="*/ 545307 w 555129"/>
                <a:gd name="connsiteY11" fmla="*/ 103753 h 584767"/>
                <a:gd name="connsiteX12" fmla="*/ 450058 w 555129"/>
                <a:gd name="connsiteY12" fmla="*/ 232341 h 584767"/>
                <a:gd name="connsiteX13" fmla="*/ 538162 w 555129"/>
                <a:gd name="connsiteY13" fmla="*/ 165666 h 584767"/>
                <a:gd name="connsiteX14" fmla="*/ 526256 w 555129"/>
                <a:gd name="connsiteY14" fmla="*/ 234721 h 584767"/>
                <a:gd name="connsiteX15" fmla="*/ 276225 w 555129"/>
                <a:gd name="connsiteY15" fmla="*/ 408554 h 584767"/>
                <a:gd name="connsiteX16" fmla="*/ 176213 w 555129"/>
                <a:gd name="connsiteY16" fmla="*/ 584767 h 584767"/>
                <a:gd name="connsiteX17" fmla="*/ 73819 w 555129"/>
                <a:gd name="connsiteY17" fmla="*/ 513329 h 584767"/>
                <a:gd name="connsiteX18" fmla="*/ 0 w 555129"/>
                <a:gd name="connsiteY18" fmla="*/ 510947 h 584767"/>
                <a:gd name="connsiteX19" fmla="*/ 111919 w 555129"/>
                <a:gd name="connsiteY19" fmla="*/ 318065 h 584767"/>
                <a:gd name="connsiteX20" fmla="*/ 166688 w 555129"/>
                <a:gd name="connsiteY20" fmla="*/ 120422 h 584767"/>
                <a:gd name="connsiteX0" fmla="*/ 166688 w 555129"/>
                <a:gd name="connsiteY0" fmla="*/ 120422 h 584767"/>
                <a:gd name="connsiteX1" fmla="*/ 204788 w 555129"/>
                <a:gd name="connsiteY1" fmla="*/ 18028 h 584767"/>
                <a:gd name="connsiteX2" fmla="*/ 254794 w 555129"/>
                <a:gd name="connsiteY2" fmla="*/ 87084 h 584767"/>
                <a:gd name="connsiteX3" fmla="*/ 235744 w 555129"/>
                <a:gd name="connsiteY3" fmla="*/ 165665 h 584767"/>
                <a:gd name="connsiteX4" fmla="*/ 409575 w 555129"/>
                <a:gd name="connsiteY4" fmla="*/ 6122 h 584767"/>
                <a:gd name="connsiteX5" fmla="*/ 446797 w 555129"/>
                <a:gd name="connsiteY5" fmla="*/ 26259 h 584767"/>
                <a:gd name="connsiteX6" fmla="*/ 352426 w 555129"/>
                <a:gd name="connsiteY6" fmla="*/ 175191 h 584767"/>
                <a:gd name="connsiteX7" fmla="*/ 464344 w 555129"/>
                <a:gd name="connsiteY7" fmla="*/ 37078 h 584767"/>
                <a:gd name="connsiteX8" fmla="*/ 499854 w 555129"/>
                <a:gd name="connsiteY8" fmla="*/ 63319 h 584767"/>
                <a:gd name="connsiteX9" fmla="*/ 438150 w 555129"/>
                <a:gd name="connsiteY9" fmla="*/ 158523 h 584767"/>
                <a:gd name="connsiteX10" fmla="*/ 514974 w 555129"/>
                <a:gd name="connsiteY10" fmla="*/ 83408 h 584767"/>
                <a:gd name="connsiteX11" fmla="*/ 545307 w 555129"/>
                <a:gd name="connsiteY11" fmla="*/ 103753 h 584767"/>
                <a:gd name="connsiteX12" fmla="*/ 450058 w 555129"/>
                <a:gd name="connsiteY12" fmla="*/ 232341 h 584767"/>
                <a:gd name="connsiteX13" fmla="*/ 538162 w 555129"/>
                <a:gd name="connsiteY13" fmla="*/ 165666 h 584767"/>
                <a:gd name="connsiteX14" fmla="*/ 526256 w 555129"/>
                <a:gd name="connsiteY14" fmla="*/ 234721 h 584767"/>
                <a:gd name="connsiteX15" fmla="*/ 276225 w 555129"/>
                <a:gd name="connsiteY15" fmla="*/ 408554 h 584767"/>
                <a:gd name="connsiteX16" fmla="*/ 176213 w 555129"/>
                <a:gd name="connsiteY16" fmla="*/ 584767 h 584767"/>
                <a:gd name="connsiteX17" fmla="*/ 73819 w 555129"/>
                <a:gd name="connsiteY17" fmla="*/ 513329 h 584767"/>
                <a:gd name="connsiteX18" fmla="*/ 0 w 555129"/>
                <a:gd name="connsiteY18" fmla="*/ 510947 h 584767"/>
                <a:gd name="connsiteX19" fmla="*/ 111919 w 555129"/>
                <a:gd name="connsiteY19" fmla="*/ 318065 h 584767"/>
                <a:gd name="connsiteX20" fmla="*/ 166688 w 555129"/>
                <a:gd name="connsiteY20" fmla="*/ 120422 h 584767"/>
                <a:gd name="connsiteX0" fmla="*/ 166688 w 551981"/>
                <a:gd name="connsiteY0" fmla="*/ 120422 h 584767"/>
                <a:gd name="connsiteX1" fmla="*/ 204788 w 551981"/>
                <a:gd name="connsiteY1" fmla="*/ 18028 h 584767"/>
                <a:gd name="connsiteX2" fmla="*/ 254794 w 551981"/>
                <a:gd name="connsiteY2" fmla="*/ 87084 h 584767"/>
                <a:gd name="connsiteX3" fmla="*/ 235744 w 551981"/>
                <a:gd name="connsiteY3" fmla="*/ 165665 h 584767"/>
                <a:gd name="connsiteX4" fmla="*/ 409575 w 551981"/>
                <a:gd name="connsiteY4" fmla="*/ 6122 h 584767"/>
                <a:gd name="connsiteX5" fmla="*/ 446797 w 551981"/>
                <a:gd name="connsiteY5" fmla="*/ 26259 h 584767"/>
                <a:gd name="connsiteX6" fmla="*/ 352426 w 551981"/>
                <a:gd name="connsiteY6" fmla="*/ 175191 h 584767"/>
                <a:gd name="connsiteX7" fmla="*/ 464344 w 551981"/>
                <a:gd name="connsiteY7" fmla="*/ 37078 h 584767"/>
                <a:gd name="connsiteX8" fmla="*/ 499854 w 551981"/>
                <a:gd name="connsiteY8" fmla="*/ 63319 h 584767"/>
                <a:gd name="connsiteX9" fmla="*/ 438150 w 551981"/>
                <a:gd name="connsiteY9" fmla="*/ 158523 h 584767"/>
                <a:gd name="connsiteX10" fmla="*/ 514974 w 551981"/>
                <a:gd name="connsiteY10" fmla="*/ 83408 h 584767"/>
                <a:gd name="connsiteX11" fmla="*/ 545307 w 551981"/>
                <a:gd name="connsiteY11" fmla="*/ 103753 h 584767"/>
                <a:gd name="connsiteX12" fmla="*/ 450058 w 551981"/>
                <a:gd name="connsiteY12" fmla="*/ 232341 h 584767"/>
                <a:gd name="connsiteX13" fmla="*/ 538162 w 551981"/>
                <a:gd name="connsiteY13" fmla="*/ 165666 h 584767"/>
                <a:gd name="connsiteX14" fmla="*/ 526256 w 551981"/>
                <a:gd name="connsiteY14" fmla="*/ 234721 h 584767"/>
                <a:gd name="connsiteX15" fmla="*/ 276225 w 551981"/>
                <a:gd name="connsiteY15" fmla="*/ 408554 h 584767"/>
                <a:gd name="connsiteX16" fmla="*/ 176213 w 551981"/>
                <a:gd name="connsiteY16" fmla="*/ 584767 h 584767"/>
                <a:gd name="connsiteX17" fmla="*/ 73819 w 551981"/>
                <a:gd name="connsiteY17" fmla="*/ 513329 h 584767"/>
                <a:gd name="connsiteX18" fmla="*/ 0 w 551981"/>
                <a:gd name="connsiteY18" fmla="*/ 510947 h 584767"/>
                <a:gd name="connsiteX19" fmla="*/ 111919 w 551981"/>
                <a:gd name="connsiteY19" fmla="*/ 318065 h 584767"/>
                <a:gd name="connsiteX20" fmla="*/ 166688 w 551981"/>
                <a:gd name="connsiteY20" fmla="*/ 120422 h 584767"/>
                <a:gd name="connsiteX0" fmla="*/ 166688 w 551981"/>
                <a:gd name="connsiteY0" fmla="*/ 120422 h 584767"/>
                <a:gd name="connsiteX1" fmla="*/ 204788 w 551981"/>
                <a:gd name="connsiteY1" fmla="*/ 18028 h 584767"/>
                <a:gd name="connsiteX2" fmla="*/ 254794 w 551981"/>
                <a:gd name="connsiteY2" fmla="*/ 87084 h 584767"/>
                <a:gd name="connsiteX3" fmla="*/ 235744 w 551981"/>
                <a:gd name="connsiteY3" fmla="*/ 165665 h 584767"/>
                <a:gd name="connsiteX4" fmla="*/ 409575 w 551981"/>
                <a:gd name="connsiteY4" fmla="*/ 6122 h 584767"/>
                <a:gd name="connsiteX5" fmla="*/ 446797 w 551981"/>
                <a:gd name="connsiteY5" fmla="*/ 26259 h 584767"/>
                <a:gd name="connsiteX6" fmla="*/ 352426 w 551981"/>
                <a:gd name="connsiteY6" fmla="*/ 175191 h 584767"/>
                <a:gd name="connsiteX7" fmla="*/ 464344 w 551981"/>
                <a:gd name="connsiteY7" fmla="*/ 37078 h 584767"/>
                <a:gd name="connsiteX8" fmla="*/ 499854 w 551981"/>
                <a:gd name="connsiteY8" fmla="*/ 63319 h 584767"/>
                <a:gd name="connsiteX9" fmla="*/ 438150 w 551981"/>
                <a:gd name="connsiteY9" fmla="*/ 158523 h 584767"/>
                <a:gd name="connsiteX10" fmla="*/ 514974 w 551981"/>
                <a:gd name="connsiteY10" fmla="*/ 83408 h 584767"/>
                <a:gd name="connsiteX11" fmla="*/ 545307 w 551981"/>
                <a:gd name="connsiteY11" fmla="*/ 103753 h 584767"/>
                <a:gd name="connsiteX12" fmla="*/ 450058 w 551981"/>
                <a:gd name="connsiteY12" fmla="*/ 232341 h 584767"/>
                <a:gd name="connsiteX13" fmla="*/ 538162 w 551981"/>
                <a:gd name="connsiteY13" fmla="*/ 165666 h 584767"/>
                <a:gd name="connsiteX14" fmla="*/ 526256 w 551981"/>
                <a:gd name="connsiteY14" fmla="*/ 234721 h 584767"/>
                <a:gd name="connsiteX15" fmla="*/ 276225 w 551981"/>
                <a:gd name="connsiteY15" fmla="*/ 408554 h 584767"/>
                <a:gd name="connsiteX16" fmla="*/ 176213 w 551981"/>
                <a:gd name="connsiteY16" fmla="*/ 584767 h 584767"/>
                <a:gd name="connsiteX17" fmla="*/ 73819 w 551981"/>
                <a:gd name="connsiteY17" fmla="*/ 513329 h 584767"/>
                <a:gd name="connsiteX18" fmla="*/ 0 w 551981"/>
                <a:gd name="connsiteY18" fmla="*/ 510947 h 584767"/>
                <a:gd name="connsiteX19" fmla="*/ 111919 w 551981"/>
                <a:gd name="connsiteY19" fmla="*/ 318065 h 584767"/>
                <a:gd name="connsiteX20" fmla="*/ 166688 w 551981"/>
                <a:gd name="connsiteY20" fmla="*/ 120422 h 584767"/>
                <a:gd name="connsiteX0" fmla="*/ 166688 w 555570"/>
                <a:gd name="connsiteY0" fmla="*/ 120422 h 584767"/>
                <a:gd name="connsiteX1" fmla="*/ 204788 w 555570"/>
                <a:gd name="connsiteY1" fmla="*/ 18028 h 584767"/>
                <a:gd name="connsiteX2" fmla="*/ 254794 w 555570"/>
                <a:gd name="connsiteY2" fmla="*/ 87084 h 584767"/>
                <a:gd name="connsiteX3" fmla="*/ 235744 w 555570"/>
                <a:gd name="connsiteY3" fmla="*/ 165665 h 584767"/>
                <a:gd name="connsiteX4" fmla="*/ 409575 w 555570"/>
                <a:gd name="connsiteY4" fmla="*/ 6122 h 584767"/>
                <a:gd name="connsiteX5" fmla="*/ 446797 w 555570"/>
                <a:gd name="connsiteY5" fmla="*/ 26259 h 584767"/>
                <a:gd name="connsiteX6" fmla="*/ 352426 w 555570"/>
                <a:gd name="connsiteY6" fmla="*/ 175191 h 584767"/>
                <a:gd name="connsiteX7" fmla="*/ 464344 w 555570"/>
                <a:gd name="connsiteY7" fmla="*/ 37078 h 584767"/>
                <a:gd name="connsiteX8" fmla="*/ 499854 w 555570"/>
                <a:gd name="connsiteY8" fmla="*/ 63319 h 584767"/>
                <a:gd name="connsiteX9" fmla="*/ 438150 w 555570"/>
                <a:gd name="connsiteY9" fmla="*/ 158523 h 584767"/>
                <a:gd name="connsiteX10" fmla="*/ 514974 w 555570"/>
                <a:gd name="connsiteY10" fmla="*/ 83408 h 584767"/>
                <a:gd name="connsiteX11" fmla="*/ 545307 w 555570"/>
                <a:gd name="connsiteY11" fmla="*/ 103753 h 584767"/>
                <a:gd name="connsiteX12" fmla="*/ 450058 w 555570"/>
                <a:gd name="connsiteY12" fmla="*/ 232341 h 584767"/>
                <a:gd name="connsiteX13" fmla="*/ 538162 w 555570"/>
                <a:gd name="connsiteY13" fmla="*/ 165666 h 584767"/>
                <a:gd name="connsiteX14" fmla="*/ 551869 w 555570"/>
                <a:gd name="connsiteY14" fmla="*/ 181935 h 584767"/>
                <a:gd name="connsiteX15" fmla="*/ 526256 w 555570"/>
                <a:gd name="connsiteY15" fmla="*/ 234721 h 584767"/>
                <a:gd name="connsiteX16" fmla="*/ 276225 w 555570"/>
                <a:gd name="connsiteY16" fmla="*/ 408554 h 584767"/>
                <a:gd name="connsiteX17" fmla="*/ 176213 w 555570"/>
                <a:gd name="connsiteY17" fmla="*/ 584767 h 584767"/>
                <a:gd name="connsiteX18" fmla="*/ 73819 w 555570"/>
                <a:gd name="connsiteY18" fmla="*/ 513329 h 584767"/>
                <a:gd name="connsiteX19" fmla="*/ 0 w 555570"/>
                <a:gd name="connsiteY19" fmla="*/ 510947 h 584767"/>
                <a:gd name="connsiteX20" fmla="*/ 111919 w 555570"/>
                <a:gd name="connsiteY20" fmla="*/ 318065 h 584767"/>
                <a:gd name="connsiteX21" fmla="*/ 166688 w 555570"/>
                <a:gd name="connsiteY21" fmla="*/ 120422 h 584767"/>
                <a:gd name="connsiteX0" fmla="*/ 166688 w 552990"/>
                <a:gd name="connsiteY0" fmla="*/ 120422 h 584767"/>
                <a:gd name="connsiteX1" fmla="*/ 204788 w 552990"/>
                <a:gd name="connsiteY1" fmla="*/ 18028 h 584767"/>
                <a:gd name="connsiteX2" fmla="*/ 254794 w 552990"/>
                <a:gd name="connsiteY2" fmla="*/ 87084 h 584767"/>
                <a:gd name="connsiteX3" fmla="*/ 235744 w 552990"/>
                <a:gd name="connsiteY3" fmla="*/ 165665 h 584767"/>
                <a:gd name="connsiteX4" fmla="*/ 409575 w 552990"/>
                <a:gd name="connsiteY4" fmla="*/ 6122 h 584767"/>
                <a:gd name="connsiteX5" fmla="*/ 446797 w 552990"/>
                <a:gd name="connsiteY5" fmla="*/ 26259 h 584767"/>
                <a:gd name="connsiteX6" fmla="*/ 352426 w 552990"/>
                <a:gd name="connsiteY6" fmla="*/ 175191 h 584767"/>
                <a:gd name="connsiteX7" fmla="*/ 464344 w 552990"/>
                <a:gd name="connsiteY7" fmla="*/ 37078 h 584767"/>
                <a:gd name="connsiteX8" fmla="*/ 499854 w 552990"/>
                <a:gd name="connsiteY8" fmla="*/ 63319 h 584767"/>
                <a:gd name="connsiteX9" fmla="*/ 438150 w 552990"/>
                <a:gd name="connsiteY9" fmla="*/ 158523 h 584767"/>
                <a:gd name="connsiteX10" fmla="*/ 514974 w 552990"/>
                <a:gd name="connsiteY10" fmla="*/ 83408 h 584767"/>
                <a:gd name="connsiteX11" fmla="*/ 545307 w 552990"/>
                <a:gd name="connsiteY11" fmla="*/ 103753 h 584767"/>
                <a:gd name="connsiteX12" fmla="*/ 450058 w 552990"/>
                <a:gd name="connsiteY12" fmla="*/ 232341 h 584767"/>
                <a:gd name="connsiteX13" fmla="*/ 538162 w 552990"/>
                <a:gd name="connsiteY13" fmla="*/ 165666 h 584767"/>
                <a:gd name="connsiteX14" fmla="*/ 551869 w 552990"/>
                <a:gd name="connsiteY14" fmla="*/ 181935 h 584767"/>
                <a:gd name="connsiteX15" fmla="*/ 518650 w 552990"/>
                <a:gd name="connsiteY15" fmla="*/ 239067 h 584767"/>
                <a:gd name="connsiteX16" fmla="*/ 276225 w 552990"/>
                <a:gd name="connsiteY16" fmla="*/ 408554 h 584767"/>
                <a:gd name="connsiteX17" fmla="*/ 176213 w 552990"/>
                <a:gd name="connsiteY17" fmla="*/ 584767 h 584767"/>
                <a:gd name="connsiteX18" fmla="*/ 73819 w 552990"/>
                <a:gd name="connsiteY18" fmla="*/ 513329 h 584767"/>
                <a:gd name="connsiteX19" fmla="*/ 0 w 552990"/>
                <a:gd name="connsiteY19" fmla="*/ 510947 h 584767"/>
                <a:gd name="connsiteX20" fmla="*/ 111919 w 552990"/>
                <a:gd name="connsiteY20" fmla="*/ 318065 h 584767"/>
                <a:gd name="connsiteX21" fmla="*/ 166688 w 552990"/>
                <a:gd name="connsiteY21" fmla="*/ 120422 h 584767"/>
                <a:gd name="connsiteX0" fmla="*/ 166688 w 552990"/>
                <a:gd name="connsiteY0" fmla="*/ 120422 h 584767"/>
                <a:gd name="connsiteX1" fmla="*/ 204788 w 552990"/>
                <a:gd name="connsiteY1" fmla="*/ 18028 h 584767"/>
                <a:gd name="connsiteX2" fmla="*/ 254794 w 552990"/>
                <a:gd name="connsiteY2" fmla="*/ 87084 h 584767"/>
                <a:gd name="connsiteX3" fmla="*/ 235744 w 552990"/>
                <a:gd name="connsiteY3" fmla="*/ 165665 h 584767"/>
                <a:gd name="connsiteX4" fmla="*/ 409575 w 552990"/>
                <a:gd name="connsiteY4" fmla="*/ 6122 h 584767"/>
                <a:gd name="connsiteX5" fmla="*/ 446797 w 552990"/>
                <a:gd name="connsiteY5" fmla="*/ 26259 h 584767"/>
                <a:gd name="connsiteX6" fmla="*/ 352426 w 552990"/>
                <a:gd name="connsiteY6" fmla="*/ 175191 h 584767"/>
                <a:gd name="connsiteX7" fmla="*/ 464344 w 552990"/>
                <a:gd name="connsiteY7" fmla="*/ 37078 h 584767"/>
                <a:gd name="connsiteX8" fmla="*/ 499854 w 552990"/>
                <a:gd name="connsiteY8" fmla="*/ 63319 h 584767"/>
                <a:gd name="connsiteX9" fmla="*/ 438150 w 552990"/>
                <a:gd name="connsiteY9" fmla="*/ 158523 h 584767"/>
                <a:gd name="connsiteX10" fmla="*/ 514974 w 552990"/>
                <a:gd name="connsiteY10" fmla="*/ 83408 h 584767"/>
                <a:gd name="connsiteX11" fmla="*/ 545307 w 552990"/>
                <a:gd name="connsiteY11" fmla="*/ 103753 h 584767"/>
                <a:gd name="connsiteX12" fmla="*/ 450058 w 552990"/>
                <a:gd name="connsiteY12" fmla="*/ 232341 h 584767"/>
                <a:gd name="connsiteX13" fmla="*/ 538162 w 552990"/>
                <a:gd name="connsiteY13" fmla="*/ 165666 h 584767"/>
                <a:gd name="connsiteX14" fmla="*/ 551869 w 552990"/>
                <a:gd name="connsiteY14" fmla="*/ 181935 h 584767"/>
                <a:gd name="connsiteX15" fmla="*/ 518650 w 552990"/>
                <a:gd name="connsiteY15" fmla="*/ 239067 h 584767"/>
                <a:gd name="connsiteX16" fmla="*/ 276225 w 552990"/>
                <a:gd name="connsiteY16" fmla="*/ 408554 h 584767"/>
                <a:gd name="connsiteX17" fmla="*/ 176213 w 552990"/>
                <a:gd name="connsiteY17" fmla="*/ 584767 h 584767"/>
                <a:gd name="connsiteX18" fmla="*/ 73819 w 552990"/>
                <a:gd name="connsiteY18" fmla="*/ 513329 h 584767"/>
                <a:gd name="connsiteX19" fmla="*/ 0 w 552990"/>
                <a:gd name="connsiteY19" fmla="*/ 510947 h 584767"/>
                <a:gd name="connsiteX20" fmla="*/ 111919 w 552990"/>
                <a:gd name="connsiteY20" fmla="*/ 318065 h 584767"/>
                <a:gd name="connsiteX21" fmla="*/ 166688 w 552990"/>
                <a:gd name="connsiteY21" fmla="*/ 120422 h 584767"/>
                <a:gd name="connsiteX0" fmla="*/ 166688 w 559826"/>
                <a:gd name="connsiteY0" fmla="*/ 120422 h 584767"/>
                <a:gd name="connsiteX1" fmla="*/ 204788 w 559826"/>
                <a:gd name="connsiteY1" fmla="*/ 18028 h 584767"/>
                <a:gd name="connsiteX2" fmla="*/ 254794 w 559826"/>
                <a:gd name="connsiteY2" fmla="*/ 87084 h 584767"/>
                <a:gd name="connsiteX3" fmla="*/ 235744 w 559826"/>
                <a:gd name="connsiteY3" fmla="*/ 165665 h 584767"/>
                <a:gd name="connsiteX4" fmla="*/ 409575 w 559826"/>
                <a:gd name="connsiteY4" fmla="*/ 6122 h 584767"/>
                <a:gd name="connsiteX5" fmla="*/ 446797 w 559826"/>
                <a:gd name="connsiteY5" fmla="*/ 26259 h 584767"/>
                <a:gd name="connsiteX6" fmla="*/ 352426 w 559826"/>
                <a:gd name="connsiteY6" fmla="*/ 175191 h 584767"/>
                <a:gd name="connsiteX7" fmla="*/ 464344 w 559826"/>
                <a:gd name="connsiteY7" fmla="*/ 37078 h 584767"/>
                <a:gd name="connsiteX8" fmla="*/ 499854 w 559826"/>
                <a:gd name="connsiteY8" fmla="*/ 63319 h 584767"/>
                <a:gd name="connsiteX9" fmla="*/ 438150 w 559826"/>
                <a:gd name="connsiteY9" fmla="*/ 158523 h 584767"/>
                <a:gd name="connsiteX10" fmla="*/ 514974 w 559826"/>
                <a:gd name="connsiteY10" fmla="*/ 83408 h 584767"/>
                <a:gd name="connsiteX11" fmla="*/ 545307 w 559826"/>
                <a:gd name="connsiteY11" fmla="*/ 103753 h 584767"/>
                <a:gd name="connsiteX12" fmla="*/ 450058 w 559826"/>
                <a:gd name="connsiteY12" fmla="*/ 232341 h 584767"/>
                <a:gd name="connsiteX13" fmla="*/ 538162 w 559826"/>
                <a:gd name="connsiteY13" fmla="*/ 165666 h 584767"/>
                <a:gd name="connsiteX14" fmla="*/ 559475 w 559826"/>
                <a:gd name="connsiteY14" fmla="*/ 191714 h 584767"/>
                <a:gd name="connsiteX15" fmla="*/ 518650 w 559826"/>
                <a:gd name="connsiteY15" fmla="*/ 239067 h 584767"/>
                <a:gd name="connsiteX16" fmla="*/ 276225 w 559826"/>
                <a:gd name="connsiteY16" fmla="*/ 408554 h 584767"/>
                <a:gd name="connsiteX17" fmla="*/ 176213 w 559826"/>
                <a:gd name="connsiteY17" fmla="*/ 584767 h 584767"/>
                <a:gd name="connsiteX18" fmla="*/ 73819 w 559826"/>
                <a:gd name="connsiteY18" fmla="*/ 513329 h 584767"/>
                <a:gd name="connsiteX19" fmla="*/ 0 w 559826"/>
                <a:gd name="connsiteY19" fmla="*/ 510947 h 584767"/>
                <a:gd name="connsiteX20" fmla="*/ 111919 w 559826"/>
                <a:gd name="connsiteY20" fmla="*/ 318065 h 584767"/>
                <a:gd name="connsiteX21" fmla="*/ 166688 w 559826"/>
                <a:gd name="connsiteY21" fmla="*/ 120422 h 584767"/>
                <a:gd name="connsiteX0" fmla="*/ 166688 w 564058"/>
                <a:gd name="connsiteY0" fmla="*/ 120422 h 584767"/>
                <a:gd name="connsiteX1" fmla="*/ 204788 w 564058"/>
                <a:gd name="connsiteY1" fmla="*/ 18028 h 584767"/>
                <a:gd name="connsiteX2" fmla="*/ 254794 w 564058"/>
                <a:gd name="connsiteY2" fmla="*/ 87084 h 584767"/>
                <a:gd name="connsiteX3" fmla="*/ 235744 w 564058"/>
                <a:gd name="connsiteY3" fmla="*/ 165665 h 584767"/>
                <a:gd name="connsiteX4" fmla="*/ 409575 w 564058"/>
                <a:gd name="connsiteY4" fmla="*/ 6122 h 584767"/>
                <a:gd name="connsiteX5" fmla="*/ 446797 w 564058"/>
                <a:gd name="connsiteY5" fmla="*/ 26259 h 584767"/>
                <a:gd name="connsiteX6" fmla="*/ 352426 w 564058"/>
                <a:gd name="connsiteY6" fmla="*/ 175191 h 584767"/>
                <a:gd name="connsiteX7" fmla="*/ 464344 w 564058"/>
                <a:gd name="connsiteY7" fmla="*/ 37078 h 584767"/>
                <a:gd name="connsiteX8" fmla="*/ 499854 w 564058"/>
                <a:gd name="connsiteY8" fmla="*/ 63319 h 584767"/>
                <a:gd name="connsiteX9" fmla="*/ 438150 w 564058"/>
                <a:gd name="connsiteY9" fmla="*/ 158523 h 584767"/>
                <a:gd name="connsiteX10" fmla="*/ 514974 w 564058"/>
                <a:gd name="connsiteY10" fmla="*/ 83408 h 584767"/>
                <a:gd name="connsiteX11" fmla="*/ 545307 w 564058"/>
                <a:gd name="connsiteY11" fmla="*/ 103753 h 584767"/>
                <a:gd name="connsiteX12" fmla="*/ 450058 w 564058"/>
                <a:gd name="connsiteY12" fmla="*/ 232341 h 584767"/>
                <a:gd name="connsiteX13" fmla="*/ 538162 w 564058"/>
                <a:gd name="connsiteY13" fmla="*/ 165666 h 584767"/>
                <a:gd name="connsiteX14" fmla="*/ 563822 w 564058"/>
                <a:gd name="connsiteY14" fmla="*/ 175414 h 584767"/>
                <a:gd name="connsiteX15" fmla="*/ 518650 w 564058"/>
                <a:gd name="connsiteY15" fmla="*/ 239067 h 584767"/>
                <a:gd name="connsiteX16" fmla="*/ 276225 w 564058"/>
                <a:gd name="connsiteY16" fmla="*/ 408554 h 584767"/>
                <a:gd name="connsiteX17" fmla="*/ 176213 w 564058"/>
                <a:gd name="connsiteY17" fmla="*/ 584767 h 584767"/>
                <a:gd name="connsiteX18" fmla="*/ 73819 w 564058"/>
                <a:gd name="connsiteY18" fmla="*/ 513329 h 584767"/>
                <a:gd name="connsiteX19" fmla="*/ 0 w 564058"/>
                <a:gd name="connsiteY19" fmla="*/ 510947 h 584767"/>
                <a:gd name="connsiteX20" fmla="*/ 111919 w 564058"/>
                <a:gd name="connsiteY20" fmla="*/ 318065 h 584767"/>
                <a:gd name="connsiteX21" fmla="*/ 166688 w 564058"/>
                <a:gd name="connsiteY21" fmla="*/ 120422 h 584767"/>
                <a:gd name="connsiteX0" fmla="*/ 166688 w 560876"/>
                <a:gd name="connsiteY0" fmla="*/ 120422 h 584767"/>
                <a:gd name="connsiteX1" fmla="*/ 204788 w 560876"/>
                <a:gd name="connsiteY1" fmla="*/ 18028 h 584767"/>
                <a:gd name="connsiteX2" fmla="*/ 254794 w 560876"/>
                <a:gd name="connsiteY2" fmla="*/ 87084 h 584767"/>
                <a:gd name="connsiteX3" fmla="*/ 235744 w 560876"/>
                <a:gd name="connsiteY3" fmla="*/ 165665 h 584767"/>
                <a:gd name="connsiteX4" fmla="*/ 409575 w 560876"/>
                <a:gd name="connsiteY4" fmla="*/ 6122 h 584767"/>
                <a:gd name="connsiteX5" fmla="*/ 446797 w 560876"/>
                <a:gd name="connsiteY5" fmla="*/ 26259 h 584767"/>
                <a:gd name="connsiteX6" fmla="*/ 352426 w 560876"/>
                <a:gd name="connsiteY6" fmla="*/ 175191 h 584767"/>
                <a:gd name="connsiteX7" fmla="*/ 464344 w 560876"/>
                <a:gd name="connsiteY7" fmla="*/ 37078 h 584767"/>
                <a:gd name="connsiteX8" fmla="*/ 499854 w 560876"/>
                <a:gd name="connsiteY8" fmla="*/ 63319 h 584767"/>
                <a:gd name="connsiteX9" fmla="*/ 438150 w 560876"/>
                <a:gd name="connsiteY9" fmla="*/ 158523 h 584767"/>
                <a:gd name="connsiteX10" fmla="*/ 514974 w 560876"/>
                <a:gd name="connsiteY10" fmla="*/ 83408 h 584767"/>
                <a:gd name="connsiteX11" fmla="*/ 545307 w 560876"/>
                <a:gd name="connsiteY11" fmla="*/ 103753 h 584767"/>
                <a:gd name="connsiteX12" fmla="*/ 450058 w 560876"/>
                <a:gd name="connsiteY12" fmla="*/ 232341 h 584767"/>
                <a:gd name="connsiteX13" fmla="*/ 538162 w 560876"/>
                <a:gd name="connsiteY13" fmla="*/ 165666 h 584767"/>
                <a:gd name="connsiteX14" fmla="*/ 560563 w 560876"/>
                <a:gd name="connsiteY14" fmla="*/ 183020 h 584767"/>
                <a:gd name="connsiteX15" fmla="*/ 518650 w 560876"/>
                <a:gd name="connsiteY15" fmla="*/ 239067 h 584767"/>
                <a:gd name="connsiteX16" fmla="*/ 276225 w 560876"/>
                <a:gd name="connsiteY16" fmla="*/ 408554 h 584767"/>
                <a:gd name="connsiteX17" fmla="*/ 176213 w 560876"/>
                <a:gd name="connsiteY17" fmla="*/ 584767 h 584767"/>
                <a:gd name="connsiteX18" fmla="*/ 73819 w 560876"/>
                <a:gd name="connsiteY18" fmla="*/ 513329 h 584767"/>
                <a:gd name="connsiteX19" fmla="*/ 0 w 560876"/>
                <a:gd name="connsiteY19" fmla="*/ 510947 h 584767"/>
                <a:gd name="connsiteX20" fmla="*/ 111919 w 560876"/>
                <a:gd name="connsiteY20" fmla="*/ 318065 h 584767"/>
                <a:gd name="connsiteX21" fmla="*/ 166688 w 560876"/>
                <a:gd name="connsiteY21" fmla="*/ 120422 h 584767"/>
                <a:gd name="connsiteX0" fmla="*/ 166688 w 560876"/>
                <a:gd name="connsiteY0" fmla="*/ 119247 h 583592"/>
                <a:gd name="connsiteX1" fmla="*/ 204788 w 560876"/>
                <a:gd name="connsiteY1" fmla="*/ 16853 h 583592"/>
                <a:gd name="connsiteX2" fmla="*/ 254794 w 560876"/>
                <a:gd name="connsiteY2" fmla="*/ 85909 h 583592"/>
                <a:gd name="connsiteX3" fmla="*/ 235744 w 560876"/>
                <a:gd name="connsiteY3" fmla="*/ 164490 h 583592"/>
                <a:gd name="connsiteX4" fmla="*/ 409575 w 560876"/>
                <a:gd name="connsiteY4" fmla="*/ 4947 h 583592"/>
                <a:gd name="connsiteX5" fmla="*/ 441364 w 560876"/>
                <a:gd name="connsiteY5" fmla="*/ 33777 h 583592"/>
                <a:gd name="connsiteX6" fmla="*/ 352426 w 560876"/>
                <a:gd name="connsiteY6" fmla="*/ 174016 h 583592"/>
                <a:gd name="connsiteX7" fmla="*/ 464344 w 560876"/>
                <a:gd name="connsiteY7" fmla="*/ 35903 h 583592"/>
                <a:gd name="connsiteX8" fmla="*/ 499854 w 560876"/>
                <a:gd name="connsiteY8" fmla="*/ 62144 h 583592"/>
                <a:gd name="connsiteX9" fmla="*/ 438150 w 560876"/>
                <a:gd name="connsiteY9" fmla="*/ 157348 h 583592"/>
                <a:gd name="connsiteX10" fmla="*/ 514974 w 560876"/>
                <a:gd name="connsiteY10" fmla="*/ 82233 h 583592"/>
                <a:gd name="connsiteX11" fmla="*/ 545307 w 560876"/>
                <a:gd name="connsiteY11" fmla="*/ 102578 h 583592"/>
                <a:gd name="connsiteX12" fmla="*/ 450058 w 560876"/>
                <a:gd name="connsiteY12" fmla="*/ 231166 h 583592"/>
                <a:gd name="connsiteX13" fmla="*/ 538162 w 560876"/>
                <a:gd name="connsiteY13" fmla="*/ 164491 h 583592"/>
                <a:gd name="connsiteX14" fmla="*/ 560563 w 560876"/>
                <a:gd name="connsiteY14" fmla="*/ 181845 h 583592"/>
                <a:gd name="connsiteX15" fmla="*/ 518650 w 560876"/>
                <a:gd name="connsiteY15" fmla="*/ 237892 h 583592"/>
                <a:gd name="connsiteX16" fmla="*/ 276225 w 560876"/>
                <a:gd name="connsiteY16" fmla="*/ 407379 h 583592"/>
                <a:gd name="connsiteX17" fmla="*/ 176213 w 560876"/>
                <a:gd name="connsiteY17" fmla="*/ 583592 h 583592"/>
                <a:gd name="connsiteX18" fmla="*/ 73819 w 560876"/>
                <a:gd name="connsiteY18" fmla="*/ 512154 h 583592"/>
                <a:gd name="connsiteX19" fmla="*/ 0 w 560876"/>
                <a:gd name="connsiteY19" fmla="*/ 509772 h 583592"/>
                <a:gd name="connsiteX20" fmla="*/ 111919 w 560876"/>
                <a:gd name="connsiteY20" fmla="*/ 316890 h 583592"/>
                <a:gd name="connsiteX21" fmla="*/ 166688 w 560876"/>
                <a:gd name="connsiteY21" fmla="*/ 119247 h 583592"/>
                <a:gd name="connsiteX0" fmla="*/ 166688 w 560876"/>
                <a:gd name="connsiteY0" fmla="*/ 109934 h 574279"/>
                <a:gd name="connsiteX1" fmla="*/ 204788 w 560876"/>
                <a:gd name="connsiteY1" fmla="*/ 7540 h 574279"/>
                <a:gd name="connsiteX2" fmla="*/ 254794 w 560876"/>
                <a:gd name="connsiteY2" fmla="*/ 76596 h 574279"/>
                <a:gd name="connsiteX3" fmla="*/ 235744 w 560876"/>
                <a:gd name="connsiteY3" fmla="*/ 155177 h 574279"/>
                <a:gd name="connsiteX4" fmla="*/ 404142 w 560876"/>
                <a:gd name="connsiteY4" fmla="*/ 6501 h 574279"/>
                <a:gd name="connsiteX5" fmla="*/ 441364 w 560876"/>
                <a:gd name="connsiteY5" fmla="*/ 24464 h 574279"/>
                <a:gd name="connsiteX6" fmla="*/ 352426 w 560876"/>
                <a:gd name="connsiteY6" fmla="*/ 164703 h 574279"/>
                <a:gd name="connsiteX7" fmla="*/ 464344 w 560876"/>
                <a:gd name="connsiteY7" fmla="*/ 26590 h 574279"/>
                <a:gd name="connsiteX8" fmla="*/ 499854 w 560876"/>
                <a:gd name="connsiteY8" fmla="*/ 52831 h 574279"/>
                <a:gd name="connsiteX9" fmla="*/ 438150 w 560876"/>
                <a:gd name="connsiteY9" fmla="*/ 148035 h 574279"/>
                <a:gd name="connsiteX10" fmla="*/ 514974 w 560876"/>
                <a:gd name="connsiteY10" fmla="*/ 72920 h 574279"/>
                <a:gd name="connsiteX11" fmla="*/ 545307 w 560876"/>
                <a:gd name="connsiteY11" fmla="*/ 93265 h 574279"/>
                <a:gd name="connsiteX12" fmla="*/ 450058 w 560876"/>
                <a:gd name="connsiteY12" fmla="*/ 221853 h 574279"/>
                <a:gd name="connsiteX13" fmla="*/ 538162 w 560876"/>
                <a:gd name="connsiteY13" fmla="*/ 155178 h 574279"/>
                <a:gd name="connsiteX14" fmla="*/ 560563 w 560876"/>
                <a:gd name="connsiteY14" fmla="*/ 172532 h 574279"/>
                <a:gd name="connsiteX15" fmla="*/ 518650 w 560876"/>
                <a:gd name="connsiteY15" fmla="*/ 228579 h 574279"/>
                <a:gd name="connsiteX16" fmla="*/ 276225 w 560876"/>
                <a:gd name="connsiteY16" fmla="*/ 398066 h 574279"/>
                <a:gd name="connsiteX17" fmla="*/ 176213 w 560876"/>
                <a:gd name="connsiteY17" fmla="*/ 574279 h 574279"/>
                <a:gd name="connsiteX18" fmla="*/ 73819 w 560876"/>
                <a:gd name="connsiteY18" fmla="*/ 502841 h 574279"/>
                <a:gd name="connsiteX19" fmla="*/ 0 w 560876"/>
                <a:gd name="connsiteY19" fmla="*/ 500459 h 574279"/>
                <a:gd name="connsiteX20" fmla="*/ 111919 w 560876"/>
                <a:gd name="connsiteY20" fmla="*/ 307577 h 574279"/>
                <a:gd name="connsiteX21" fmla="*/ 166688 w 560876"/>
                <a:gd name="connsiteY21" fmla="*/ 109934 h 574279"/>
                <a:gd name="connsiteX0" fmla="*/ 166688 w 560876"/>
                <a:gd name="connsiteY0" fmla="*/ 110826 h 575171"/>
                <a:gd name="connsiteX1" fmla="*/ 204788 w 560876"/>
                <a:gd name="connsiteY1" fmla="*/ 8432 h 575171"/>
                <a:gd name="connsiteX2" fmla="*/ 254794 w 560876"/>
                <a:gd name="connsiteY2" fmla="*/ 77488 h 575171"/>
                <a:gd name="connsiteX3" fmla="*/ 235744 w 560876"/>
                <a:gd name="connsiteY3" fmla="*/ 156069 h 575171"/>
                <a:gd name="connsiteX4" fmla="*/ 399796 w 560876"/>
                <a:gd name="connsiteY4" fmla="*/ 6306 h 575171"/>
                <a:gd name="connsiteX5" fmla="*/ 441364 w 560876"/>
                <a:gd name="connsiteY5" fmla="*/ 25356 h 575171"/>
                <a:gd name="connsiteX6" fmla="*/ 352426 w 560876"/>
                <a:gd name="connsiteY6" fmla="*/ 165595 h 575171"/>
                <a:gd name="connsiteX7" fmla="*/ 464344 w 560876"/>
                <a:gd name="connsiteY7" fmla="*/ 27482 h 575171"/>
                <a:gd name="connsiteX8" fmla="*/ 499854 w 560876"/>
                <a:gd name="connsiteY8" fmla="*/ 53723 h 575171"/>
                <a:gd name="connsiteX9" fmla="*/ 438150 w 560876"/>
                <a:gd name="connsiteY9" fmla="*/ 148927 h 575171"/>
                <a:gd name="connsiteX10" fmla="*/ 514974 w 560876"/>
                <a:gd name="connsiteY10" fmla="*/ 73812 h 575171"/>
                <a:gd name="connsiteX11" fmla="*/ 545307 w 560876"/>
                <a:gd name="connsiteY11" fmla="*/ 94157 h 575171"/>
                <a:gd name="connsiteX12" fmla="*/ 450058 w 560876"/>
                <a:gd name="connsiteY12" fmla="*/ 222745 h 575171"/>
                <a:gd name="connsiteX13" fmla="*/ 538162 w 560876"/>
                <a:gd name="connsiteY13" fmla="*/ 156070 h 575171"/>
                <a:gd name="connsiteX14" fmla="*/ 560563 w 560876"/>
                <a:gd name="connsiteY14" fmla="*/ 173424 h 575171"/>
                <a:gd name="connsiteX15" fmla="*/ 518650 w 560876"/>
                <a:gd name="connsiteY15" fmla="*/ 229471 h 575171"/>
                <a:gd name="connsiteX16" fmla="*/ 276225 w 560876"/>
                <a:gd name="connsiteY16" fmla="*/ 398958 h 575171"/>
                <a:gd name="connsiteX17" fmla="*/ 176213 w 560876"/>
                <a:gd name="connsiteY17" fmla="*/ 575171 h 575171"/>
                <a:gd name="connsiteX18" fmla="*/ 73819 w 560876"/>
                <a:gd name="connsiteY18" fmla="*/ 503733 h 575171"/>
                <a:gd name="connsiteX19" fmla="*/ 0 w 560876"/>
                <a:gd name="connsiteY19" fmla="*/ 501351 h 575171"/>
                <a:gd name="connsiteX20" fmla="*/ 111919 w 560876"/>
                <a:gd name="connsiteY20" fmla="*/ 308469 h 575171"/>
                <a:gd name="connsiteX21" fmla="*/ 166688 w 560876"/>
                <a:gd name="connsiteY21" fmla="*/ 110826 h 575171"/>
                <a:gd name="connsiteX0" fmla="*/ 166688 w 560876"/>
                <a:gd name="connsiteY0" fmla="*/ 117451 h 581796"/>
                <a:gd name="connsiteX1" fmla="*/ 204788 w 560876"/>
                <a:gd name="connsiteY1" fmla="*/ 15057 h 581796"/>
                <a:gd name="connsiteX2" fmla="*/ 254794 w 560876"/>
                <a:gd name="connsiteY2" fmla="*/ 84113 h 581796"/>
                <a:gd name="connsiteX3" fmla="*/ 235744 w 560876"/>
                <a:gd name="connsiteY3" fmla="*/ 162694 h 581796"/>
                <a:gd name="connsiteX4" fmla="*/ 399796 w 560876"/>
                <a:gd name="connsiteY4" fmla="*/ 12931 h 581796"/>
                <a:gd name="connsiteX5" fmla="*/ 441364 w 560876"/>
                <a:gd name="connsiteY5" fmla="*/ 31981 h 581796"/>
                <a:gd name="connsiteX6" fmla="*/ 352426 w 560876"/>
                <a:gd name="connsiteY6" fmla="*/ 172220 h 581796"/>
                <a:gd name="connsiteX7" fmla="*/ 464344 w 560876"/>
                <a:gd name="connsiteY7" fmla="*/ 34107 h 581796"/>
                <a:gd name="connsiteX8" fmla="*/ 499854 w 560876"/>
                <a:gd name="connsiteY8" fmla="*/ 60348 h 581796"/>
                <a:gd name="connsiteX9" fmla="*/ 438150 w 560876"/>
                <a:gd name="connsiteY9" fmla="*/ 155552 h 581796"/>
                <a:gd name="connsiteX10" fmla="*/ 514974 w 560876"/>
                <a:gd name="connsiteY10" fmla="*/ 80437 h 581796"/>
                <a:gd name="connsiteX11" fmla="*/ 545307 w 560876"/>
                <a:gd name="connsiteY11" fmla="*/ 100782 h 581796"/>
                <a:gd name="connsiteX12" fmla="*/ 450058 w 560876"/>
                <a:gd name="connsiteY12" fmla="*/ 229370 h 581796"/>
                <a:gd name="connsiteX13" fmla="*/ 538162 w 560876"/>
                <a:gd name="connsiteY13" fmla="*/ 162695 h 581796"/>
                <a:gd name="connsiteX14" fmla="*/ 560563 w 560876"/>
                <a:gd name="connsiteY14" fmla="*/ 180049 h 581796"/>
                <a:gd name="connsiteX15" fmla="*/ 518650 w 560876"/>
                <a:gd name="connsiteY15" fmla="*/ 236096 h 581796"/>
                <a:gd name="connsiteX16" fmla="*/ 276225 w 560876"/>
                <a:gd name="connsiteY16" fmla="*/ 405583 h 581796"/>
                <a:gd name="connsiteX17" fmla="*/ 176213 w 560876"/>
                <a:gd name="connsiteY17" fmla="*/ 581796 h 581796"/>
                <a:gd name="connsiteX18" fmla="*/ 73819 w 560876"/>
                <a:gd name="connsiteY18" fmla="*/ 510358 h 581796"/>
                <a:gd name="connsiteX19" fmla="*/ 0 w 560876"/>
                <a:gd name="connsiteY19" fmla="*/ 507976 h 581796"/>
                <a:gd name="connsiteX20" fmla="*/ 111919 w 560876"/>
                <a:gd name="connsiteY20" fmla="*/ 315094 h 581796"/>
                <a:gd name="connsiteX21" fmla="*/ 166688 w 560876"/>
                <a:gd name="connsiteY21" fmla="*/ 117451 h 581796"/>
                <a:gd name="connsiteX0" fmla="*/ 166688 w 560876"/>
                <a:gd name="connsiteY0" fmla="*/ 118715 h 583060"/>
                <a:gd name="connsiteX1" fmla="*/ 204788 w 560876"/>
                <a:gd name="connsiteY1" fmla="*/ 16321 h 583060"/>
                <a:gd name="connsiteX2" fmla="*/ 254794 w 560876"/>
                <a:gd name="connsiteY2" fmla="*/ 85377 h 583060"/>
                <a:gd name="connsiteX3" fmla="*/ 235744 w 560876"/>
                <a:gd name="connsiteY3" fmla="*/ 163958 h 583060"/>
                <a:gd name="connsiteX4" fmla="*/ 399796 w 560876"/>
                <a:gd name="connsiteY4" fmla="*/ 14195 h 583060"/>
                <a:gd name="connsiteX5" fmla="*/ 441364 w 560876"/>
                <a:gd name="connsiteY5" fmla="*/ 33245 h 583060"/>
                <a:gd name="connsiteX6" fmla="*/ 352426 w 560876"/>
                <a:gd name="connsiteY6" fmla="*/ 173484 h 583060"/>
                <a:gd name="connsiteX7" fmla="*/ 464344 w 560876"/>
                <a:gd name="connsiteY7" fmla="*/ 35371 h 583060"/>
                <a:gd name="connsiteX8" fmla="*/ 499854 w 560876"/>
                <a:gd name="connsiteY8" fmla="*/ 61612 h 583060"/>
                <a:gd name="connsiteX9" fmla="*/ 438150 w 560876"/>
                <a:gd name="connsiteY9" fmla="*/ 156816 h 583060"/>
                <a:gd name="connsiteX10" fmla="*/ 514974 w 560876"/>
                <a:gd name="connsiteY10" fmla="*/ 81701 h 583060"/>
                <a:gd name="connsiteX11" fmla="*/ 545307 w 560876"/>
                <a:gd name="connsiteY11" fmla="*/ 102046 h 583060"/>
                <a:gd name="connsiteX12" fmla="*/ 450058 w 560876"/>
                <a:gd name="connsiteY12" fmla="*/ 230634 h 583060"/>
                <a:gd name="connsiteX13" fmla="*/ 538162 w 560876"/>
                <a:gd name="connsiteY13" fmla="*/ 163959 h 583060"/>
                <a:gd name="connsiteX14" fmla="*/ 560563 w 560876"/>
                <a:gd name="connsiteY14" fmla="*/ 181313 h 583060"/>
                <a:gd name="connsiteX15" fmla="*/ 518650 w 560876"/>
                <a:gd name="connsiteY15" fmla="*/ 237360 h 583060"/>
                <a:gd name="connsiteX16" fmla="*/ 276225 w 560876"/>
                <a:gd name="connsiteY16" fmla="*/ 406847 h 583060"/>
                <a:gd name="connsiteX17" fmla="*/ 176213 w 560876"/>
                <a:gd name="connsiteY17" fmla="*/ 583060 h 583060"/>
                <a:gd name="connsiteX18" fmla="*/ 73819 w 560876"/>
                <a:gd name="connsiteY18" fmla="*/ 511622 h 583060"/>
                <a:gd name="connsiteX19" fmla="*/ 0 w 560876"/>
                <a:gd name="connsiteY19" fmla="*/ 509240 h 583060"/>
                <a:gd name="connsiteX20" fmla="*/ 111919 w 560876"/>
                <a:gd name="connsiteY20" fmla="*/ 316358 h 583060"/>
                <a:gd name="connsiteX21" fmla="*/ 166688 w 560876"/>
                <a:gd name="connsiteY21" fmla="*/ 118715 h 583060"/>
                <a:gd name="connsiteX0" fmla="*/ 166688 w 560876"/>
                <a:gd name="connsiteY0" fmla="*/ 119546 h 583891"/>
                <a:gd name="connsiteX1" fmla="*/ 204788 w 560876"/>
                <a:gd name="connsiteY1" fmla="*/ 17152 h 583891"/>
                <a:gd name="connsiteX2" fmla="*/ 254794 w 560876"/>
                <a:gd name="connsiteY2" fmla="*/ 86208 h 583891"/>
                <a:gd name="connsiteX3" fmla="*/ 235744 w 560876"/>
                <a:gd name="connsiteY3" fmla="*/ 164789 h 583891"/>
                <a:gd name="connsiteX4" fmla="*/ 401969 w 560876"/>
                <a:gd name="connsiteY4" fmla="*/ 13939 h 583891"/>
                <a:gd name="connsiteX5" fmla="*/ 441364 w 560876"/>
                <a:gd name="connsiteY5" fmla="*/ 34076 h 583891"/>
                <a:gd name="connsiteX6" fmla="*/ 352426 w 560876"/>
                <a:gd name="connsiteY6" fmla="*/ 174315 h 583891"/>
                <a:gd name="connsiteX7" fmla="*/ 464344 w 560876"/>
                <a:gd name="connsiteY7" fmla="*/ 36202 h 583891"/>
                <a:gd name="connsiteX8" fmla="*/ 499854 w 560876"/>
                <a:gd name="connsiteY8" fmla="*/ 62443 h 583891"/>
                <a:gd name="connsiteX9" fmla="*/ 438150 w 560876"/>
                <a:gd name="connsiteY9" fmla="*/ 157647 h 583891"/>
                <a:gd name="connsiteX10" fmla="*/ 514974 w 560876"/>
                <a:gd name="connsiteY10" fmla="*/ 82532 h 583891"/>
                <a:gd name="connsiteX11" fmla="*/ 545307 w 560876"/>
                <a:gd name="connsiteY11" fmla="*/ 102877 h 583891"/>
                <a:gd name="connsiteX12" fmla="*/ 450058 w 560876"/>
                <a:gd name="connsiteY12" fmla="*/ 231465 h 583891"/>
                <a:gd name="connsiteX13" fmla="*/ 538162 w 560876"/>
                <a:gd name="connsiteY13" fmla="*/ 164790 h 583891"/>
                <a:gd name="connsiteX14" fmla="*/ 560563 w 560876"/>
                <a:gd name="connsiteY14" fmla="*/ 182144 h 583891"/>
                <a:gd name="connsiteX15" fmla="*/ 518650 w 560876"/>
                <a:gd name="connsiteY15" fmla="*/ 238191 h 583891"/>
                <a:gd name="connsiteX16" fmla="*/ 276225 w 560876"/>
                <a:gd name="connsiteY16" fmla="*/ 407678 h 583891"/>
                <a:gd name="connsiteX17" fmla="*/ 176213 w 560876"/>
                <a:gd name="connsiteY17" fmla="*/ 583891 h 583891"/>
                <a:gd name="connsiteX18" fmla="*/ 73819 w 560876"/>
                <a:gd name="connsiteY18" fmla="*/ 512453 h 583891"/>
                <a:gd name="connsiteX19" fmla="*/ 0 w 560876"/>
                <a:gd name="connsiteY19" fmla="*/ 510071 h 583891"/>
                <a:gd name="connsiteX20" fmla="*/ 111919 w 560876"/>
                <a:gd name="connsiteY20" fmla="*/ 317189 h 583891"/>
                <a:gd name="connsiteX21" fmla="*/ 166688 w 560876"/>
                <a:gd name="connsiteY21" fmla="*/ 119546 h 58389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</a:cxnLst>
              <a:rect l="l" t="t" r="r" b="b"/>
              <a:pathLst>
                <a:path w="560876" h="583891">
                  <a:moveTo>
                    <a:pt x="166688" y="119546"/>
                  </a:moveTo>
                  <a:cubicBezTo>
                    <a:pt x="216298" y="88590"/>
                    <a:pt x="188914" y="52870"/>
                    <a:pt x="204788" y="17152"/>
                  </a:cubicBezTo>
                  <a:cubicBezTo>
                    <a:pt x="210676" y="11293"/>
                    <a:pt x="257969" y="20328"/>
                    <a:pt x="254794" y="86208"/>
                  </a:cubicBezTo>
                  <a:lnTo>
                    <a:pt x="235744" y="164789"/>
                  </a:lnTo>
                  <a:cubicBezTo>
                    <a:pt x="291306" y="136215"/>
                    <a:pt x="332120" y="121095"/>
                    <a:pt x="401969" y="13939"/>
                  </a:cubicBezTo>
                  <a:cubicBezTo>
                    <a:pt x="420432" y="-18111"/>
                    <a:pt x="457416" y="12190"/>
                    <a:pt x="441364" y="34076"/>
                  </a:cubicBezTo>
                  <a:lnTo>
                    <a:pt x="352426" y="174315"/>
                  </a:lnTo>
                  <a:cubicBezTo>
                    <a:pt x="389732" y="128277"/>
                    <a:pt x="431801" y="84782"/>
                    <a:pt x="464344" y="36202"/>
                  </a:cubicBezTo>
                  <a:cubicBezTo>
                    <a:pt x="480889" y="8366"/>
                    <a:pt x="524600" y="21823"/>
                    <a:pt x="499854" y="62443"/>
                  </a:cubicBezTo>
                  <a:lnTo>
                    <a:pt x="438150" y="157647"/>
                  </a:lnTo>
                  <a:cubicBezTo>
                    <a:pt x="431800" y="181062"/>
                    <a:pt x="491473" y="97707"/>
                    <a:pt x="514974" y="82532"/>
                  </a:cubicBezTo>
                  <a:cubicBezTo>
                    <a:pt x="532833" y="73404"/>
                    <a:pt x="549823" y="84706"/>
                    <a:pt x="545307" y="102877"/>
                  </a:cubicBezTo>
                  <a:cubicBezTo>
                    <a:pt x="546829" y="117939"/>
                    <a:pt x="447677" y="213606"/>
                    <a:pt x="450058" y="231465"/>
                  </a:cubicBezTo>
                  <a:cubicBezTo>
                    <a:pt x="448074" y="249721"/>
                    <a:pt x="519906" y="168362"/>
                    <a:pt x="538162" y="164790"/>
                  </a:cubicBezTo>
                  <a:cubicBezTo>
                    <a:pt x="555131" y="156389"/>
                    <a:pt x="562547" y="170635"/>
                    <a:pt x="560563" y="182144"/>
                  </a:cubicBezTo>
                  <a:cubicBezTo>
                    <a:pt x="558579" y="193653"/>
                    <a:pt x="541772" y="211288"/>
                    <a:pt x="518650" y="238191"/>
                  </a:cubicBezTo>
                  <a:cubicBezTo>
                    <a:pt x="471025" y="307644"/>
                    <a:pt x="371078" y="388230"/>
                    <a:pt x="276225" y="407678"/>
                  </a:cubicBezTo>
                  <a:lnTo>
                    <a:pt x="176213" y="583891"/>
                  </a:lnTo>
                  <a:cubicBezTo>
                    <a:pt x="134144" y="572778"/>
                    <a:pt x="101600" y="533091"/>
                    <a:pt x="73819" y="512453"/>
                  </a:cubicBezTo>
                  <a:lnTo>
                    <a:pt x="0" y="510071"/>
                  </a:lnTo>
                  <a:lnTo>
                    <a:pt x="111919" y="317189"/>
                  </a:lnTo>
                  <a:cubicBezTo>
                    <a:pt x="119857" y="258055"/>
                    <a:pt x="119063" y="147724"/>
                    <a:pt x="166688" y="119546"/>
                  </a:cubicBezTo>
                  <a:close/>
                </a:path>
              </a:pathLst>
            </a:custGeom>
            <a:solidFill>
              <a:srgbClr val="ECC5AA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7" name="Rectangle 27"/>
            <p:cNvSpPr/>
            <p:nvPr/>
          </p:nvSpPr>
          <p:spPr>
            <a:xfrm rot="14650018" flipH="1" flipV="1">
              <a:off x="8575353" y="4460877"/>
              <a:ext cx="222290" cy="231411"/>
            </a:xfrm>
            <a:custGeom>
              <a:avLst/>
              <a:gdLst>
                <a:gd name="connsiteX0" fmla="*/ 0 w 578644"/>
                <a:gd name="connsiteY0" fmla="*/ 0 h 588169"/>
                <a:gd name="connsiteX1" fmla="*/ 578644 w 578644"/>
                <a:gd name="connsiteY1" fmla="*/ 0 h 588169"/>
                <a:gd name="connsiteX2" fmla="*/ 578644 w 578644"/>
                <a:gd name="connsiteY2" fmla="*/ 588169 h 588169"/>
                <a:gd name="connsiteX3" fmla="*/ 0 w 578644"/>
                <a:gd name="connsiteY3" fmla="*/ 588169 h 588169"/>
                <a:gd name="connsiteX4" fmla="*/ 0 w 578644"/>
                <a:gd name="connsiteY4" fmla="*/ 0 h 588169"/>
                <a:gd name="connsiteX0" fmla="*/ 0 w 578644"/>
                <a:gd name="connsiteY0" fmla="*/ 0 h 588169"/>
                <a:gd name="connsiteX1" fmla="*/ 578644 w 578644"/>
                <a:gd name="connsiteY1" fmla="*/ 0 h 588169"/>
                <a:gd name="connsiteX2" fmla="*/ 578644 w 578644"/>
                <a:gd name="connsiteY2" fmla="*/ 588169 h 588169"/>
                <a:gd name="connsiteX3" fmla="*/ 16669 w 578644"/>
                <a:gd name="connsiteY3" fmla="*/ 519112 h 588169"/>
                <a:gd name="connsiteX4" fmla="*/ 0 w 578644"/>
                <a:gd name="connsiteY4" fmla="*/ 0 h 588169"/>
                <a:gd name="connsiteX0" fmla="*/ 0 w 578644"/>
                <a:gd name="connsiteY0" fmla="*/ 0 h 588169"/>
                <a:gd name="connsiteX1" fmla="*/ 578644 w 578644"/>
                <a:gd name="connsiteY1" fmla="*/ 0 h 588169"/>
                <a:gd name="connsiteX2" fmla="*/ 578644 w 578644"/>
                <a:gd name="connsiteY2" fmla="*/ 588169 h 588169"/>
                <a:gd name="connsiteX3" fmla="*/ 90488 w 578644"/>
                <a:gd name="connsiteY3" fmla="*/ 521494 h 588169"/>
                <a:gd name="connsiteX4" fmla="*/ 16669 w 578644"/>
                <a:gd name="connsiteY4" fmla="*/ 519112 h 588169"/>
                <a:gd name="connsiteX5" fmla="*/ 0 w 578644"/>
                <a:gd name="connsiteY5" fmla="*/ 0 h 588169"/>
                <a:gd name="connsiteX0" fmla="*/ 0 w 578644"/>
                <a:gd name="connsiteY0" fmla="*/ 0 h 588169"/>
                <a:gd name="connsiteX1" fmla="*/ 578644 w 578644"/>
                <a:gd name="connsiteY1" fmla="*/ 0 h 588169"/>
                <a:gd name="connsiteX2" fmla="*/ 578644 w 578644"/>
                <a:gd name="connsiteY2" fmla="*/ 588169 h 588169"/>
                <a:gd name="connsiteX3" fmla="*/ 307182 w 578644"/>
                <a:gd name="connsiteY3" fmla="*/ 547688 h 588169"/>
                <a:gd name="connsiteX4" fmla="*/ 90488 w 578644"/>
                <a:gd name="connsiteY4" fmla="*/ 521494 h 588169"/>
                <a:gd name="connsiteX5" fmla="*/ 16669 w 578644"/>
                <a:gd name="connsiteY5" fmla="*/ 519112 h 588169"/>
                <a:gd name="connsiteX6" fmla="*/ 0 w 578644"/>
                <a:gd name="connsiteY6" fmla="*/ 0 h 588169"/>
                <a:gd name="connsiteX0" fmla="*/ 0 w 578644"/>
                <a:gd name="connsiteY0" fmla="*/ 0 h 588169"/>
                <a:gd name="connsiteX1" fmla="*/ 578644 w 578644"/>
                <a:gd name="connsiteY1" fmla="*/ 0 h 588169"/>
                <a:gd name="connsiteX2" fmla="*/ 578644 w 578644"/>
                <a:gd name="connsiteY2" fmla="*/ 588169 h 588169"/>
                <a:gd name="connsiteX3" fmla="*/ 173832 w 578644"/>
                <a:gd name="connsiteY3" fmla="*/ 583407 h 588169"/>
                <a:gd name="connsiteX4" fmla="*/ 90488 w 578644"/>
                <a:gd name="connsiteY4" fmla="*/ 521494 h 588169"/>
                <a:gd name="connsiteX5" fmla="*/ 16669 w 578644"/>
                <a:gd name="connsiteY5" fmla="*/ 519112 h 588169"/>
                <a:gd name="connsiteX6" fmla="*/ 0 w 578644"/>
                <a:gd name="connsiteY6" fmla="*/ 0 h 588169"/>
                <a:gd name="connsiteX0" fmla="*/ 0 w 578644"/>
                <a:gd name="connsiteY0" fmla="*/ 0 h 588169"/>
                <a:gd name="connsiteX1" fmla="*/ 578644 w 578644"/>
                <a:gd name="connsiteY1" fmla="*/ 0 h 588169"/>
                <a:gd name="connsiteX2" fmla="*/ 578644 w 578644"/>
                <a:gd name="connsiteY2" fmla="*/ 588169 h 588169"/>
                <a:gd name="connsiteX3" fmla="*/ 173832 w 578644"/>
                <a:gd name="connsiteY3" fmla="*/ 583407 h 588169"/>
                <a:gd name="connsiteX4" fmla="*/ 90488 w 578644"/>
                <a:gd name="connsiteY4" fmla="*/ 521494 h 588169"/>
                <a:gd name="connsiteX5" fmla="*/ 16669 w 578644"/>
                <a:gd name="connsiteY5" fmla="*/ 519112 h 588169"/>
                <a:gd name="connsiteX6" fmla="*/ 0 w 578644"/>
                <a:gd name="connsiteY6" fmla="*/ 0 h 588169"/>
                <a:gd name="connsiteX0" fmla="*/ 0 w 578644"/>
                <a:gd name="connsiteY0" fmla="*/ 0 h 588169"/>
                <a:gd name="connsiteX1" fmla="*/ 578644 w 578644"/>
                <a:gd name="connsiteY1" fmla="*/ 0 h 588169"/>
                <a:gd name="connsiteX2" fmla="*/ 578644 w 578644"/>
                <a:gd name="connsiteY2" fmla="*/ 588169 h 588169"/>
                <a:gd name="connsiteX3" fmla="*/ 342900 w 578644"/>
                <a:gd name="connsiteY3" fmla="*/ 588169 h 588169"/>
                <a:gd name="connsiteX4" fmla="*/ 173832 w 578644"/>
                <a:gd name="connsiteY4" fmla="*/ 583407 h 588169"/>
                <a:gd name="connsiteX5" fmla="*/ 90488 w 578644"/>
                <a:gd name="connsiteY5" fmla="*/ 521494 h 588169"/>
                <a:gd name="connsiteX6" fmla="*/ 16669 w 578644"/>
                <a:gd name="connsiteY6" fmla="*/ 519112 h 588169"/>
                <a:gd name="connsiteX7" fmla="*/ 0 w 578644"/>
                <a:gd name="connsiteY7" fmla="*/ 0 h 588169"/>
                <a:gd name="connsiteX0" fmla="*/ 0 w 578644"/>
                <a:gd name="connsiteY0" fmla="*/ 0 h 588169"/>
                <a:gd name="connsiteX1" fmla="*/ 578644 w 578644"/>
                <a:gd name="connsiteY1" fmla="*/ 0 h 588169"/>
                <a:gd name="connsiteX2" fmla="*/ 578644 w 578644"/>
                <a:gd name="connsiteY2" fmla="*/ 588169 h 588169"/>
                <a:gd name="connsiteX3" fmla="*/ 292894 w 578644"/>
                <a:gd name="connsiteY3" fmla="*/ 416719 h 588169"/>
                <a:gd name="connsiteX4" fmla="*/ 173832 w 578644"/>
                <a:gd name="connsiteY4" fmla="*/ 583407 h 588169"/>
                <a:gd name="connsiteX5" fmla="*/ 90488 w 578644"/>
                <a:gd name="connsiteY5" fmla="*/ 521494 h 588169"/>
                <a:gd name="connsiteX6" fmla="*/ 16669 w 578644"/>
                <a:gd name="connsiteY6" fmla="*/ 519112 h 588169"/>
                <a:gd name="connsiteX7" fmla="*/ 0 w 578644"/>
                <a:gd name="connsiteY7" fmla="*/ 0 h 588169"/>
                <a:gd name="connsiteX0" fmla="*/ 0 w 578644"/>
                <a:gd name="connsiteY0" fmla="*/ 0 h 592932"/>
                <a:gd name="connsiteX1" fmla="*/ 578644 w 578644"/>
                <a:gd name="connsiteY1" fmla="*/ 0 h 592932"/>
                <a:gd name="connsiteX2" fmla="*/ 578644 w 578644"/>
                <a:gd name="connsiteY2" fmla="*/ 588169 h 592932"/>
                <a:gd name="connsiteX3" fmla="*/ 292894 w 578644"/>
                <a:gd name="connsiteY3" fmla="*/ 416719 h 592932"/>
                <a:gd name="connsiteX4" fmla="*/ 192882 w 578644"/>
                <a:gd name="connsiteY4" fmla="*/ 592932 h 592932"/>
                <a:gd name="connsiteX5" fmla="*/ 90488 w 578644"/>
                <a:gd name="connsiteY5" fmla="*/ 521494 h 592932"/>
                <a:gd name="connsiteX6" fmla="*/ 16669 w 578644"/>
                <a:gd name="connsiteY6" fmla="*/ 519112 h 592932"/>
                <a:gd name="connsiteX7" fmla="*/ 0 w 578644"/>
                <a:gd name="connsiteY7" fmla="*/ 0 h 592932"/>
                <a:gd name="connsiteX0" fmla="*/ 0 w 578644"/>
                <a:gd name="connsiteY0" fmla="*/ 0 h 592932"/>
                <a:gd name="connsiteX1" fmla="*/ 578644 w 578644"/>
                <a:gd name="connsiteY1" fmla="*/ 0 h 592932"/>
                <a:gd name="connsiteX2" fmla="*/ 576263 w 578644"/>
                <a:gd name="connsiteY2" fmla="*/ 219074 h 592932"/>
                <a:gd name="connsiteX3" fmla="*/ 578644 w 578644"/>
                <a:gd name="connsiteY3" fmla="*/ 588169 h 592932"/>
                <a:gd name="connsiteX4" fmla="*/ 292894 w 578644"/>
                <a:gd name="connsiteY4" fmla="*/ 416719 h 592932"/>
                <a:gd name="connsiteX5" fmla="*/ 192882 w 578644"/>
                <a:gd name="connsiteY5" fmla="*/ 592932 h 592932"/>
                <a:gd name="connsiteX6" fmla="*/ 90488 w 578644"/>
                <a:gd name="connsiteY6" fmla="*/ 521494 h 592932"/>
                <a:gd name="connsiteX7" fmla="*/ 16669 w 578644"/>
                <a:gd name="connsiteY7" fmla="*/ 519112 h 592932"/>
                <a:gd name="connsiteX8" fmla="*/ 0 w 578644"/>
                <a:gd name="connsiteY8" fmla="*/ 0 h 592932"/>
                <a:gd name="connsiteX0" fmla="*/ 0 w 578644"/>
                <a:gd name="connsiteY0" fmla="*/ 0 h 592932"/>
                <a:gd name="connsiteX1" fmla="*/ 578644 w 578644"/>
                <a:gd name="connsiteY1" fmla="*/ 0 h 592932"/>
                <a:gd name="connsiteX2" fmla="*/ 576263 w 578644"/>
                <a:gd name="connsiteY2" fmla="*/ 219074 h 592932"/>
                <a:gd name="connsiteX3" fmla="*/ 292894 w 578644"/>
                <a:gd name="connsiteY3" fmla="*/ 416719 h 592932"/>
                <a:gd name="connsiteX4" fmla="*/ 192882 w 578644"/>
                <a:gd name="connsiteY4" fmla="*/ 592932 h 592932"/>
                <a:gd name="connsiteX5" fmla="*/ 90488 w 578644"/>
                <a:gd name="connsiteY5" fmla="*/ 521494 h 592932"/>
                <a:gd name="connsiteX6" fmla="*/ 16669 w 578644"/>
                <a:gd name="connsiteY6" fmla="*/ 519112 h 592932"/>
                <a:gd name="connsiteX7" fmla="*/ 0 w 578644"/>
                <a:gd name="connsiteY7" fmla="*/ 0 h 592932"/>
                <a:gd name="connsiteX0" fmla="*/ 0 w 578644"/>
                <a:gd name="connsiteY0" fmla="*/ 0 h 592932"/>
                <a:gd name="connsiteX1" fmla="*/ 578644 w 578644"/>
                <a:gd name="connsiteY1" fmla="*/ 0 h 592932"/>
                <a:gd name="connsiteX2" fmla="*/ 576263 w 578644"/>
                <a:gd name="connsiteY2" fmla="*/ 219074 h 592932"/>
                <a:gd name="connsiteX3" fmla="*/ 292894 w 578644"/>
                <a:gd name="connsiteY3" fmla="*/ 416719 h 592932"/>
                <a:gd name="connsiteX4" fmla="*/ 192882 w 578644"/>
                <a:gd name="connsiteY4" fmla="*/ 592932 h 592932"/>
                <a:gd name="connsiteX5" fmla="*/ 90488 w 578644"/>
                <a:gd name="connsiteY5" fmla="*/ 521494 h 592932"/>
                <a:gd name="connsiteX6" fmla="*/ 16669 w 578644"/>
                <a:gd name="connsiteY6" fmla="*/ 519112 h 592932"/>
                <a:gd name="connsiteX7" fmla="*/ 0 w 578644"/>
                <a:gd name="connsiteY7" fmla="*/ 0 h 592932"/>
                <a:gd name="connsiteX0" fmla="*/ 0 w 578644"/>
                <a:gd name="connsiteY0" fmla="*/ 0 h 592932"/>
                <a:gd name="connsiteX1" fmla="*/ 578644 w 578644"/>
                <a:gd name="connsiteY1" fmla="*/ 0 h 592932"/>
                <a:gd name="connsiteX2" fmla="*/ 576263 w 578644"/>
                <a:gd name="connsiteY2" fmla="*/ 219074 h 592932"/>
                <a:gd name="connsiteX3" fmla="*/ 292894 w 578644"/>
                <a:gd name="connsiteY3" fmla="*/ 416719 h 592932"/>
                <a:gd name="connsiteX4" fmla="*/ 192882 w 578644"/>
                <a:gd name="connsiteY4" fmla="*/ 592932 h 592932"/>
                <a:gd name="connsiteX5" fmla="*/ 90488 w 578644"/>
                <a:gd name="connsiteY5" fmla="*/ 521494 h 592932"/>
                <a:gd name="connsiteX6" fmla="*/ 16669 w 578644"/>
                <a:gd name="connsiteY6" fmla="*/ 519112 h 592932"/>
                <a:gd name="connsiteX7" fmla="*/ 4763 w 578644"/>
                <a:gd name="connsiteY7" fmla="*/ 290512 h 592932"/>
                <a:gd name="connsiteX8" fmla="*/ 0 w 578644"/>
                <a:gd name="connsiteY8" fmla="*/ 0 h 592932"/>
                <a:gd name="connsiteX0" fmla="*/ 0 w 578644"/>
                <a:gd name="connsiteY0" fmla="*/ 0 h 592932"/>
                <a:gd name="connsiteX1" fmla="*/ 578644 w 578644"/>
                <a:gd name="connsiteY1" fmla="*/ 0 h 592932"/>
                <a:gd name="connsiteX2" fmla="*/ 576263 w 578644"/>
                <a:gd name="connsiteY2" fmla="*/ 219074 h 592932"/>
                <a:gd name="connsiteX3" fmla="*/ 292894 w 578644"/>
                <a:gd name="connsiteY3" fmla="*/ 416719 h 592932"/>
                <a:gd name="connsiteX4" fmla="*/ 192882 w 578644"/>
                <a:gd name="connsiteY4" fmla="*/ 592932 h 592932"/>
                <a:gd name="connsiteX5" fmla="*/ 90488 w 578644"/>
                <a:gd name="connsiteY5" fmla="*/ 521494 h 592932"/>
                <a:gd name="connsiteX6" fmla="*/ 16669 w 578644"/>
                <a:gd name="connsiteY6" fmla="*/ 519112 h 592932"/>
                <a:gd name="connsiteX7" fmla="*/ 128588 w 578644"/>
                <a:gd name="connsiteY7" fmla="*/ 326230 h 592932"/>
                <a:gd name="connsiteX8" fmla="*/ 0 w 578644"/>
                <a:gd name="connsiteY8" fmla="*/ 0 h 592932"/>
                <a:gd name="connsiteX0" fmla="*/ 29143 w 607787"/>
                <a:gd name="connsiteY0" fmla="*/ 0 h 592932"/>
                <a:gd name="connsiteX1" fmla="*/ 607787 w 607787"/>
                <a:gd name="connsiteY1" fmla="*/ 0 h 592932"/>
                <a:gd name="connsiteX2" fmla="*/ 605406 w 607787"/>
                <a:gd name="connsiteY2" fmla="*/ 219074 h 592932"/>
                <a:gd name="connsiteX3" fmla="*/ 322037 w 607787"/>
                <a:gd name="connsiteY3" fmla="*/ 416719 h 592932"/>
                <a:gd name="connsiteX4" fmla="*/ 222025 w 607787"/>
                <a:gd name="connsiteY4" fmla="*/ 592932 h 592932"/>
                <a:gd name="connsiteX5" fmla="*/ 119631 w 607787"/>
                <a:gd name="connsiteY5" fmla="*/ 521494 h 592932"/>
                <a:gd name="connsiteX6" fmla="*/ 45812 w 607787"/>
                <a:gd name="connsiteY6" fmla="*/ 519112 h 592932"/>
                <a:gd name="connsiteX7" fmla="*/ 157731 w 607787"/>
                <a:gd name="connsiteY7" fmla="*/ 326230 h 592932"/>
                <a:gd name="connsiteX8" fmla="*/ 93437 w 607787"/>
                <a:gd name="connsiteY8" fmla="*/ 164306 h 592932"/>
                <a:gd name="connsiteX9" fmla="*/ 29143 w 607787"/>
                <a:gd name="connsiteY9" fmla="*/ 0 h 592932"/>
                <a:gd name="connsiteX0" fmla="*/ 20678 w 599322"/>
                <a:gd name="connsiteY0" fmla="*/ 0 h 592932"/>
                <a:gd name="connsiteX1" fmla="*/ 599322 w 599322"/>
                <a:gd name="connsiteY1" fmla="*/ 0 h 592932"/>
                <a:gd name="connsiteX2" fmla="*/ 596941 w 599322"/>
                <a:gd name="connsiteY2" fmla="*/ 219074 h 592932"/>
                <a:gd name="connsiteX3" fmla="*/ 313572 w 599322"/>
                <a:gd name="connsiteY3" fmla="*/ 416719 h 592932"/>
                <a:gd name="connsiteX4" fmla="*/ 213560 w 599322"/>
                <a:gd name="connsiteY4" fmla="*/ 592932 h 592932"/>
                <a:gd name="connsiteX5" fmla="*/ 111166 w 599322"/>
                <a:gd name="connsiteY5" fmla="*/ 521494 h 592932"/>
                <a:gd name="connsiteX6" fmla="*/ 37347 w 599322"/>
                <a:gd name="connsiteY6" fmla="*/ 519112 h 592932"/>
                <a:gd name="connsiteX7" fmla="*/ 149266 w 599322"/>
                <a:gd name="connsiteY7" fmla="*/ 326230 h 592932"/>
                <a:gd name="connsiteX8" fmla="*/ 163553 w 599322"/>
                <a:gd name="connsiteY8" fmla="*/ 135731 h 592932"/>
                <a:gd name="connsiteX9" fmla="*/ 20678 w 599322"/>
                <a:gd name="connsiteY9" fmla="*/ 0 h 592932"/>
                <a:gd name="connsiteX0" fmla="*/ 17971 w 596615"/>
                <a:gd name="connsiteY0" fmla="*/ 0 h 592932"/>
                <a:gd name="connsiteX1" fmla="*/ 596615 w 596615"/>
                <a:gd name="connsiteY1" fmla="*/ 0 h 592932"/>
                <a:gd name="connsiteX2" fmla="*/ 594234 w 596615"/>
                <a:gd name="connsiteY2" fmla="*/ 219074 h 592932"/>
                <a:gd name="connsiteX3" fmla="*/ 310865 w 596615"/>
                <a:gd name="connsiteY3" fmla="*/ 416719 h 592932"/>
                <a:gd name="connsiteX4" fmla="*/ 210853 w 596615"/>
                <a:gd name="connsiteY4" fmla="*/ 592932 h 592932"/>
                <a:gd name="connsiteX5" fmla="*/ 108459 w 596615"/>
                <a:gd name="connsiteY5" fmla="*/ 521494 h 592932"/>
                <a:gd name="connsiteX6" fmla="*/ 34640 w 596615"/>
                <a:gd name="connsiteY6" fmla="*/ 519112 h 592932"/>
                <a:gd name="connsiteX7" fmla="*/ 146559 w 596615"/>
                <a:gd name="connsiteY7" fmla="*/ 326230 h 592932"/>
                <a:gd name="connsiteX8" fmla="*/ 201328 w 596615"/>
                <a:gd name="connsiteY8" fmla="*/ 128587 h 592932"/>
                <a:gd name="connsiteX9" fmla="*/ 17971 w 596615"/>
                <a:gd name="connsiteY9" fmla="*/ 0 h 592932"/>
                <a:gd name="connsiteX0" fmla="*/ 17971 w 596615"/>
                <a:gd name="connsiteY0" fmla="*/ 0 h 592932"/>
                <a:gd name="connsiteX1" fmla="*/ 596615 w 596615"/>
                <a:gd name="connsiteY1" fmla="*/ 0 h 592932"/>
                <a:gd name="connsiteX2" fmla="*/ 594234 w 596615"/>
                <a:gd name="connsiteY2" fmla="*/ 219074 h 592932"/>
                <a:gd name="connsiteX3" fmla="*/ 310865 w 596615"/>
                <a:gd name="connsiteY3" fmla="*/ 416719 h 592932"/>
                <a:gd name="connsiteX4" fmla="*/ 210853 w 596615"/>
                <a:gd name="connsiteY4" fmla="*/ 592932 h 592932"/>
                <a:gd name="connsiteX5" fmla="*/ 108459 w 596615"/>
                <a:gd name="connsiteY5" fmla="*/ 521494 h 592932"/>
                <a:gd name="connsiteX6" fmla="*/ 34640 w 596615"/>
                <a:gd name="connsiteY6" fmla="*/ 519112 h 592932"/>
                <a:gd name="connsiteX7" fmla="*/ 146559 w 596615"/>
                <a:gd name="connsiteY7" fmla="*/ 326230 h 592932"/>
                <a:gd name="connsiteX8" fmla="*/ 201328 w 596615"/>
                <a:gd name="connsiteY8" fmla="*/ 128587 h 592932"/>
                <a:gd name="connsiteX9" fmla="*/ 17971 w 596615"/>
                <a:gd name="connsiteY9" fmla="*/ 0 h 592932"/>
                <a:gd name="connsiteX0" fmla="*/ 17971 w 596615"/>
                <a:gd name="connsiteY0" fmla="*/ 2382 h 595314"/>
                <a:gd name="connsiteX1" fmla="*/ 229903 w 596615"/>
                <a:gd name="connsiteY1" fmla="*/ 0 h 595314"/>
                <a:gd name="connsiteX2" fmla="*/ 596615 w 596615"/>
                <a:gd name="connsiteY2" fmla="*/ 2382 h 595314"/>
                <a:gd name="connsiteX3" fmla="*/ 594234 w 596615"/>
                <a:gd name="connsiteY3" fmla="*/ 221456 h 595314"/>
                <a:gd name="connsiteX4" fmla="*/ 310865 w 596615"/>
                <a:gd name="connsiteY4" fmla="*/ 419101 h 595314"/>
                <a:gd name="connsiteX5" fmla="*/ 210853 w 596615"/>
                <a:gd name="connsiteY5" fmla="*/ 595314 h 595314"/>
                <a:gd name="connsiteX6" fmla="*/ 108459 w 596615"/>
                <a:gd name="connsiteY6" fmla="*/ 523876 h 595314"/>
                <a:gd name="connsiteX7" fmla="*/ 34640 w 596615"/>
                <a:gd name="connsiteY7" fmla="*/ 521494 h 595314"/>
                <a:gd name="connsiteX8" fmla="*/ 146559 w 596615"/>
                <a:gd name="connsiteY8" fmla="*/ 328612 h 595314"/>
                <a:gd name="connsiteX9" fmla="*/ 201328 w 596615"/>
                <a:gd name="connsiteY9" fmla="*/ 130969 h 595314"/>
                <a:gd name="connsiteX10" fmla="*/ 17971 w 596615"/>
                <a:gd name="connsiteY10" fmla="*/ 2382 h 595314"/>
                <a:gd name="connsiteX0" fmla="*/ 166688 w 561975"/>
                <a:gd name="connsiteY0" fmla="*/ 130969 h 595314"/>
                <a:gd name="connsiteX1" fmla="*/ 195263 w 561975"/>
                <a:gd name="connsiteY1" fmla="*/ 0 h 595314"/>
                <a:gd name="connsiteX2" fmla="*/ 561975 w 561975"/>
                <a:gd name="connsiteY2" fmla="*/ 2382 h 595314"/>
                <a:gd name="connsiteX3" fmla="*/ 559594 w 561975"/>
                <a:gd name="connsiteY3" fmla="*/ 221456 h 595314"/>
                <a:gd name="connsiteX4" fmla="*/ 276225 w 561975"/>
                <a:gd name="connsiteY4" fmla="*/ 419101 h 595314"/>
                <a:gd name="connsiteX5" fmla="*/ 176213 w 561975"/>
                <a:gd name="connsiteY5" fmla="*/ 595314 h 595314"/>
                <a:gd name="connsiteX6" fmla="*/ 73819 w 561975"/>
                <a:gd name="connsiteY6" fmla="*/ 523876 h 595314"/>
                <a:gd name="connsiteX7" fmla="*/ 0 w 561975"/>
                <a:gd name="connsiteY7" fmla="*/ 521494 h 595314"/>
                <a:gd name="connsiteX8" fmla="*/ 111919 w 561975"/>
                <a:gd name="connsiteY8" fmla="*/ 328612 h 595314"/>
                <a:gd name="connsiteX9" fmla="*/ 166688 w 561975"/>
                <a:gd name="connsiteY9" fmla="*/ 130969 h 595314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561975 w 561975"/>
                <a:gd name="connsiteY2" fmla="*/ 0 h 592932"/>
                <a:gd name="connsiteX3" fmla="*/ 559594 w 561975"/>
                <a:gd name="connsiteY3" fmla="*/ 219074 h 592932"/>
                <a:gd name="connsiteX4" fmla="*/ 276225 w 561975"/>
                <a:gd name="connsiteY4" fmla="*/ 416719 h 592932"/>
                <a:gd name="connsiteX5" fmla="*/ 176213 w 561975"/>
                <a:gd name="connsiteY5" fmla="*/ 592932 h 592932"/>
                <a:gd name="connsiteX6" fmla="*/ 73819 w 561975"/>
                <a:gd name="connsiteY6" fmla="*/ 521494 h 592932"/>
                <a:gd name="connsiteX7" fmla="*/ 0 w 561975"/>
                <a:gd name="connsiteY7" fmla="*/ 519112 h 592932"/>
                <a:gd name="connsiteX8" fmla="*/ 111919 w 561975"/>
                <a:gd name="connsiteY8" fmla="*/ 326230 h 592932"/>
                <a:gd name="connsiteX9" fmla="*/ 166688 w 561975"/>
                <a:gd name="connsiteY9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561975 w 561975"/>
                <a:gd name="connsiteY2" fmla="*/ 0 h 592932"/>
                <a:gd name="connsiteX3" fmla="*/ 559594 w 561975"/>
                <a:gd name="connsiteY3" fmla="*/ 219074 h 592932"/>
                <a:gd name="connsiteX4" fmla="*/ 276225 w 561975"/>
                <a:gd name="connsiteY4" fmla="*/ 416719 h 592932"/>
                <a:gd name="connsiteX5" fmla="*/ 176213 w 561975"/>
                <a:gd name="connsiteY5" fmla="*/ 592932 h 592932"/>
                <a:gd name="connsiteX6" fmla="*/ 73819 w 561975"/>
                <a:gd name="connsiteY6" fmla="*/ 521494 h 592932"/>
                <a:gd name="connsiteX7" fmla="*/ 0 w 561975"/>
                <a:gd name="connsiteY7" fmla="*/ 519112 h 592932"/>
                <a:gd name="connsiteX8" fmla="*/ 111919 w 561975"/>
                <a:gd name="connsiteY8" fmla="*/ 326230 h 592932"/>
                <a:gd name="connsiteX9" fmla="*/ 166688 w 561975"/>
                <a:gd name="connsiteY9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561975 w 561975"/>
                <a:gd name="connsiteY2" fmla="*/ 0 h 592932"/>
                <a:gd name="connsiteX3" fmla="*/ 559594 w 561975"/>
                <a:gd name="connsiteY3" fmla="*/ 219074 h 592932"/>
                <a:gd name="connsiteX4" fmla="*/ 276225 w 561975"/>
                <a:gd name="connsiteY4" fmla="*/ 416719 h 592932"/>
                <a:gd name="connsiteX5" fmla="*/ 176213 w 561975"/>
                <a:gd name="connsiteY5" fmla="*/ 592932 h 592932"/>
                <a:gd name="connsiteX6" fmla="*/ 73819 w 561975"/>
                <a:gd name="connsiteY6" fmla="*/ 521494 h 592932"/>
                <a:gd name="connsiteX7" fmla="*/ 0 w 561975"/>
                <a:gd name="connsiteY7" fmla="*/ 519112 h 592932"/>
                <a:gd name="connsiteX8" fmla="*/ 111919 w 561975"/>
                <a:gd name="connsiteY8" fmla="*/ 326230 h 592932"/>
                <a:gd name="connsiteX9" fmla="*/ 166688 w 561975"/>
                <a:gd name="connsiteY9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561975 w 561975"/>
                <a:gd name="connsiteY2" fmla="*/ 0 h 592932"/>
                <a:gd name="connsiteX3" fmla="*/ 559594 w 561975"/>
                <a:gd name="connsiteY3" fmla="*/ 219074 h 592932"/>
                <a:gd name="connsiteX4" fmla="*/ 276225 w 561975"/>
                <a:gd name="connsiteY4" fmla="*/ 416719 h 592932"/>
                <a:gd name="connsiteX5" fmla="*/ 176213 w 561975"/>
                <a:gd name="connsiteY5" fmla="*/ 592932 h 592932"/>
                <a:gd name="connsiteX6" fmla="*/ 73819 w 561975"/>
                <a:gd name="connsiteY6" fmla="*/ 521494 h 592932"/>
                <a:gd name="connsiteX7" fmla="*/ 0 w 561975"/>
                <a:gd name="connsiteY7" fmla="*/ 519112 h 592932"/>
                <a:gd name="connsiteX8" fmla="*/ 111919 w 561975"/>
                <a:gd name="connsiteY8" fmla="*/ 326230 h 592932"/>
                <a:gd name="connsiteX9" fmla="*/ 166688 w 561975"/>
                <a:gd name="connsiteY9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309563 w 561975"/>
                <a:gd name="connsiteY2" fmla="*/ 21431 h 592932"/>
                <a:gd name="connsiteX3" fmla="*/ 561975 w 561975"/>
                <a:gd name="connsiteY3" fmla="*/ 0 h 592932"/>
                <a:gd name="connsiteX4" fmla="*/ 559594 w 561975"/>
                <a:gd name="connsiteY4" fmla="*/ 219074 h 592932"/>
                <a:gd name="connsiteX5" fmla="*/ 276225 w 561975"/>
                <a:gd name="connsiteY5" fmla="*/ 416719 h 592932"/>
                <a:gd name="connsiteX6" fmla="*/ 176213 w 561975"/>
                <a:gd name="connsiteY6" fmla="*/ 592932 h 592932"/>
                <a:gd name="connsiteX7" fmla="*/ 73819 w 561975"/>
                <a:gd name="connsiteY7" fmla="*/ 521494 h 592932"/>
                <a:gd name="connsiteX8" fmla="*/ 0 w 561975"/>
                <a:gd name="connsiteY8" fmla="*/ 519112 h 592932"/>
                <a:gd name="connsiteX9" fmla="*/ 111919 w 561975"/>
                <a:gd name="connsiteY9" fmla="*/ 326230 h 592932"/>
                <a:gd name="connsiteX10" fmla="*/ 166688 w 561975"/>
                <a:gd name="connsiteY10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45269 w 561975"/>
                <a:gd name="connsiteY2" fmla="*/ 73818 h 592932"/>
                <a:gd name="connsiteX3" fmla="*/ 561975 w 561975"/>
                <a:gd name="connsiteY3" fmla="*/ 0 h 592932"/>
                <a:gd name="connsiteX4" fmla="*/ 559594 w 561975"/>
                <a:gd name="connsiteY4" fmla="*/ 219074 h 592932"/>
                <a:gd name="connsiteX5" fmla="*/ 276225 w 561975"/>
                <a:gd name="connsiteY5" fmla="*/ 416719 h 592932"/>
                <a:gd name="connsiteX6" fmla="*/ 176213 w 561975"/>
                <a:gd name="connsiteY6" fmla="*/ 592932 h 592932"/>
                <a:gd name="connsiteX7" fmla="*/ 73819 w 561975"/>
                <a:gd name="connsiteY7" fmla="*/ 521494 h 592932"/>
                <a:gd name="connsiteX8" fmla="*/ 0 w 561975"/>
                <a:gd name="connsiteY8" fmla="*/ 519112 h 592932"/>
                <a:gd name="connsiteX9" fmla="*/ 111919 w 561975"/>
                <a:gd name="connsiteY9" fmla="*/ 326230 h 592932"/>
                <a:gd name="connsiteX10" fmla="*/ 166688 w 561975"/>
                <a:gd name="connsiteY10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45269 w 561975"/>
                <a:gd name="connsiteY2" fmla="*/ 73818 h 592932"/>
                <a:gd name="connsiteX3" fmla="*/ 561975 w 561975"/>
                <a:gd name="connsiteY3" fmla="*/ 0 h 592932"/>
                <a:gd name="connsiteX4" fmla="*/ 559594 w 561975"/>
                <a:gd name="connsiteY4" fmla="*/ 219074 h 592932"/>
                <a:gd name="connsiteX5" fmla="*/ 276225 w 561975"/>
                <a:gd name="connsiteY5" fmla="*/ 416719 h 592932"/>
                <a:gd name="connsiteX6" fmla="*/ 176213 w 561975"/>
                <a:gd name="connsiteY6" fmla="*/ 592932 h 592932"/>
                <a:gd name="connsiteX7" fmla="*/ 73819 w 561975"/>
                <a:gd name="connsiteY7" fmla="*/ 521494 h 592932"/>
                <a:gd name="connsiteX8" fmla="*/ 0 w 561975"/>
                <a:gd name="connsiteY8" fmla="*/ 519112 h 592932"/>
                <a:gd name="connsiteX9" fmla="*/ 111919 w 561975"/>
                <a:gd name="connsiteY9" fmla="*/ 326230 h 592932"/>
                <a:gd name="connsiteX10" fmla="*/ 166688 w 561975"/>
                <a:gd name="connsiteY10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45269 w 561975"/>
                <a:gd name="connsiteY2" fmla="*/ 73818 h 592932"/>
                <a:gd name="connsiteX3" fmla="*/ 319088 w 561975"/>
                <a:gd name="connsiteY3" fmla="*/ 57149 h 592932"/>
                <a:gd name="connsiteX4" fmla="*/ 561975 w 561975"/>
                <a:gd name="connsiteY4" fmla="*/ 0 h 592932"/>
                <a:gd name="connsiteX5" fmla="*/ 559594 w 561975"/>
                <a:gd name="connsiteY5" fmla="*/ 219074 h 592932"/>
                <a:gd name="connsiteX6" fmla="*/ 276225 w 561975"/>
                <a:gd name="connsiteY6" fmla="*/ 416719 h 592932"/>
                <a:gd name="connsiteX7" fmla="*/ 176213 w 561975"/>
                <a:gd name="connsiteY7" fmla="*/ 592932 h 592932"/>
                <a:gd name="connsiteX8" fmla="*/ 73819 w 561975"/>
                <a:gd name="connsiteY8" fmla="*/ 521494 h 592932"/>
                <a:gd name="connsiteX9" fmla="*/ 0 w 561975"/>
                <a:gd name="connsiteY9" fmla="*/ 519112 h 592932"/>
                <a:gd name="connsiteX10" fmla="*/ 111919 w 561975"/>
                <a:gd name="connsiteY10" fmla="*/ 326230 h 592932"/>
                <a:gd name="connsiteX11" fmla="*/ 166688 w 561975"/>
                <a:gd name="connsiteY11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45269 w 561975"/>
                <a:gd name="connsiteY2" fmla="*/ 73818 h 592932"/>
                <a:gd name="connsiteX3" fmla="*/ 230981 w 561975"/>
                <a:gd name="connsiteY3" fmla="*/ 173830 h 592932"/>
                <a:gd name="connsiteX4" fmla="*/ 561975 w 561975"/>
                <a:gd name="connsiteY4" fmla="*/ 0 h 592932"/>
                <a:gd name="connsiteX5" fmla="*/ 559594 w 561975"/>
                <a:gd name="connsiteY5" fmla="*/ 219074 h 592932"/>
                <a:gd name="connsiteX6" fmla="*/ 276225 w 561975"/>
                <a:gd name="connsiteY6" fmla="*/ 416719 h 592932"/>
                <a:gd name="connsiteX7" fmla="*/ 176213 w 561975"/>
                <a:gd name="connsiteY7" fmla="*/ 592932 h 592932"/>
                <a:gd name="connsiteX8" fmla="*/ 73819 w 561975"/>
                <a:gd name="connsiteY8" fmla="*/ 521494 h 592932"/>
                <a:gd name="connsiteX9" fmla="*/ 0 w 561975"/>
                <a:gd name="connsiteY9" fmla="*/ 519112 h 592932"/>
                <a:gd name="connsiteX10" fmla="*/ 111919 w 561975"/>
                <a:gd name="connsiteY10" fmla="*/ 326230 h 592932"/>
                <a:gd name="connsiteX11" fmla="*/ 166688 w 561975"/>
                <a:gd name="connsiteY11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0981 w 561975"/>
                <a:gd name="connsiteY3" fmla="*/ 173830 h 592932"/>
                <a:gd name="connsiteX4" fmla="*/ 561975 w 561975"/>
                <a:gd name="connsiteY4" fmla="*/ 0 h 592932"/>
                <a:gd name="connsiteX5" fmla="*/ 559594 w 561975"/>
                <a:gd name="connsiteY5" fmla="*/ 219074 h 592932"/>
                <a:gd name="connsiteX6" fmla="*/ 276225 w 561975"/>
                <a:gd name="connsiteY6" fmla="*/ 416719 h 592932"/>
                <a:gd name="connsiteX7" fmla="*/ 176213 w 561975"/>
                <a:gd name="connsiteY7" fmla="*/ 592932 h 592932"/>
                <a:gd name="connsiteX8" fmla="*/ 73819 w 561975"/>
                <a:gd name="connsiteY8" fmla="*/ 521494 h 592932"/>
                <a:gd name="connsiteX9" fmla="*/ 0 w 561975"/>
                <a:gd name="connsiteY9" fmla="*/ 519112 h 592932"/>
                <a:gd name="connsiteX10" fmla="*/ 111919 w 561975"/>
                <a:gd name="connsiteY10" fmla="*/ 326230 h 592932"/>
                <a:gd name="connsiteX11" fmla="*/ 166688 w 561975"/>
                <a:gd name="connsiteY11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0981 w 561975"/>
                <a:gd name="connsiteY3" fmla="*/ 173830 h 592932"/>
                <a:gd name="connsiteX4" fmla="*/ 561975 w 561975"/>
                <a:gd name="connsiteY4" fmla="*/ 0 h 592932"/>
                <a:gd name="connsiteX5" fmla="*/ 559594 w 561975"/>
                <a:gd name="connsiteY5" fmla="*/ 219074 h 592932"/>
                <a:gd name="connsiteX6" fmla="*/ 276225 w 561975"/>
                <a:gd name="connsiteY6" fmla="*/ 416719 h 592932"/>
                <a:gd name="connsiteX7" fmla="*/ 176213 w 561975"/>
                <a:gd name="connsiteY7" fmla="*/ 592932 h 592932"/>
                <a:gd name="connsiteX8" fmla="*/ 73819 w 561975"/>
                <a:gd name="connsiteY8" fmla="*/ 521494 h 592932"/>
                <a:gd name="connsiteX9" fmla="*/ 0 w 561975"/>
                <a:gd name="connsiteY9" fmla="*/ 519112 h 592932"/>
                <a:gd name="connsiteX10" fmla="*/ 111919 w 561975"/>
                <a:gd name="connsiteY10" fmla="*/ 326230 h 592932"/>
                <a:gd name="connsiteX11" fmla="*/ 166688 w 561975"/>
                <a:gd name="connsiteY11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0981 w 561975"/>
                <a:gd name="connsiteY3" fmla="*/ 173830 h 592932"/>
                <a:gd name="connsiteX4" fmla="*/ 376238 w 561975"/>
                <a:gd name="connsiteY4" fmla="*/ 100012 h 592932"/>
                <a:gd name="connsiteX5" fmla="*/ 561975 w 561975"/>
                <a:gd name="connsiteY5" fmla="*/ 0 h 592932"/>
                <a:gd name="connsiteX6" fmla="*/ 559594 w 561975"/>
                <a:gd name="connsiteY6" fmla="*/ 219074 h 592932"/>
                <a:gd name="connsiteX7" fmla="*/ 276225 w 561975"/>
                <a:gd name="connsiteY7" fmla="*/ 416719 h 592932"/>
                <a:gd name="connsiteX8" fmla="*/ 176213 w 561975"/>
                <a:gd name="connsiteY8" fmla="*/ 592932 h 592932"/>
                <a:gd name="connsiteX9" fmla="*/ 73819 w 561975"/>
                <a:gd name="connsiteY9" fmla="*/ 521494 h 592932"/>
                <a:gd name="connsiteX10" fmla="*/ 0 w 561975"/>
                <a:gd name="connsiteY10" fmla="*/ 519112 h 592932"/>
                <a:gd name="connsiteX11" fmla="*/ 111919 w 561975"/>
                <a:gd name="connsiteY11" fmla="*/ 326230 h 592932"/>
                <a:gd name="connsiteX12" fmla="*/ 166688 w 561975"/>
                <a:gd name="connsiteY12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0981 w 561975"/>
                <a:gd name="connsiteY3" fmla="*/ 173830 h 592932"/>
                <a:gd name="connsiteX4" fmla="*/ 419100 w 561975"/>
                <a:gd name="connsiteY4" fmla="*/ 16668 h 592932"/>
                <a:gd name="connsiteX5" fmla="*/ 561975 w 561975"/>
                <a:gd name="connsiteY5" fmla="*/ 0 h 592932"/>
                <a:gd name="connsiteX6" fmla="*/ 559594 w 561975"/>
                <a:gd name="connsiteY6" fmla="*/ 219074 h 592932"/>
                <a:gd name="connsiteX7" fmla="*/ 276225 w 561975"/>
                <a:gd name="connsiteY7" fmla="*/ 416719 h 592932"/>
                <a:gd name="connsiteX8" fmla="*/ 176213 w 561975"/>
                <a:gd name="connsiteY8" fmla="*/ 592932 h 592932"/>
                <a:gd name="connsiteX9" fmla="*/ 73819 w 561975"/>
                <a:gd name="connsiteY9" fmla="*/ 521494 h 592932"/>
                <a:gd name="connsiteX10" fmla="*/ 0 w 561975"/>
                <a:gd name="connsiteY10" fmla="*/ 519112 h 592932"/>
                <a:gd name="connsiteX11" fmla="*/ 111919 w 561975"/>
                <a:gd name="connsiteY11" fmla="*/ 326230 h 592932"/>
                <a:gd name="connsiteX12" fmla="*/ 166688 w 561975"/>
                <a:gd name="connsiteY12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0981 w 561975"/>
                <a:gd name="connsiteY3" fmla="*/ 173830 h 592932"/>
                <a:gd name="connsiteX4" fmla="*/ 419100 w 561975"/>
                <a:gd name="connsiteY4" fmla="*/ 16668 h 592932"/>
                <a:gd name="connsiteX5" fmla="*/ 561975 w 561975"/>
                <a:gd name="connsiteY5" fmla="*/ 0 h 592932"/>
                <a:gd name="connsiteX6" fmla="*/ 559594 w 561975"/>
                <a:gd name="connsiteY6" fmla="*/ 219074 h 592932"/>
                <a:gd name="connsiteX7" fmla="*/ 276225 w 561975"/>
                <a:gd name="connsiteY7" fmla="*/ 416719 h 592932"/>
                <a:gd name="connsiteX8" fmla="*/ 176213 w 561975"/>
                <a:gd name="connsiteY8" fmla="*/ 592932 h 592932"/>
                <a:gd name="connsiteX9" fmla="*/ 73819 w 561975"/>
                <a:gd name="connsiteY9" fmla="*/ 521494 h 592932"/>
                <a:gd name="connsiteX10" fmla="*/ 0 w 561975"/>
                <a:gd name="connsiteY10" fmla="*/ 519112 h 592932"/>
                <a:gd name="connsiteX11" fmla="*/ 111919 w 561975"/>
                <a:gd name="connsiteY11" fmla="*/ 326230 h 592932"/>
                <a:gd name="connsiteX12" fmla="*/ 166688 w 561975"/>
                <a:gd name="connsiteY12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5744 w 561975"/>
                <a:gd name="connsiteY3" fmla="*/ 173830 h 592932"/>
                <a:gd name="connsiteX4" fmla="*/ 419100 w 561975"/>
                <a:gd name="connsiteY4" fmla="*/ 16668 h 592932"/>
                <a:gd name="connsiteX5" fmla="*/ 561975 w 561975"/>
                <a:gd name="connsiteY5" fmla="*/ 0 h 592932"/>
                <a:gd name="connsiteX6" fmla="*/ 559594 w 561975"/>
                <a:gd name="connsiteY6" fmla="*/ 219074 h 592932"/>
                <a:gd name="connsiteX7" fmla="*/ 276225 w 561975"/>
                <a:gd name="connsiteY7" fmla="*/ 416719 h 592932"/>
                <a:gd name="connsiteX8" fmla="*/ 176213 w 561975"/>
                <a:gd name="connsiteY8" fmla="*/ 592932 h 592932"/>
                <a:gd name="connsiteX9" fmla="*/ 73819 w 561975"/>
                <a:gd name="connsiteY9" fmla="*/ 521494 h 592932"/>
                <a:gd name="connsiteX10" fmla="*/ 0 w 561975"/>
                <a:gd name="connsiteY10" fmla="*/ 519112 h 592932"/>
                <a:gd name="connsiteX11" fmla="*/ 111919 w 561975"/>
                <a:gd name="connsiteY11" fmla="*/ 326230 h 592932"/>
                <a:gd name="connsiteX12" fmla="*/ 166688 w 561975"/>
                <a:gd name="connsiteY12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5744 w 561975"/>
                <a:gd name="connsiteY3" fmla="*/ 173830 h 592932"/>
                <a:gd name="connsiteX4" fmla="*/ 419100 w 561975"/>
                <a:gd name="connsiteY4" fmla="*/ 16668 h 592932"/>
                <a:gd name="connsiteX5" fmla="*/ 561975 w 561975"/>
                <a:gd name="connsiteY5" fmla="*/ 0 h 592932"/>
                <a:gd name="connsiteX6" fmla="*/ 559594 w 561975"/>
                <a:gd name="connsiteY6" fmla="*/ 219074 h 592932"/>
                <a:gd name="connsiteX7" fmla="*/ 276225 w 561975"/>
                <a:gd name="connsiteY7" fmla="*/ 416719 h 592932"/>
                <a:gd name="connsiteX8" fmla="*/ 176213 w 561975"/>
                <a:gd name="connsiteY8" fmla="*/ 592932 h 592932"/>
                <a:gd name="connsiteX9" fmla="*/ 73819 w 561975"/>
                <a:gd name="connsiteY9" fmla="*/ 521494 h 592932"/>
                <a:gd name="connsiteX10" fmla="*/ 0 w 561975"/>
                <a:gd name="connsiteY10" fmla="*/ 519112 h 592932"/>
                <a:gd name="connsiteX11" fmla="*/ 111919 w 561975"/>
                <a:gd name="connsiteY11" fmla="*/ 326230 h 592932"/>
                <a:gd name="connsiteX12" fmla="*/ 166688 w 561975"/>
                <a:gd name="connsiteY12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5744 w 561975"/>
                <a:gd name="connsiteY3" fmla="*/ 173830 h 592932"/>
                <a:gd name="connsiteX4" fmla="*/ 409575 w 561975"/>
                <a:gd name="connsiteY4" fmla="*/ 14287 h 592932"/>
                <a:gd name="connsiteX5" fmla="*/ 561975 w 561975"/>
                <a:gd name="connsiteY5" fmla="*/ 0 h 592932"/>
                <a:gd name="connsiteX6" fmla="*/ 559594 w 561975"/>
                <a:gd name="connsiteY6" fmla="*/ 219074 h 592932"/>
                <a:gd name="connsiteX7" fmla="*/ 276225 w 561975"/>
                <a:gd name="connsiteY7" fmla="*/ 416719 h 592932"/>
                <a:gd name="connsiteX8" fmla="*/ 176213 w 561975"/>
                <a:gd name="connsiteY8" fmla="*/ 592932 h 592932"/>
                <a:gd name="connsiteX9" fmla="*/ 73819 w 561975"/>
                <a:gd name="connsiteY9" fmla="*/ 521494 h 592932"/>
                <a:gd name="connsiteX10" fmla="*/ 0 w 561975"/>
                <a:gd name="connsiteY10" fmla="*/ 519112 h 592932"/>
                <a:gd name="connsiteX11" fmla="*/ 111919 w 561975"/>
                <a:gd name="connsiteY11" fmla="*/ 326230 h 592932"/>
                <a:gd name="connsiteX12" fmla="*/ 166688 w 561975"/>
                <a:gd name="connsiteY12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5744 w 561975"/>
                <a:gd name="connsiteY3" fmla="*/ 173830 h 592932"/>
                <a:gd name="connsiteX4" fmla="*/ 409575 w 561975"/>
                <a:gd name="connsiteY4" fmla="*/ 14287 h 592932"/>
                <a:gd name="connsiteX5" fmla="*/ 492919 w 561975"/>
                <a:gd name="connsiteY5" fmla="*/ 4762 h 592932"/>
                <a:gd name="connsiteX6" fmla="*/ 561975 w 561975"/>
                <a:gd name="connsiteY6" fmla="*/ 0 h 592932"/>
                <a:gd name="connsiteX7" fmla="*/ 559594 w 561975"/>
                <a:gd name="connsiteY7" fmla="*/ 219074 h 592932"/>
                <a:gd name="connsiteX8" fmla="*/ 276225 w 561975"/>
                <a:gd name="connsiteY8" fmla="*/ 416719 h 592932"/>
                <a:gd name="connsiteX9" fmla="*/ 176213 w 561975"/>
                <a:gd name="connsiteY9" fmla="*/ 592932 h 592932"/>
                <a:gd name="connsiteX10" fmla="*/ 73819 w 561975"/>
                <a:gd name="connsiteY10" fmla="*/ 521494 h 592932"/>
                <a:gd name="connsiteX11" fmla="*/ 0 w 561975"/>
                <a:gd name="connsiteY11" fmla="*/ 519112 h 592932"/>
                <a:gd name="connsiteX12" fmla="*/ 111919 w 561975"/>
                <a:gd name="connsiteY12" fmla="*/ 326230 h 592932"/>
                <a:gd name="connsiteX13" fmla="*/ 166688 w 561975"/>
                <a:gd name="connsiteY13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5744 w 561975"/>
                <a:gd name="connsiteY3" fmla="*/ 173830 h 592932"/>
                <a:gd name="connsiteX4" fmla="*/ 409575 w 561975"/>
                <a:gd name="connsiteY4" fmla="*/ 14287 h 592932"/>
                <a:gd name="connsiteX5" fmla="*/ 352426 w 561975"/>
                <a:gd name="connsiteY5" fmla="*/ 183356 h 592932"/>
                <a:gd name="connsiteX6" fmla="*/ 561975 w 561975"/>
                <a:gd name="connsiteY6" fmla="*/ 0 h 592932"/>
                <a:gd name="connsiteX7" fmla="*/ 559594 w 561975"/>
                <a:gd name="connsiteY7" fmla="*/ 219074 h 592932"/>
                <a:gd name="connsiteX8" fmla="*/ 276225 w 561975"/>
                <a:gd name="connsiteY8" fmla="*/ 416719 h 592932"/>
                <a:gd name="connsiteX9" fmla="*/ 176213 w 561975"/>
                <a:gd name="connsiteY9" fmla="*/ 592932 h 592932"/>
                <a:gd name="connsiteX10" fmla="*/ 73819 w 561975"/>
                <a:gd name="connsiteY10" fmla="*/ 521494 h 592932"/>
                <a:gd name="connsiteX11" fmla="*/ 0 w 561975"/>
                <a:gd name="connsiteY11" fmla="*/ 519112 h 592932"/>
                <a:gd name="connsiteX12" fmla="*/ 111919 w 561975"/>
                <a:gd name="connsiteY12" fmla="*/ 326230 h 592932"/>
                <a:gd name="connsiteX13" fmla="*/ 166688 w 561975"/>
                <a:gd name="connsiteY13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5744 w 561975"/>
                <a:gd name="connsiteY3" fmla="*/ 173830 h 592932"/>
                <a:gd name="connsiteX4" fmla="*/ 409575 w 561975"/>
                <a:gd name="connsiteY4" fmla="*/ 14287 h 592932"/>
                <a:gd name="connsiteX5" fmla="*/ 388144 w 561975"/>
                <a:gd name="connsiteY5" fmla="*/ 69056 h 592932"/>
                <a:gd name="connsiteX6" fmla="*/ 352426 w 561975"/>
                <a:gd name="connsiteY6" fmla="*/ 183356 h 592932"/>
                <a:gd name="connsiteX7" fmla="*/ 561975 w 561975"/>
                <a:gd name="connsiteY7" fmla="*/ 0 h 592932"/>
                <a:gd name="connsiteX8" fmla="*/ 559594 w 561975"/>
                <a:gd name="connsiteY8" fmla="*/ 219074 h 592932"/>
                <a:gd name="connsiteX9" fmla="*/ 276225 w 561975"/>
                <a:gd name="connsiteY9" fmla="*/ 416719 h 592932"/>
                <a:gd name="connsiteX10" fmla="*/ 176213 w 561975"/>
                <a:gd name="connsiteY10" fmla="*/ 592932 h 592932"/>
                <a:gd name="connsiteX11" fmla="*/ 73819 w 561975"/>
                <a:gd name="connsiteY11" fmla="*/ 521494 h 592932"/>
                <a:gd name="connsiteX12" fmla="*/ 0 w 561975"/>
                <a:gd name="connsiteY12" fmla="*/ 519112 h 592932"/>
                <a:gd name="connsiteX13" fmla="*/ 111919 w 561975"/>
                <a:gd name="connsiteY13" fmla="*/ 326230 h 592932"/>
                <a:gd name="connsiteX14" fmla="*/ 166688 w 561975"/>
                <a:gd name="connsiteY14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5744 w 561975"/>
                <a:gd name="connsiteY3" fmla="*/ 173830 h 592932"/>
                <a:gd name="connsiteX4" fmla="*/ 409575 w 561975"/>
                <a:gd name="connsiteY4" fmla="*/ 14287 h 592932"/>
                <a:gd name="connsiteX5" fmla="*/ 450057 w 561975"/>
                <a:gd name="connsiteY5" fmla="*/ 33337 h 592932"/>
                <a:gd name="connsiteX6" fmla="*/ 352426 w 561975"/>
                <a:gd name="connsiteY6" fmla="*/ 183356 h 592932"/>
                <a:gd name="connsiteX7" fmla="*/ 561975 w 561975"/>
                <a:gd name="connsiteY7" fmla="*/ 0 h 592932"/>
                <a:gd name="connsiteX8" fmla="*/ 559594 w 561975"/>
                <a:gd name="connsiteY8" fmla="*/ 219074 h 592932"/>
                <a:gd name="connsiteX9" fmla="*/ 276225 w 561975"/>
                <a:gd name="connsiteY9" fmla="*/ 416719 h 592932"/>
                <a:gd name="connsiteX10" fmla="*/ 176213 w 561975"/>
                <a:gd name="connsiteY10" fmla="*/ 592932 h 592932"/>
                <a:gd name="connsiteX11" fmla="*/ 73819 w 561975"/>
                <a:gd name="connsiteY11" fmla="*/ 521494 h 592932"/>
                <a:gd name="connsiteX12" fmla="*/ 0 w 561975"/>
                <a:gd name="connsiteY12" fmla="*/ 519112 h 592932"/>
                <a:gd name="connsiteX13" fmla="*/ 111919 w 561975"/>
                <a:gd name="connsiteY13" fmla="*/ 326230 h 592932"/>
                <a:gd name="connsiteX14" fmla="*/ 166688 w 561975"/>
                <a:gd name="connsiteY14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5744 w 561975"/>
                <a:gd name="connsiteY3" fmla="*/ 173830 h 592932"/>
                <a:gd name="connsiteX4" fmla="*/ 409575 w 561975"/>
                <a:gd name="connsiteY4" fmla="*/ 14287 h 592932"/>
                <a:gd name="connsiteX5" fmla="*/ 450057 w 561975"/>
                <a:gd name="connsiteY5" fmla="*/ 33337 h 592932"/>
                <a:gd name="connsiteX6" fmla="*/ 352426 w 561975"/>
                <a:gd name="connsiteY6" fmla="*/ 183356 h 592932"/>
                <a:gd name="connsiteX7" fmla="*/ 561975 w 561975"/>
                <a:gd name="connsiteY7" fmla="*/ 0 h 592932"/>
                <a:gd name="connsiteX8" fmla="*/ 559594 w 561975"/>
                <a:gd name="connsiteY8" fmla="*/ 219074 h 592932"/>
                <a:gd name="connsiteX9" fmla="*/ 276225 w 561975"/>
                <a:gd name="connsiteY9" fmla="*/ 416719 h 592932"/>
                <a:gd name="connsiteX10" fmla="*/ 176213 w 561975"/>
                <a:gd name="connsiteY10" fmla="*/ 592932 h 592932"/>
                <a:gd name="connsiteX11" fmla="*/ 73819 w 561975"/>
                <a:gd name="connsiteY11" fmla="*/ 521494 h 592932"/>
                <a:gd name="connsiteX12" fmla="*/ 0 w 561975"/>
                <a:gd name="connsiteY12" fmla="*/ 519112 h 592932"/>
                <a:gd name="connsiteX13" fmla="*/ 111919 w 561975"/>
                <a:gd name="connsiteY13" fmla="*/ 326230 h 592932"/>
                <a:gd name="connsiteX14" fmla="*/ 166688 w 561975"/>
                <a:gd name="connsiteY14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5744 w 561975"/>
                <a:gd name="connsiteY3" fmla="*/ 173830 h 592932"/>
                <a:gd name="connsiteX4" fmla="*/ 409575 w 561975"/>
                <a:gd name="connsiteY4" fmla="*/ 14287 h 592932"/>
                <a:gd name="connsiteX5" fmla="*/ 450057 w 561975"/>
                <a:gd name="connsiteY5" fmla="*/ 33337 h 592932"/>
                <a:gd name="connsiteX6" fmla="*/ 352426 w 561975"/>
                <a:gd name="connsiteY6" fmla="*/ 183356 h 592932"/>
                <a:gd name="connsiteX7" fmla="*/ 561975 w 561975"/>
                <a:gd name="connsiteY7" fmla="*/ 0 h 592932"/>
                <a:gd name="connsiteX8" fmla="*/ 559594 w 561975"/>
                <a:gd name="connsiteY8" fmla="*/ 219074 h 592932"/>
                <a:gd name="connsiteX9" fmla="*/ 276225 w 561975"/>
                <a:gd name="connsiteY9" fmla="*/ 416719 h 592932"/>
                <a:gd name="connsiteX10" fmla="*/ 176213 w 561975"/>
                <a:gd name="connsiteY10" fmla="*/ 592932 h 592932"/>
                <a:gd name="connsiteX11" fmla="*/ 73819 w 561975"/>
                <a:gd name="connsiteY11" fmla="*/ 521494 h 592932"/>
                <a:gd name="connsiteX12" fmla="*/ 0 w 561975"/>
                <a:gd name="connsiteY12" fmla="*/ 519112 h 592932"/>
                <a:gd name="connsiteX13" fmla="*/ 111919 w 561975"/>
                <a:gd name="connsiteY13" fmla="*/ 326230 h 592932"/>
                <a:gd name="connsiteX14" fmla="*/ 166688 w 561975"/>
                <a:gd name="connsiteY14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5744 w 561975"/>
                <a:gd name="connsiteY3" fmla="*/ 173830 h 592932"/>
                <a:gd name="connsiteX4" fmla="*/ 409575 w 561975"/>
                <a:gd name="connsiteY4" fmla="*/ 14287 h 592932"/>
                <a:gd name="connsiteX5" fmla="*/ 450057 w 561975"/>
                <a:gd name="connsiteY5" fmla="*/ 33337 h 592932"/>
                <a:gd name="connsiteX6" fmla="*/ 352426 w 561975"/>
                <a:gd name="connsiteY6" fmla="*/ 183356 h 592932"/>
                <a:gd name="connsiteX7" fmla="*/ 478631 w 561975"/>
                <a:gd name="connsiteY7" fmla="*/ 71437 h 592932"/>
                <a:gd name="connsiteX8" fmla="*/ 561975 w 561975"/>
                <a:gd name="connsiteY8" fmla="*/ 0 h 592932"/>
                <a:gd name="connsiteX9" fmla="*/ 559594 w 561975"/>
                <a:gd name="connsiteY9" fmla="*/ 219074 h 592932"/>
                <a:gd name="connsiteX10" fmla="*/ 276225 w 561975"/>
                <a:gd name="connsiteY10" fmla="*/ 416719 h 592932"/>
                <a:gd name="connsiteX11" fmla="*/ 176213 w 561975"/>
                <a:gd name="connsiteY11" fmla="*/ 592932 h 592932"/>
                <a:gd name="connsiteX12" fmla="*/ 73819 w 561975"/>
                <a:gd name="connsiteY12" fmla="*/ 521494 h 592932"/>
                <a:gd name="connsiteX13" fmla="*/ 0 w 561975"/>
                <a:gd name="connsiteY13" fmla="*/ 519112 h 592932"/>
                <a:gd name="connsiteX14" fmla="*/ 111919 w 561975"/>
                <a:gd name="connsiteY14" fmla="*/ 326230 h 592932"/>
                <a:gd name="connsiteX15" fmla="*/ 166688 w 561975"/>
                <a:gd name="connsiteY15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5744 w 561975"/>
                <a:gd name="connsiteY3" fmla="*/ 173830 h 592932"/>
                <a:gd name="connsiteX4" fmla="*/ 409575 w 561975"/>
                <a:gd name="connsiteY4" fmla="*/ 14287 h 592932"/>
                <a:gd name="connsiteX5" fmla="*/ 450057 w 561975"/>
                <a:gd name="connsiteY5" fmla="*/ 33337 h 592932"/>
                <a:gd name="connsiteX6" fmla="*/ 352426 w 561975"/>
                <a:gd name="connsiteY6" fmla="*/ 183356 h 592932"/>
                <a:gd name="connsiteX7" fmla="*/ 464344 w 561975"/>
                <a:gd name="connsiteY7" fmla="*/ 42862 h 592932"/>
                <a:gd name="connsiteX8" fmla="*/ 561975 w 561975"/>
                <a:gd name="connsiteY8" fmla="*/ 0 h 592932"/>
                <a:gd name="connsiteX9" fmla="*/ 559594 w 561975"/>
                <a:gd name="connsiteY9" fmla="*/ 219074 h 592932"/>
                <a:gd name="connsiteX10" fmla="*/ 276225 w 561975"/>
                <a:gd name="connsiteY10" fmla="*/ 416719 h 592932"/>
                <a:gd name="connsiteX11" fmla="*/ 176213 w 561975"/>
                <a:gd name="connsiteY11" fmla="*/ 592932 h 592932"/>
                <a:gd name="connsiteX12" fmla="*/ 73819 w 561975"/>
                <a:gd name="connsiteY12" fmla="*/ 521494 h 592932"/>
                <a:gd name="connsiteX13" fmla="*/ 0 w 561975"/>
                <a:gd name="connsiteY13" fmla="*/ 519112 h 592932"/>
                <a:gd name="connsiteX14" fmla="*/ 111919 w 561975"/>
                <a:gd name="connsiteY14" fmla="*/ 326230 h 592932"/>
                <a:gd name="connsiteX15" fmla="*/ 166688 w 561975"/>
                <a:gd name="connsiteY15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5744 w 561975"/>
                <a:gd name="connsiteY3" fmla="*/ 173830 h 592932"/>
                <a:gd name="connsiteX4" fmla="*/ 409575 w 561975"/>
                <a:gd name="connsiteY4" fmla="*/ 14287 h 592932"/>
                <a:gd name="connsiteX5" fmla="*/ 450057 w 561975"/>
                <a:gd name="connsiteY5" fmla="*/ 33337 h 592932"/>
                <a:gd name="connsiteX6" fmla="*/ 352426 w 561975"/>
                <a:gd name="connsiteY6" fmla="*/ 183356 h 592932"/>
                <a:gd name="connsiteX7" fmla="*/ 464344 w 561975"/>
                <a:gd name="connsiteY7" fmla="*/ 45243 h 592932"/>
                <a:gd name="connsiteX8" fmla="*/ 561975 w 561975"/>
                <a:gd name="connsiteY8" fmla="*/ 0 h 592932"/>
                <a:gd name="connsiteX9" fmla="*/ 559594 w 561975"/>
                <a:gd name="connsiteY9" fmla="*/ 219074 h 592932"/>
                <a:gd name="connsiteX10" fmla="*/ 276225 w 561975"/>
                <a:gd name="connsiteY10" fmla="*/ 416719 h 592932"/>
                <a:gd name="connsiteX11" fmla="*/ 176213 w 561975"/>
                <a:gd name="connsiteY11" fmla="*/ 592932 h 592932"/>
                <a:gd name="connsiteX12" fmla="*/ 73819 w 561975"/>
                <a:gd name="connsiteY12" fmla="*/ 521494 h 592932"/>
                <a:gd name="connsiteX13" fmla="*/ 0 w 561975"/>
                <a:gd name="connsiteY13" fmla="*/ 519112 h 592932"/>
                <a:gd name="connsiteX14" fmla="*/ 111919 w 561975"/>
                <a:gd name="connsiteY14" fmla="*/ 326230 h 592932"/>
                <a:gd name="connsiteX15" fmla="*/ 166688 w 561975"/>
                <a:gd name="connsiteY15" fmla="*/ 128587 h 592932"/>
                <a:gd name="connsiteX0" fmla="*/ 166688 w 561975"/>
                <a:gd name="connsiteY0" fmla="*/ 128587 h 592932"/>
                <a:gd name="connsiteX1" fmla="*/ 204788 w 561975"/>
                <a:gd name="connsiteY1" fmla="*/ 26193 h 592932"/>
                <a:gd name="connsiteX2" fmla="*/ 254794 w 561975"/>
                <a:gd name="connsiteY2" fmla="*/ 95249 h 592932"/>
                <a:gd name="connsiteX3" fmla="*/ 235744 w 561975"/>
                <a:gd name="connsiteY3" fmla="*/ 173830 h 592932"/>
                <a:gd name="connsiteX4" fmla="*/ 409575 w 561975"/>
                <a:gd name="connsiteY4" fmla="*/ 14287 h 592932"/>
                <a:gd name="connsiteX5" fmla="*/ 450057 w 561975"/>
                <a:gd name="connsiteY5" fmla="*/ 33337 h 592932"/>
                <a:gd name="connsiteX6" fmla="*/ 352426 w 561975"/>
                <a:gd name="connsiteY6" fmla="*/ 183356 h 592932"/>
                <a:gd name="connsiteX7" fmla="*/ 464344 w 561975"/>
                <a:gd name="connsiteY7" fmla="*/ 45243 h 592932"/>
                <a:gd name="connsiteX8" fmla="*/ 561975 w 561975"/>
                <a:gd name="connsiteY8" fmla="*/ 0 h 592932"/>
                <a:gd name="connsiteX9" fmla="*/ 559594 w 561975"/>
                <a:gd name="connsiteY9" fmla="*/ 219074 h 592932"/>
                <a:gd name="connsiteX10" fmla="*/ 276225 w 561975"/>
                <a:gd name="connsiteY10" fmla="*/ 416719 h 592932"/>
                <a:gd name="connsiteX11" fmla="*/ 176213 w 561975"/>
                <a:gd name="connsiteY11" fmla="*/ 592932 h 592932"/>
                <a:gd name="connsiteX12" fmla="*/ 73819 w 561975"/>
                <a:gd name="connsiteY12" fmla="*/ 521494 h 592932"/>
                <a:gd name="connsiteX13" fmla="*/ 0 w 561975"/>
                <a:gd name="connsiteY13" fmla="*/ 519112 h 592932"/>
                <a:gd name="connsiteX14" fmla="*/ 111919 w 561975"/>
                <a:gd name="connsiteY14" fmla="*/ 326230 h 592932"/>
                <a:gd name="connsiteX15" fmla="*/ 166688 w 561975"/>
                <a:gd name="connsiteY15" fmla="*/ 128587 h 592932"/>
                <a:gd name="connsiteX0" fmla="*/ 166688 w 559622"/>
                <a:gd name="connsiteY0" fmla="*/ 122135 h 586480"/>
                <a:gd name="connsiteX1" fmla="*/ 204788 w 559622"/>
                <a:gd name="connsiteY1" fmla="*/ 19741 h 586480"/>
                <a:gd name="connsiteX2" fmla="*/ 254794 w 559622"/>
                <a:gd name="connsiteY2" fmla="*/ 88797 h 586480"/>
                <a:gd name="connsiteX3" fmla="*/ 235744 w 559622"/>
                <a:gd name="connsiteY3" fmla="*/ 167378 h 586480"/>
                <a:gd name="connsiteX4" fmla="*/ 409575 w 559622"/>
                <a:gd name="connsiteY4" fmla="*/ 7835 h 586480"/>
                <a:gd name="connsiteX5" fmla="*/ 450057 w 559622"/>
                <a:gd name="connsiteY5" fmla="*/ 26885 h 586480"/>
                <a:gd name="connsiteX6" fmla="*/ 352426 w 559622"/>
                <a:gd name="connsiteY6" fmla="*/ 176904 h 586480"/>
                <a:gd name="connsiteX7" fmla="*/ 464344 w 559622"/>
                <a:gd name="connsiteY7" fmla="*/ 38791 h 586480"/>
                <a:gd name="connsiteX8" fmla="*/ 545306 w 559622"/>
                <a:gd name="connsiteY8" fmla="*/ 74511 h 586480"/>
                <a:gd name="connsiteX9" fmla="*/ 559594 w 559622"/>
                <a:gd name="connsiteY9" fmla="*/ 212622 h 586480"/>
                <a:gd name="connsiteX10" fmla="*/ 276225 w 559622"/>
                <a:gd name="connsiteY10" fmla="*/ 410267 h 586480"/>
                <a:gd name="connsiteX11" fmla="*/ 176213 w 559622"/>
                <a:gd name="connsiteY11" fmla="*/ 586480 h 586480"/>
                <a:gd name="connsiteX12" fmla="*/ 73819 w 559622"/>
                <a:gd name="connsiteY12" fmla="*/ 515042 h 586480"/>
                <a:gd name="connsiteX13" fmla="*/ 0 w 559622"/>
                <a:gd name="connsiteY13" fmla="*/ 512660 h 586480"/>
                <a:gd name="connsiteX14" fmla="*/ 111919 w 559622"/>
                <a:gd name="connsiteY14" fmla="*/ 319778 h 586480"/>
                <a:gd name="connsiteX15" fmla="*/ 166688 w 559622"/>
                <a:gd name="connsiteY15" fmla="*/ 122135 h 586480"/>
                <a:gd name="connsiteX0" fmla="*/ 166688 w 559622"/>
                <a:gd name="connsiteY0" fmla="*/ 122135 h 586480"/>
                <a:gd name="connsiteX1" fmla="*/ 204788 w 559622"/>
                <a:gd name="connsiteY1" fmla="*/ 19741 h 586480"/>
                <a:gd name="connsiteX2" fmla="*/ 254794 w 559622"/>
                <a:gd name="connsiteY2" fmla="*/ 88797 h 586480"/>
                <a:gd name="connsiteX3" fmla="*/ 235744 w 559622"/>
                <a:gd name="connsiteY3" fmla="*/ 167378 h 586480"/>
                <a:gd name="connsiteX4" fmla="*/ 409575 w 559622"/>
                <a:gd name="connsiteY4" fmla="*/ 7835 h 586480"/>
                <a:gd name="connsiteX5" fmla="*/ 450057 w 559622"/>
                <a:gd name="connsiteY5" fmla="*/ 26885 h 586480"/>
                <a:gd name="connsiteX6" fmla="*/ 352426 w 559622"/>
                <a:gd name="connsiteY6" fmla="*/ 176904 h 586480"/>
                <a:gd name="connsiteX7" fmla="*/ 464344 w 559622"/>
                <a:gd name="connsiteY7" fmla="*/ 38791 h 586480"/>
                <a:gd name="connsiteX8" fmla="*/ 497681 w 559622"/>
                <a:gd name="connsiteY8" fmla="*/ 53079 h 586480"/>
                <a:gd name="connsiteX9" fmla="*/ 545306 w 559622"/>
                <a:gd name="connsiteY9" fmla="*/ 74511 h 586480"/>
                <a:gd name="connsiteX10" fmla="*/ 559594 w 559622"/>
                <a:gd name="connsiteY10" fmla="*/ 212622 h 586480"/>
                <a:gd name="connsiteX11" fmla="*/ 276225 w 559622"/>
                <a:gd name="connsiteY11" fmla="*/ 410267 h 586480"/>
                <a:gd name="connsiteX12" fmla="*/ 176213 w 559622"/>
                <a:gd name="connsiteY12" fmla="*/ 586480 h 586480"/>
                <a:gd name="connsiteX13" fmla="*/ 73819 w 559622"/>
                <a:gd name="connsiteY13" fmla="*/ 515042 h 586480"/>
                <a:gd name="connsiteX14" fmla="*/ 0 w 559622"/>
                <a:gd name="connsiteY14" fmla="*/ 512660 h 586480"/>
                <a:gd name="connsiteX15" fmla="*/ 111919 w 559622"/>
                <a:gd name="connsiteY15" fmla="*/ 319778 h 586480"/>
                <a:gd name="connsiteX16" fmla="*/ 166688 w 559622"/>
                <a:gd name="connsiteY16" fmla="*/ 122135 h 586480"/>
                <a:gd name="connsiteX0" fmla="*/ 166688 w 559597"/>
                <a:gd name="connsiteY0" fmla="*/ 122135 h 586480"/>
                <a:gd name="connsiteX1" fmla="*/ 204788 w 559597"/>
                <a:gd name="connsiteY1" fmla="*/ 19741 h 586480"/>
                <a:gd name="connsiteX2" fmla="*/ 254794 w 559597"/>
                <a:gd name="connsiteY2" fmla="*/ 88797 h 586480"/>
                <a:gd name="connsiteX3" fmla="*/ 235744 w 559597"/>
                <a:gd name="connsiteY3" fmla="*/ 167378 h 586480"/>
                <a:gd name="connsiteX4" fmla="*/ 409575 w 559597"/>
                <a:gd name="connsiteY4" fmla="*/ 7835 h 586480"/>
                <a:gd name="connsiteX5" fmla="*/ 450057 w 559597"/>
                <a:gd name="connsiteY5" fmla="*/ 26885 h 586480"/>
                <a:gd name="connsiteX6" fmla="*/ 352426 w 559597"/>
                <a:gd name="connsiteY6" fmla="*/ 176904 h 586480"/>
                <a:gd name="connsiteX7" fmla="*/ 464344 w 559597"/>
                <a:gd name="connsiteY7" fmla="*/ 38791 h 586480"/>
                <a:gd name="connsiteX8" fmla="*/ 497681 w 559597"/>
                <a:gd name="connsiteY8" fmla="*/ 53079 h 586480"/>
                <a:gd name="connsiteX9" fmla="*/ 438150 w 559597"/>
                <a:gd name="connsiteY9" fmla="*/ 160236 h 586480"/>
                <a:gd name="connsiteX10" fmla="*/ 559594 w 559597"/>
                <a:gd name="connsiteY10" fmla="*/ 212622 h 586480"/>
                <a:gd name="connsiteX11" fmla="*/ 276225 w 559597"/>
                <a:gd name="connsiteY11" fmla="*/ 410267 h 586480"/>
                <a:gd name="connsiteX12" fmla="*/ 176213 w 559597"/>
                <a:gd name="connsiteY12" fmla="*/ 586480 h 586480"/>
                <a:gd name="connsiteX13" fmla="*/ 73819 w 559597"/>
                <a:gd name="connsiteY13" fmla="*/ 515042 h 586480"/>
                <a:gd name="connsiteX14" fmla="*/ 0 w 559597"/>
                <a:gd name="connsiteY14" fmla="*/ 512660 h 586480"/>
                <a:gd name="connsiteX15" fmla="*/ 111919 w 559597"/>
                <a:gd name="connsiteY15" fmla="*/ 319778 h 586480"/>
                <a:gd name="connsiteX16" fmla="*/ 166688 w 559597"/>
                <a:gd name="connsiteY16" fmla="*/ 122135 h 586480"/>
                <a:gd name="connsiteX0" fmla="*/ 166688 w 564907"/>
                <a:gd name="connsiteY0" fmla="*/ 122135 h 586480"/>
                <a:gd name="connsiteX1" fmla="*/ 204788 w 564907"/>
                <a:gd name="connsiteY1" fmla="*/ 19741 h 586480"/>
                <a:gd name="connsiteX2" fmla="*/ 254794 w 564907"/>
                <a:gd name="connsiteY2" fmla="*/ 88797 h 586480"/>
                <a:gd name="connsiteX3" fmla="*/ 235744 w 564907"/>
                <a:gd name="connsiteY3" fmla="*/ 167378 h 586480"/>
                <a:gd name="connsiteX4" fmla="*/ 409575 w 564907"/>
                <a:gd name="connsiteY4" fmla="*/ 7835 h 586480"/>
                <a:gd name="connsiteX5" fmla="*/ 450057 w 564907"/>
                <a:gd name="connsiteY5" fmla="*/ 26885 h 586480"/>
                <a:gd name="connsiteX6" fmla="*/ 352426 w 564907"/>
                <a:gd name="connsiteY6" fmla="*/ 176904 h 586480"/>
                <a:gd name="connsiteX7" fmla="*/ 464344 w 564907"/>
                <a:gd name="connsiteY7" fmla="*/ 38791 h 586480"/>
                <a:gd name="connsiteX8" fmla="*/ 497681 w 564907"/>
                <a:gd name="connsiteY8" fmla="*/ 53079 h 586480"/>
                <a:gd name="connsiteX9" fmla="*/ 438150 w 564907"/>
                <a:gd name="connsiteY9" fmla="*/ 160236 h 586480"/>
                <a:gd name="connsiteX10" fmla="*/ 459582 w 564907"/>
                <a:gd name="connsiteY10" fmla="*/ 193572 h 586480"/>
                <a:gd name="connsiteX11" fmla="*/ 559594 w 564907"/>
                <a:gd name="connsiteY11" fmla="*/ 212622 h 586480"/>
                <a:gd name="connsiteX12" fmla="*/ 276225 w 564907"/>
                <a:gd name="connsiteY12" fmla="*/ 410267 h 586480"/>
                <a:gd name="connsiteX13" fmla="*/ 176213 w 564907"/>
                <a:gd name="connsiteY13" fmla="*/ 586480 h 586480"/>
                <a:gd name="connsiteX14" fmla="*/ 73819 w 564907"/>
                <a:gd name="connsiteY14" fmla="*/ 515042 h 586480"/>
                <a:gd name="connsiteX15" fmla="*/ 0 w 564907"/>
                <a:gd name="connsiteY15" fmla="*/ 512660 h 586480"/>
                <a:gd name="connsiteX16" fmla="*/ 111919 w 564907"/>
                <a:gd name="connsiteY16" fmla="*/ 319778 h 586480"/>
                <a:gd name="connsiteX17" fmla="*/ 166688 w 564907"/>
                <a:gd name="connsiteY17" fmla="*/ 122135 h 586480"/>
                <a:gd name="connsiteX0" fmla="*/ 166688 w 569449"/>
                <a:gd name="connsiteY0" fmla="*/ 122135 h 586480"/>
                <a:gd name="connsiteX1" fmla="*/ 204788 w 569449"/>
                <a:gd name="connsiteY1" fmla="*/ 19741 h 586480"/>
                <a:gd name="connsiteX2" fmla="*/ 254794 w 569449"/>
                <a:gd name="connsiteY2" fmla="*/ 88797 h 586480"/>
                <a:gd name="connsiteX3" fmla="*/ 235744 w 569449"/>
                <a:gd name="connsiteY3" fmla="*/ 167378 h 586480"/>
                <a:gd name="connsiteX4" fmla="*/ 409575 w 569449"/>
                <a:gd name="connsiteY4" fmla="*/ 7835 h 586480"/>
                <a:gd name="connsiteX5" fmla="*/ 450057 w 569449"/>
                <a:gd name="connsiteY5" fmla="*/ 26885 h 586480"/>
                <a:gd name="connsiteX6" fmla="*/ 352426 w 569449"/>
                <a:gd name="connsiteY6" fmla="*/ 176904 h 586480"/>
                <a:gd name="connsiteX7" fmla="*/ 464344 w 569449"/>
                <a:gd name="connsiteY7" fmla="*/ 38791 h 586480"/>
                <a:gd name="connsiteX8" fmla="*/ 497681 w 569449"/>
                <a:gd name="connsiteY8" fmla="*/ 53079 h 586480"/>
                <a:gd name="connsiteX9" fmla="*/ 438150 w 569449"/>
                <a:gd name="connsiteY9" fmla="*/ 160236 h 586480"/>
                <a:gd name="connsiteX10" fmla="*/ 521494 w 569449"/>
                <a:gd name="connsiteY10" fmla="*/ 84034 h 586480"/>
                <a:gd name="connsiteX11" fmla="*/ 559594 w 569449"/>
                <a:gd name="connsiteY11" fmla="*/ 212622 h 586480"/>
                <a:gd name="connsiteX12" fmla="*/ 276225 w 569449"/>
                <a:gd name="connsiteY12" fmla="*/ 410267 h 586480"/>
                <a:gd name="connsiteX13" fmla="*/ 176213 w 569449"/>
                <a:gd name="connsiteY13" fmla="*/ 586480 h 586480"/>
                <a:gd name="connsiteX14" fmla="*/ 73819 w 569449"/>
                <a:gd name="connsiteY14" fmla="*/ 515042 h 586480"/>
                <a:gd name="connsiteX15" fmla="*/ 0 w 569449"/>
                <a:gd name="connsiteY15" fmla="*/ 512660 h 586480"/>
                <a:gd name="connsiteX16" fmla="*/ 111919 w 569449"/>
                <a:gd name="connsiteY16" fmla="*/ 319778 h 586480"/>
                <a:gd name="connsiteX17" fmla="*/ 166688 w 569449"/>
                <a:gd name="connsiteY17" fmla="*/ 122135 h 586480"/>
                <a:gd name="connsiteX0" fmla="*/ 166688 w 577493"/>
                <a:gd name="connsiteY0" fmla="*/ 122135 h 586480"/>
                <a:gd name="connsiteX1" fmla="*/ 204788 w 577493"/>
                <a:gd name="connsiteY1" fmla="*/ 19741 h 586480"/>
                <a:gd name="connsiteX2" fmla="*/ 254794 w 577493"/>
                <a:gd name="connsiteY2" fmla="*/ 88797 h 586480"/>
                <a:gd name="connsiteX3" fmla="*/ 235744 w 577493"/>
                <a:gd name="connsiteY3" fmla="*/ 167378 h 586480"/>
                <a:gd name="connsiteX4" fmla="*/ 409575 w 577493"/>
                <a:gd name="connsiteY4" fmla="*/ 7835 h 586480"/>
                <a:gd name="connsiteX5" fmla="*/ 450057 w 577493"/>
                <a:gd name="connsiteY5" fmla="*/ 26885 h 586480"/>
                <a:gd name="connsiteX6" fmla="*/ 352426 w 577493"/>
                <a:gd name="connsiteY6" fmla="*/ 176904 h 586480"/>
                <a:gd name="connsiteX7" fmla="*/ 464344 w 577493"/>
                <a:gd name="connsiteY7" fmla="*/ 38791 h 586480"/>
                <a:gd name="connsiteX8" fmla="*/ 497681 w 577493"/>
                <a:gd name="connsiteY8" fmla="*/ 53079 h 586480"/>
                <a:gd name="connsiteX9" fmla="*/ 438150 w 577493"/>
                <a:gd name="connsiteY9" fmla="*/ 160236 h 586480"/>
                <a:gd name="connsiteX10" fmla="*/ 521494 w 577493"/>
                <a:gd name="connsiteY10" fmla="*/ 84034 h 586480"/>
                <a:gd name="connsiteX11" fmla="*/ 545307 w 577493"/>
                <a:gd name="connsiteY11" fmla="*/ 105466 h 586480"/>
                <a:gd name="connsiteX12" fmla="*/ 559594 w 577493"/>
                <a:gd name="connsiteY12" fmla="*/ 212622 h 586480"/>
                <a:gd name="connsiteX13" fmla="*/ 276225 w 577493"/>
                <a:gd name="connsiteY13" fmla="*/ 410267 h 586480"/>
                <a:gd name="connsiteX14" fmla="*/ 176213 w 577493"/>
                <a:gd name="connsiteY14" fmla="*/ 586480 h 586480"/>
                <a:gd name="connsiteX15" fmla="*/ 73819 w 577493"/>
                <a:gd name="connsiteY15" fmla="*/ 515042 h 586480"/>
                <a:gd name="connsiteX16" fmla="*/ 0 w 577493"/>
                <a:gd name="connsiteY16" fmla="*/ 512660 h 586480"/>
                <a:gd name="connsiteX17" fmla="*/ 111919 w 577493"/>
                <a:gd name="connsiteY17" fmla="*/ 319778 h 586480"/>
                <a:gd name="connsiteX18" fmla="*/ 166688 w 577493"/>
                <a:gd name="connsiteY18" fmla="*/ 122135 h 586480"/>
                <a:gd name="connsiteX0" fmla="*/ 166688 w 587910"/>
                <a:gd name="connsiteY0" fmla="*/ 122135 h 586480"/>
                <a:gd name="connsiteX1" fmla="*/ 204788 w 587910"/>
                <a:gd name="connsiteY1" fmla="*/ 19741 h 586480"/>
                <a:gd name="connsiteX2" fmla="*/ 254794 w 587910"/>
                <a:gd name="connsiteY2" fmla="*/ 88797 h 586480"/>
                <a:gd name="connsiteX3" fmla="*/ 235744 w 587910"/>
                <a:gd name="connsiteY3" fmla="*/ 167378 h 586480"/>
                <a:gd name="connsiteX4" fmla="*/ 409575 w 587910"/>
                <a:gd name="connsiteY4" fmla="*/ 7835 h 586480"/>
                <a:gd name="connsiteX5" fmla="*/ 450057 w 587910"/>
                <a:gd name="connsiteY5" fmla="*/ 26885 h 586480"/>
                <a:gd name="connsiteX6" fmla="*/ 352426 w 587910"/>
                <a:gd name="connsiteY6" fmla="*/ 176904 h 586480"/>
                <a:gd name="connsiteX7" fmla="*/ 464344 w 587910"/>
                <a:gd name="connsiteY7" fmla="*/ 38791 h 586480"/>
                <a:gd name="connsiteX8" fmla="*/ 497681 w 587910"/>
                <a:gd name="connsiteY8" fmla="*/ 53079 h 586480"/>
                <a:gd name="connsiteX9" fmla="*/ 438150 w 587910"/>
                <a:gd name="connsiteY9" fmla="*/ 160236 h 586480"/>
                <a:gd name="connsiteX10" fmla="*/ 521494 w 587910"/>
                <a:gd name="connsiteY10" fmla="*/ 84034 h 586480"/>
                <a:gd name="connsiteX11" fmla="*/ 545307 w 587910"/>
                <a:gd name="connsiteY11" fmla="*/ 105466 h 586480"/>
                <a:gd name="connsiteX12" fmla="*/ 576264 w 587910"/>
                <a:gd name="connsiteY12" fmla="*/ 148329 h 586480"/>
                <a:gd name="connsiteX13" fmla="*/ 559594 w 587910"/>
                <a:gd name="connsiteY13" fmla="*/ 212622 h 586480"/>
                <a:gd name="connsiteX14" fmla="*/ 276225 w 587910"/>
                <a:gd name="connsiteY14" fmla="*/ 410267 h 586480"/>
                <a:gd name="connsiteX15" fmla="*/ 176213 w 587910"/>
                <a:gd name="connsiteY15" fmla="*/ 586480 h 586480"/>
                <a:gd name="connsiteX16" fmla="*/ 73819 w 587910"/>
                <a:gd name="connsiteY16" fmla="*/ 515042 h 586480"/>
                <a:gd name="connsiteX17" fmla="*/ 0 w 587910"/>
                <a:gd name="connsiteY17" fmla="*/ 512660 h 586480"/>
                <a:gd name="connsiteX18" fmla="*/ 111919 w 587910"/>
                <a:gd name="connsiteY18" fmla="*/ 319778 h 586480"/>
                <a:gd name="connsiteX19" fmla="*/ 166688 w 587910"/>
                <a:gd name="connsiteY19" fmla="*/ 122135 h 586480"/>
                <a:gd name="connsiteX0" fmla="*/ 166688 w 569412"/>
                <a:gd name="connsiteY0" fmla="*/ 122135 h 586480"/>
                <a:gd name="connsiteX1" fmla="*/ 204788 w 569412"/>
                <a:gd name="connsiteY1" fmla="*/ 19741 h 586480"/>
                <a:gd name="connsiteX2" fmla="*/ 254794 w 569412"/>
                <a:gd name="connsiteY2" fmla="*/ 88797 h 586480"/>
                <a:gd name="connsiteX3" fmla="*/ 235744 w 569412"/>
                <a:gd name="connsiteY3" fmla="*/ 167378 h 586480"/>
                <a:gd name="connsiteX4" fmla="*/ 409575 w 569412"/>
                <a:gd name="connsiteY4" fmla="*/ 7835 h 586480"/>
                <a:gd name="connsiteX5" fmla="*/ 450057 w 569412"/>
                <a:gd name="connsiteY5" fmla="*/ 26885 h 586480"/>
                <a:gd name="connsiteX6" fmla="*/ 352426 w 569412"/>
                <a:gd name="connsiteY6" fmla="*/ 176904 h 586480"/>
                <a:gd name="connsiteX7" fmla="*/ 464344 w 569412"/>
                <a:gd name="connsiteY7" fmla="*/ 38791 h 586480"/>
                <a:gd name="connsiteX8" fmla="*/ 497681 w 569412"/>
                <a:gd name="connsiteY8" fmla="*/ 53079 h 586480"/>
                <a:gd name="connsiteX9" fmla="*/ 438150 w 569412"/>
                <a:gd name="connsiteY9" fmla="*/ 160236 h 586480"/>
                <a:gd name="connsiteX10" fmla="*/ 521494 w 569412"/>
                <a:gd name="connsiteY10" fmla="*/ 84034 h 586480"/>
                <a:gd name="connsiteX11" fmla="*/ 545307 w 569412"/>
                <a:gd name="connsiteY11" fmla="*/ 105466 h 586480"/>
                <a:gd name="connsiteX12" fmla="*/ 450058 w 569412"/>
                <a:gd name="connsiteY12" fmla="*/ 234054 h 586480"/>
                <a:gd name="connsiteX13" fmla="*/ 559594 w 569412"/>
                <a:gd name="connsiteY13" fmla="*/ 212622 h 586480"/>
                <a:gd name="connsiteX14" fmla="*/ 276225 w 569412"/>
                <a:gd name="connsiteY14" fmla="*/ 410267 h 586480"/>
                <a:gd name="connsiteX15" fmla="*/ 176213 w 569412"/>
                <a:gd name="connsiteY15" fmla="*/ 586480 h 586480"/>
                <a:gd name="connsiteX16" fmla="*/ 73819 w 569412"/>
                <a:gd name="connsiteY16" fmla="*/ 515042 h 586480"/>
                <a:gd name="connsiteX17" fmla="*/ 0 w 569412"/>
                <a:gd name="connsiteY17" fmla="*/ 512660 h 586480"/>
                <a:gd name="connsiteX18" fmla="*/ 111919 w 569412"/>
                <a:gd name="connsiteY18" fmla="*/ 319778 h 586480"/>
                <a:gd name="connsiteX19" fmla="*/ 166688 w 569412"/>
                <a:gd name="connsiteY19" fmla="*/ 122135 h 586480"/>
                <a:gd name="connsiteX0" fmla="*/ 166688 w 576340"/>
                <a:gd name="connsiteY0" fmla="*/ 122135 h 586480"/>
                <a:gd name="connsiteX1" fmla="*/ 204788 w 576340"/>
                <a:gd name="connsiteY1" fmla="*/ 19741 h 586480"/>
                <a:gd name="connsiteX2" fmla="*/ 254794 w 576340"/>
                <a:gd name="connsiteY2" fmla="*/ 88797 h 586480"/>
                <a:gd name="connsiteX3" fmla="*/ 235744 w 576340"/>
                <a:gd name="connsiteY3" fmla="*/ 167378 h 586480"/>
                <a:gd name="connsiteX4" fmla="*/ 409575 w 576340"/>
                <a:gd name="connsiteY4" fmla="*/ 7835 h 586480"/>
                <a:gd name="connsiteX5" fmla="*/ 450057 w 576340"/>
                <a:gd name="connsiteY5" fmla="*/ 26885 h 586480"/>
                <a:gd name="connsiteX6" fmla="*/ 352426 w 576340"/>
                <a:gd name="connsiteY6" fmla="*/ 176904 h 586480"/>
                <a:gd name="connsiteX7" fmla="*/ 464344 w 576340"/>
                <a:gd name="connsiteY7" fmla="*/ 38791 h 586480"/>
                <a:gd name="connsiteX8" fmla="*/ 497681 w 576340"/>
                <a:gd name="connsiteY8" fmla="*/ 53079 h 586480"/>
                <a:gd name="connsiteX9" fmla="*/ 438150 w 576340"/>
                <a:gd name="connsiteY9" fmla="*/ 160236 h 586480"/>
                <a:gd name="connsiteX10" fmla="*/ 521494 w 576340"/>
                <a:gd name="connsiteY10" fmla="*/ 84034 h 586480"/>
                <a:gd name="connsiteX11" fmla="*/ 545307 w 576340"/>
                <a:gd name="connsiteY11" fmla="*/ 105466 h 586480"/>
                <a:gd name="connsiteX12" fmla="*/ 450058 w 576340"/>
                <a:gd name="connsiteY12" fmla="*/ 234054 h 586480"/>
                <a:gd name="connsiteX13" fmla="*/ 533400 w 576340"/>
                <a:gd name="connsiteY13" fmla="*/ 215004 h 586480"/>
                <a:gd name="connsiteX14" fmla="*/ 559594 w 576340"/>
                <a:gd name="connsiteY14" fmla="*/ 212622 h 586480"/>
                <a:gd name="connsiteX15" fmla="*/ 276225 w 576340"/>
                <a:gd name="connsiteY15" fmla="*/ 410267 h 586480"/>
                <a:gd name="connsiteX16" fmla="*/ 176213 w 576340"/>
                <a:gd name="connsiteY16" fmla="*/ 586480 h 586480"/>
                <a:gd name="connsiteX17" fmla="*/ 73819 w 576340"/>
                <a:gd name="connsiteY17" fmla="*/ 515042 h 586480"/>
                <a:gd name="connsiteX18" fmla="*/ 0 w 576340"/>
                <a:gd name="connsiteY18" fmla="*/ 512660 h 586480"/>
                <a:gd name="connsiteX19" fmla="*/ 111919 w 576340"/>
                <a:gd name="connsiteY19" fmla="*/ 319778 h 586480"/>
                <a:gd name="connsiteX20" fmla="*/ 166688 w 576340"/>
                <a:gd name="connsiteY20" fmla="*/ 122135 h 586480"/>
                <a:gd name="connsiteX0" fmla="*/ 166688 w 577317"/>
                <a:gd name="connsiteY0" fmla="*/ 122135 h 586480"/>
                <a:gd name="connsiteX1" fmla="*/ 204788 w 577317"/>
                <a:gd name="connsiteY1" fmla="*/ 19741 h 586480"/>
                <a:gd name="connsiteX2" fmla="*/ 254794 w 577317"/>
                <a:gd name="connsiteY2" fmla="*/ 88797 h 586480"/>
                <a:gd name="connsiteX3" fmla="*/ 235744 w 577317"/>
                <a:gd name="connsiteY3" fmla="*/ 167378 h 586480"/>
                <a:gd name="connsiteX4" fmla="*/ 409575 w 577317"/>
                <a:gd name="connsiteY4" fmla="*/ 7835 h 586480"/>
                <a:gd name="connsiteX5" fmla="*/ 450057 w 577317"/>
                <a:gd name="connsiteY5" fmla="*/ 26885 h 586480"/>
                <a:gd name="connsiteX6" fmla="*/ 352426 w 577317"/>
                <a:gd name="connsiteY6" fmla="*/ 176904 h 586480"/>
                <a:gd name="connsiteX7" fmla="*/ 464344 w 577317"/>
                <a:gd name="connsiteY7" fmla="*/ 38791 h 586480"/>
                <a:gd name="connsiteX8" fmla="*/ 497681 w 577317"/>
                <a:gd name="connsiteY8" fmla="*/ 53079 h 586480"/>
                <a:gd name="connsiteX9" fmla="*/ 438150 w 577317"/>
                <a:gd name="connsiteY9" fmla="*/ 160236 h 586480"/>
                <a:gd name="connsiteX10" fmla="*/ 521494 w 577317"/>
                <a:gd name="connsiteY10" fmla="*/ 84034 h 586480"/>
                <a:gd name="connsiteX11" fmla="*/ 545307 w 577317"/>
                <a:gd name="connsiteY11" fmla="*/ 105466 h 586480"/>
                <a:gd name="connsiteX12" fmla="*/ 450058 w 577317"/>
                <a:gd name="connsiteY12" fmla="*/ 234054 h 586480"/>
                <a:gd name="connsiteX13" fmla="*/ 538162 w 577317"/>
                <a:gd name="connsiteY13" fmla="*/ 167379 h 586480"/>
                <a:gd name="connsiteX14" fmla="*/ 559594 w 577317"/>
                <a:gd name="connsiteY14" fmla="*/ 212622 h 586480"/>
                <a:gd name="connsiteX15" fmla="*/ 276225 w 577317"/>
                <a:gd name="connsiteY15" fmla="*/ 410267 h 586480"/>
                <a:gd name="connsiteX16" fmla="*/ 176213 w 577317"/>
                <a:gd name="connsiteY16" fmla="*/ 586480 h 586480"/>
                <a:gd name="connsiteX17" fmla="*/ 73819 w 577317"/>
                <a:gd name="connsiteY17" fmla="*/ 515042 h 586480"/>
                <a:gd name="connsiteX18" fmla="*/ 0 w 577317"/>
                <a:gd name="connsiteY18" fmla="*/ 512660 h 586480"/>
                <a:gd name="connsiteX19" fmla="*/ 111919 w 577317"/>
                <a:gd name="connsiteY19" fmla="*/ 319778 h 586480"/>
                <a:gd name="connsiteX20" fmla="*/ 166688 w 577317"/>
                <a:gd name="connsiteY20" fmla="*/ 122135 h 586480"/>
                <a:gd name="connsiteX0" fmla="*/ 166688 w 552866"/>
                <a:gd name="connsiteY0" fmla="*/ 122135 h 586480"/>
                <a:gd name="connsiteX1" fmla="*/ 204788 w 552866"/>
                <a:gd name="connsiteY1" fmla="*/ 19741 h 586480"/>
                <a:gd name="connsiteX2" fmla="*/ 254794 w 552866"/>
                <a:gd name="connsiteY2" fmla="*/ 88797 h 586480"/>
                <a:gd name="connsiteX3" fmla="*/ 235744 w 552866"/>
                <a:gd name="connsiteY3" fmla="*/ 167378 h 586480"/>
                <a:gd name="connsiteX4" fmla="*/ 409575 w 552866"/>
                <a:gd name="connsiteY4" fmla="*/ 7835 h 586480"/>
                <a:gd name="connsiteX5" fmla="*/ 450057 w 552866"/>
                <a:gd name="connsiteY5" fmla="*/ 26885 h 586480"/>
                <a:gd name="connsiteX6" fmla="*/ 352426 w 552866"/>
                <a:gd name="connsiteY6" fmla="*/ 176904 h 586480"/>
                <a:gd name="connsiteX7" fmla="*/ 464344 w 552866"/>
                <a:gd name="connsiteY7" fmla="*/ 38791 h 586480"/>
                <a:gd name="connsiteX8" fmla="*/ 497681 w 552866"/>
                <a:gd name="connsiteY8" fmla="*/ 53079 h 586480"/>
                <a:gd name="connsiteX9" fmla="*/ 438150 w 552866"/>
                <a:gd name="connsiteY9" fmla="*/ 160236 h 586480"/>
                <a:gd name="connsiteX10" fmla="*/ 521494 w 552866"/>
                <a:gd name="connsiteY10" fmla="*/ 84034 h 586480"/>
                <a:gd name="connsiteX11" fmla="*/ 545307 w 552866"/>
                <a:gd name="connsiteY11" fmla="*/ 105466 h 586480"/>
                <a:gd name="connsiteX12" fmla="*/ 450058 w 552866"/>
                <a:gd name="connsiteY12" fmla="*/ 234054 h 586480"/>
                <a:gd name="connsiteX13" fmla="*/ 538162 w 552866"/>
                <a:gd name="connsiteY13" fmla="*/ 167379 h 586480"/>
                <a:gd name="connsiteX14" fmla="*/ 521494 w 552866"/>
                <a:gd name="connsiteY14" fmla="*/ 224528 h 586480"/>
                <a:gd name="connsiteX15" fmla="*/ 276225 w 552866"/>
                <a:gd name="connsiteY15" fmla="*/ 410267 h 586480"/>
                <a:gd name="connsiteX16" fmla="*/ 176213 w 552866"/>
                <a:gd name="connsiteY16" fmla="*/ 586480 h 586480"/>
                <a:gd name="connsiteX17" fmla="*/ 73819 w 552866"/>
                <a:gd name="connsiteY17" fmla="*/ 515042 h 586480"/>
                <a:gd name="connsiteX18" fmla="*/ 0 w 552866"/>
                <a:gd name="connsiteY18" fmla="*/ 512660 h 586480"/>
                <a:gd name="connsiteX19" fmla="*/ 111919 w 552866"/>
                <a:gd name="connsiteY19" fmla="*/ 319778 h 586480"/>
                <a:gd name="connsiteX20" fmla="*/ 166688 w 552866"/>
                <a:gd name="connsiteY20" fmla="*/ 122135 h 586480"/>
                <a:gd name="connsiteX0" fmla="*/ 166688 w 555129"/>
                <a:gd name="connsiteY0" fmla="*/ 122135 h 586480"/>
                <a:gd name="connsiteX1" fmla="*/ 204788 w 555129"/>
                <a:gd name="connsiteY1" fmla="*/ 19741 h 586480"/>
                <a:gd name="connsiteX2" fmla="*/ 254794 w 555129"/>
                <a:gd name="connsiteY2" fmla="*/ 88797 h 586480"/>
                <a:gd name="connsiteX3" fmla="*/ 235744 w 555129"/>
                <a:gd name="connsiteY3" fmla="*/ 167378 h 586480"/>
                <a:gd name="connsiteX4" fmla="*/ 409575 w 555129"/>
                <a:gd name="connsiteY4" fmla="*/ 7835 h 586480"/>
                <a:gd name="connsiteX5" fmla="*/ 450057 w 555129"/>
                <a:gd name="connsiteY5" fmla="*/ 26885 h 586480"/>
                <a:gd name="connsiteX6" fmla="*/ 352426 w 555129"/>
                <a:gd name="connsiteY6" fmla="*/ 176904 h 586480"/>
                <a:gd name="connsiteX7" fmla="*/ 464344 w 555129"/>
                <a:gd name="connsiteY7" fmla="*/ 38791 h 586480"/>
                <a:gd name="connsiteX8" fmla="*/ 497681 w 555129"/>
                <a:gd name="connsiteY8" fmla="*/ 53079 h 586480"/>
                <a:gd name="connsiteX9" fmla="*/ 438150 w 555129"/>
                <a:gd name="connsiteY9" fmla="*/ 160236 h 586480"/>
                <a:gd name="connsiteX10" fmla="*/ 521494 w 555129"/>
                <a:gd name="connsiteY10" fmla="*/ 84034 h 586480"/>
                <a:gd name="connsiteX11" fmla="*/ 545307 w 555129"/>
                <a:gd name="connsiteY11" fmla="*/ 105466 h 586480"/>
                <a:gd name="connsiteX12" fmla="*/ 450058 w 555129"/>
                <a:gd name="connsiteY12" fmla="*/ 234054 h 586480"/>
                <a:gd name="connsiteX13" fmla="*/ 538162 w 555129"/>
                <a:gd name="connsiteY13" fmla="*/ 167379 h 586480"/>
                <a:gd name="connsiteX14" fmla="*/ 526256 w 555129"/>
                <a:gd name="connsiteY14" fmla="*/ 236434 h 586480"/>
                <a:gd name="connsiteX15" fmla="*/ 276225 w 555129"/>
                <a:gd name="connsiteY15" fmla="*/ 410267 h 586480"/>
                <a:gd name="connsiteX16" fmla="*/ 176213 w 555129"/>
                <a:gd name="connsiteY16" fmla="*/ 586480 h 586480"/>
                <a:gd name="connsiteX17" fmla="*/ 73819 w 555129"/>
                <a:gd name="connsiteY17" fmla="*/ 515042 h 586480"/>
                <a:gd name="connsiteX18" fmla="*/ 0 w 555129"/>
                <a:gd name="connsiteY18" fmla="*/ 512660 h 586480"/>
                <a:gd name="connsiteX19" fmla="*/ 111919 w 555129"/>
                <a:gd name="connsiteY19" fmla="*/ 319778 h 586480"/>
                <a:gd name="connsiteX20" fmla="*/ 166688 w 555129"/>
                <a:gd name="connsiteY20" fmla="*/ 122135 h 586480"/>
                <a:gd name="connsiteX0" fmla="*/ 166688 w 555129"/>
                <a:gd name="connsiteY0" fmla="*/ 122135 h 586480"/>
                <a:gd name="connsiteX1" fmla="*/ 204788 w 555129"/>
                <a:gd name="connsiteY1" fmla="*/ 19741 h 586480"/>
                <a:gd name="connsiteX2" fmla="*/ 254794 w 555129"/>
                <a:gd name="connsiteY2" fmla="*/ 88797 h 586480"/>
                <a:gd name="connsiteX3" fmla="*/ 235744 w 555129"/>
                <a:gd name="connsiteY3" fmla="*/ 167378 h 586480"/>
                <a:gd name="connsiteX4" fmla="*/ 409575 w 555129"/>
                <a:gd name="connsiteY4" fmla="*/ 7835 h 586480"/>
                <a:gd name="connsiteX5" fmla="*/ 450057 w 555129"/>
                <a:gd name="connsiteY5" fmla="*/ 26885 h 586480"/>
                <a:gd name="connsiteX6" fmla="*/ 352426 w 555129"/>
                <a:gd name="connsiteY6" fmla="*/ 176904 h 586480"/>
                <a:gd name="connsiteX7" fmla="*/ 464344 w 555129"/>
                <a:gd name="connsiteY7" fmla="*/ 38791 h 586480"/>
                <a:gd name="connsiteX8" fmla="*/ 497681 w 555129"/>
                <a:gd name="connsiteY8" fmla="*/ 53079 h 586480"/>
                <a:gd name="connsiteX9" fmla="*/ 438150 w 555129"/>
                <a:gd name="connsiteY9" fmla="*/ 160236 h 586480"/>
                <a:gd name="connsiteX10" fmla="*/ 521494 w 555129"/>
                <a:gd name="connsiteY10" fmla="*/ 84034 h 586480"/>
                <a:gd name="connsiteX11" fmla="*/ 545307 w 555129"/>
                <a:gd name="connsiteY11" fmla="*/ 105466 h 586480"/>
                <a:gd name="connsiteX12" fmla="*/ 450058 w 555129"/>
                <a:gd name="connsiteY12" fmla="*/ 234054 h 586480"/>
                <a:gd name="connsiteX13" fmla="*/ 538162 w 555129"/>
                <a:gd name="connsiteY13" fmla="*/ 167379 h 586480"/>
                <a:gd name="connsiteX14" fmla="*/ 526256 w 555129"/>
                <a:gd name="connsiteY14" fmla="*/ 236434 h 586480"/>
                <a:gd name="connsiteX15" fmla="*/ 276225 w 555129"/>
                <a:gd name="connsiteY15" fmla="*/ 410267 h 586480"/>
                <a:gd name="connsiteX16" fmla="*/ 176213 w 555129"/>
                <a:gd name="connsiteY16" fmla="*/ 586480 h 586480"/>
                <a:gd name="connsiteX17" fmla="*/ 73819 w 555129"/>
                <a:gd name="connsiteY17" fmla="*/ 515042 h 586480"/>
                <a:gd name="connsiteX18" fmla="*/ 0 w 555129"/>
                <a:gd name="connsiteY18" fmla="*/ 512660 h 586480"/>
                <a:gd name="connsiteX19" fmla="*/ 111919 w 555129"/>
                <a:gd name="connsiteY19" fmla="*/ 319778 h 586480"/>
                <a:gd name="connsiteX20" fmla="*/ 166688 w 555129"/>
                <a:gd name="connsiteY20" fmla="*/ 122135 h 586480"/>
                <a:gd name="connsiteX0" fmla="*/ 166688 w 555129"/>
                <a:gd name="connsiteY0" fmla="*/ 122135 h 586480"/>
                <a:gd name="connsiteX1" fmla="*/ 204788 w 555129"/>
                <a:gd name="connsiteY1" fmla="*/ 19741 h 586480"/>
                <a:gd name="connsiteX2" fmla="*/ 254794 w 555129"/>
                <a:gd name="connsiteY2" fmla="*/ 88797 h 586480"/>
                <a:gd name="connsiteX3" fmla="*/ 235744 w 555129"/>
                <a:gd name="connsiteY3" fmla="*/ 167378 h 586480"/>
                <a:gd name="connsiteX4" fmla="*/ 409575 w 555129"/>
                <a:gd name="connsiteY4" fmla="*/ 7835 h 586480"/>
                <a:gd name="connsiteX5" fmla="*/ 450057 w 555129"/>
                <a:gd name="connsiteY5" fmla="*/ 26885 h 586480"/>
                <a:gd name="connsiteX6" fmla="*/ 352426 w 555129"/>
                <a:gd name="connsiteY6" fmla="*/ 176904 h 586480"/>
                <a:gd name="connsiteX7" fmla="*/ 464344 w 555129"/>
                <a:gd name="connsiteY7" fmla="*/ 38791 h 586480"/>
                <a:gd name="connsiteX8" fmla="*/ 497681 w 555129"/>
                <a:gd name="connsiteY8" fmla="*/ 53079 h 586480"/>
                <a:gd name="connsiteX9" fmla="*/ 438150 w 555129"/>
                <a:gd name="connsiteY9" fmla="*/ 160236 h 586480"/>
                <a:gd name="connsiteX10" fmla="*/ 521494 w 555129"/>
                <a:gd name="connsiteY10" fmla="*/ 84034 h 586480"/>
                <a:gd name="connsiteX11" fmla="*/ 545307 w 555129"/>
                <a:gd name="connsiteY11" fmla="*/ 105466 h 586480"/>
                <a:gd name="connsiteX12" fmla="*/ 450058 w 555129"/>
                <a:gd name="connsiteY12" fmla="*/ 234054 h 586480"/>
                <a:gd name="connsiteX13" fmla="*/ 538162 w 555129"/>
                <a:gd name="connsiteY13" fmla="*/ 167379 h 586480"/>
                <a:gd name="connsiteX14" fmla="*/ 526256 w 555129"/>
                <a:gd name="connsiteY14" fmla="*/ 236434 h 586480"/>
                <a:gd name="connsiteX15" fmla="*/ 276225 w 555129"/>
                <a:gd name="connsiteY15" fmla="*/ 410267 h 586480"/>
                <a:gd name="connsiteX16" fmla="*/ 176213 w 555129"/>
                <a:gd name="connsiteY16" fmla="*/ 586480 h 586480"/>
                <a:gd name="connsiteX17" fmla="*/ 73819 w 555129"/>
                <a:gd name="connsiteY17" fmla="*/ 515042 h 586480"/>
                <a:gd name="connsiteX18" fmla="*/ 0 w 555129"/>
                <a:gd name="connsiteY18" fmla="*/ 512660 h 586480"/>
                <a:gd name="connsiteX19" fmla="*/ 111919 w 555129"/>
                <a:gd name="connsiteY19" fmla="*/ 319778 h 586480"/>
                <a:gd name="connsiteX20" fmla="*/ 166688 w 555129"/>
                <a:gd name="connsiteY20" fmla="*/ 122135 h 586480"/>
                <a:gd name="connsiteX0" fmla="*/ 166688 w 555129"/>
                <a:gd name="connsiteY0" fmla="*/ 122135 h 586480"/>
                <a:gd name="connsiteX1" fmla="*/ 204788 w 555129"/>
                <a:gd name="connsiteY1" fmla="*/ 19741 h 586480"/>
                <a:gd name="connsiteX2" fmla="*/ 254794 w 555129"/>
                <a:gd name="connsiteY2" fmla="*/ 88797 h 586480"/>
                <a:gd name="connsiteX3" fmla="*/ 235744 w 555129"/>
                <a:gd name="connsiteY3" fmla="*/ 167378 h 586480"/>
                <a:gd name="connsiteX4" fmla="*/ 409575 w 555129"/>
                <a:gd name="connsiteY4" fmla="*/ 7835 h 586480"/>
                <a:gd name="connsiteX5" fmla="*/ 450057 w 555129"/>
                <a:gd name="connsiteY5" fmla="*/ 26885 h 586480"/>
                <a:gd name="connsiteX6" fmla="*/ 352426 w 555129"/>
                <a:gd name="connsiteY6" fmla="*/ 176904 h 586480"/>
                <a:gd name="connsiteX7" fmla="*/ 464344 w 555129"/>
                <a:gd name="connsiteY7" fmla="*/ 38791 h 586480"/>
                <a:gd name="connsiteX8" fmla="*/ 497681 w 555129"/>
                <a:gd name="connsiteY8" fmla="*/ 53079 h 586480"/>
                <a:gd name="connsiteX9" fmla="*/ 438150 w 555129"/>
                <a:gd name="connsiteY9" fmla="*/ 160236 h 586480"/>
                <a:gd name="connsiteX10" fmla="*/ 521494 w 555129"/>
                <a:gd name="connsiteY10" fmla="*/ 84034 h 586480"/>
                <a:gd name="connsiteX11" fmla="*/ 545307 w 555129"/>
                <a:gd name="connsiteY11" fmla="*/ 105466 h 586480"/>
                <a:gd name="connsiteX12" fmla="*/ 450058 w 555129"/>
                <a:gd name="connsiteY12" fmla="*/ 234054 h 586480"/>
                <a:gd name="connsiteX13" fmla="*/ 538162 w 555129"/>
                <a:gd name="connsiteY13" fmla="*/ 167379 h 586480"/>
                <a:gd name="connsiteX14" fmla="*/ 526256 w 555129"/>
                <a:gd name="connsiteY14" fmla="*/ 236434 h 586480"/>
                <a:gd name="connsiteX15" fmla="*/ 276225 w 555129"/>
                <a:gd name="connsiteY15" fmla="*/ 410267 h 586480"/>
                <a:gd name="connsiteX16" fmla="*/ 176213 w 555129"/>
                <a:gd name="connsiteY16" fmla="*/ 586480 h 586480"/>
                <a:gd name="connsiteX17" fmla="*/ 73819 w 555129"/>
                <a:gd name="connsiteY17" fmla="*/ 515042 h 586480"/>
                <a:gd name="connsiteX18" fmla="*/ 0 w 555129"/>
                <a:gd name="connsiteY18" fmla="*/ 512660 h 586480"/>
                <a:gd name="connsiteX19" fmla="*/ 111919 w 555129"/>
                <a:gd name="connsiteY19" fmla="*/ 319778 h 586480"/>
                <a:gd name="connsiteX20" fmla="*/ 166688 w 555129"/>
                <a:gd name="connsiteY20" fmla="*/ 122135 h 586480"/>
                <a:gd name="connsiteX0" fmla="*/ 166688 w 555129"/>
                <a:gd name="connsiteY0" fmla="*/ 122135 h 586480"/>
                <a:gd name="connsiteX1" fmla="*/ 204788 w 555129"/>
                <a:gd name="connsiteY1" fmla="*/ 19741 h 586480"/>
                <a:gd name="connsiteX2" fmla="*/ 254794 w 555129"/>
                <a:gd name="connsiteY2" fmla="*/ 88797 h 586480"/>
                <a:gd name="connsiteX3" fmla="*/ 235744 w 555129"/>
                <a:gd name="connsiteY3" fmla="*/ 167378 h 586480"/>
                <a:gd name="connsiteX4" fmla="*/ 409575 w 555129"/>
                <a:gd name="connsiteY4" fmla="*/ 7835 h 586480"/>
                <a:gd name="connsiteX5" fmla="*/ 450057 w 555129"/>
                <a:gd name="connsiteY5" fmla="*/ 26885 h 586480"/>
                <a:gd name="connsiteX6" fmla="*/ 352426 w 555129"/>
                <a:gd name="connsiteY6" fmla="*/ 176904 h 586480"/>
                <a:gd name="connsiteX7" fmla="*/ 464344 w 555129"/>
                <a:gd name="connsiteY7" fmla="*/ 38791 h 586480"/>
                <a:gd name="connsiteX8" fmla="*/ 497681 w 555129"/>
                <a:gd name="connsiteY8" fmla="*/ 53079 h 586480"/>
                <a:gd name="connsiteX9" fmla="*/ 438150 w 555129"/>
                <a:gd name="connsiteY9" fmla="*/ 160236 h 586480"/>
                <a:gd name="connsiteX10" fmla="*/ 521494 w 555129"/>
                <a:gd name="connsiteY10" fmla="*/ 84034 h 586480"/>
                <a:gd name="connsiteX11" fmla="*/ 545307 w 555129"/>
                <a:gd name="connsiteY11" fmla="*/ 105466 h 586480"/>
                <a:gd name="connsiteX12" fmla="*/ 450058 w 555129"/>
                <a:gd name="connsiteY12" fmla="*/ 234054 h 586480"/>
                <a:gd name="connsiteX13" fmla="*/ 538162 w 555129"/>
                <a:gd name="connsiteY13" fmla="*/ 167379 h 586480"/>
                <a:gd name="connsiteX14" fmla="*/ 526256 w 555129"/>
                <a:gd name="connsiteY14" fmla="*/ 236434 h 586480"/>
                <a:gd name="connsiteX15" fmla="*/ 276225 w 555129"/>
                <a:gd name="connsiteY15" fmla="*/ 410267 h 586480"/>
                <a:gd name="connsiteX16" fmla="*/ 176213 w 555129"/>
                <a:gd name="connsiteY16" fmla="*/ 586480 h 586480"/>
                <a:gd name="connsiteX17" fmla="*/ 73819 w 555129"/>
                <a:gd name="connsiteY17" fmla="*/ 515042 h 586480"/>
                <a:gd name="connsiteX18" fmla="*/ 0 w 555129"/>
                <a:gd name="connsiteY18" fmla="*/ 512660 h 586480"/>
                <a:gd name="connsiteX19" fmla="*/ 111919 w 555129"/>
                <a:gd name="connsiteY19" fmla="*/ 319778 h 586480"/>
                <a:gd name="connsiteX20" fmla="*/ 166688 w 555129"/>
                <a:gd name="connsiteY20" fmla="*/ 122135 h 586480"/>
                <a:gd name="connsiteX0" fmla="*/ 166688 w 555129"/>
                <a:gd name="connsiteY0" fmla="*/ 122595 h 586940"/>
                <a:gd name="connsiteX1" fmla="*/ 204788 w 555129"/>
                <a:gd name="connsiteY1" fmla="*/ 20201 h 586940"/>
                <a:gd name="connsiteX2" fmla="*/ 254794 w 555129"/>
                <a:gd name="connsiteY2" fmla="*/ 89257 h 586940"/>
                <a:gd name="connsiteX3" fmla="*/ 235744 w 555129"/>
                <a:gd name="connsiteY3" fmla="*/ 167838 h 586940"/>
                <a:gd name="connsiteX4" fmla="*/ 409575 w 555129"/>
                <a:gd name="connsiteY4" fmla="*/ 8295 h 586940"/>
                <a:gd name="connsiteX5" fmla="*/ 450057 w 555129"/>
                <a:gd name="connsiteY5" fmla="*/ 27345 h 586940"/>
                <a:gd name="connsiteX6" fmla="*/ 352426 w 555129"/>
                <a:gd name="connsiteY6" fmla="*/ 177364 h 586940"/>
                <a:gd name="connsiteX7" fmla="*/ 464344 w 555129"/>
                <a:gd name="connsiteY7" fmla="*/ 39251 h 586940"/>
                <a:gd name="connsiteX8" fmla="*/ 497681 w 555129"/>
                <a:gd name="connsiteY8" fmla="*/ 53539 h 586940"/>
                <a:gd name="connsiteX9" fmla="*/ 438150 w 555129"/>
                <a:gd name="connsiteY9" fmla="*/ 160696 h 586940"/>
                <a:gd name="connsiteX10" fmla="*/ 521494 w 555129"/>
                <a:gd name="connsiteY10" fmla="*/ 84494 h 586940"/>
                <a:gd name="connsiteX11" fmla="*/ 545307 w 555129"/>
                <a:gd name="connsiteY11" fmla="*/ 105926 h 586940"/>
                <a:gd name="connsiteX12" fmla="*/ 450058 w 555129"/>
                <a:gd name="connsiteY12" fmla="*/ 234514 h 586940"/>
                <a:gd name="connsiteX13" fmla="*/ 538162 w 555129"/>
                <a:gd name="connsiteY13" fmla="*/ 167839 h 586940"/>
                <a:gd name="connsiteX14" fmla="*/ 526256 w 555129"/>
                <a:gd name="connsiteY14" fmla="*/ 236894 h 586940"/>
                <a:gd name="connsiteX15" fmla="*/ 276225 w 555129"/>
                <a:gd name="connsiteY15" fmla="*/ 410727 h 586940"/>
                <a:gd name="connsiteX16" fmla="*/ 176213 w 555129"/>
                <a:gd name="connsiteY16" fmla="*/ 586940 h 586940"/>
                <a:gd name="connsiteX17" fmla="*/ 73819 w 555129"/>
                <a:gd name="connsiteY17" fmla="*/ 515502 h 586940"/>
                <a:gd name="connsiteX18" fmla="*/ 0 w 555129"/>
                <a:gd name="connsiteY18" fmla="*/ 513120 h 586940"/>
                <a:gd name="connsiteX19" fmla="*/ 111919 w 555129"/>
                <a:gd name="connsiteY19" fmla="*/ 320238 h 586940"/>
                <a:gd name="connsiteX20" fmla="*/ 166688 w 555129"/>
                <a:gd name="connsiteY20" fmla="*/ 122595 h 586940"/>
                <a:gd name="connsiteX0" fmla="*/ 166688 w 555129"/>
                <a:gd name="connsiteY0" fmla="*/ 118297 h 582642"/>
                <a:gd name="connsiteX1" fmla="*/ 204788 w 555129"/>
                <a:gd name="connsiteY1" fmla="*/ 15903 h 582642"/>
                <a:gd name="connsiteX2" fmla="*/ 254794 w 555129"/>
                <a:gd name="connsiteY2" fmla="*/ 84959 h 582642"/>
                <a:gd name="connsiteX3" fmla="*/ 235744 w 555129"/>
                <a:gd name="connsiteY3" fmla="*/ 163540 h 582642"/>
                <a:gd name="connsiteX4" fmla="*/ 409575 w 555129"/>
                <a:gd name="connsiteY4" fmla="*/ 3997 h 582642"/>
                <a:gd name="connsiteX5" fmla="*/ 450057 w 555129"/>
                <a:gd name="connsiteY5" fmla="*/ 23047 h 582642"/>
                <a:gd name="connsiteX6" fmla="*/ 352426 w 555129"/>
                <a:gd name="connsiteY6" fmla="*/ 173066 h 582642"/>
                <a:gd name="connsiteX7" fmla="*/ 464344 w 555129"/>
                <a:gd name="connsiteY7" fmla="*/ 34953 h 582642"/>
                <a:gd name="connsiteX8" fmla="*/ 497681 w 555129"/>
                <a:gd name="connsiteY8" fmla="*/ 49241 h 582642"/>
                <a:gd name="connsiteX9" fmla="*/ 438150 w 555129"/>
                <a:gd name="connsiteY9" fmla="*/ 156398 h 582642"/>
                <a:gd name="connsiteX10" fmla="*/ 521494 w 555129"/>
                <a:gd name="connsiteY10" fmla="*/ 80196 h 582642"/>
                <a:gd name="connsiteX11" fmla="*/ 545307 w 555129"/>
                <a:gd name="connsiteY11" fmla="*/ 101628 h 582642"/>
                <a:gd name="connsiteX12" fmla="*/ 450058 w 555129"/>
                <a:gd name="connsiteY12" fmla="*/ 230216 h 582642"/>
                <a:gd name="connsiteX13" fmla="*/ 538162 w 555129"/>
                <a:gd name="connsiteY13" fmla="*/ 163541 h 582642"/>
                <a:gd name="connsiteX14" fmla="*/ 526256 w 555129"/>
                <a:gd name="connsiteY14" fmla="*/ 232596 h 582642"/>
                <a:gd name="connsiteX15" fmla="*/ 276225 w 555129"/>
                <a:gd name="connsiteY15" fmla="*/ 406429 h 582642"/>
                <a:gd name="connsiteX16" fmla="*/ 176213 w 555129"/>
                <a:gd name="connsiteY16" fmla="*/ 582642 h 582642"/>
                <a:gd name="connsiteX17" fmla="*/ 73819 w 555129"/>
                <a:gd name="connsiteY17" fmla="*/ 511204 h 582642"/>
                <a:gd name="connsiteX18" fmla="*/ 0 w 555129"/>
                <a:gd name="connsiteY18" fmla="*/ 508822 h 582642"/>
                <a:gd name="connsiteX19" fmla="*/ 111919 w 555129"/>
                <a:gd name="connsiteY19" fmla="*/ 315940 h 582642"/>
                <a:gd name="connsiteX20" fmla="*/ 166688 w 555129"/>
                <a:gd name="connsiteY20" fmla="*/ 118297 h 582642"/>
                <a:gd name="connsiteX0" fmla="*/ 166688 w 555129"/>
                <a:gd name="connsiteY0" fmla="*/ 118140 h 582485"/>
                <a:gd name="connsiteX1" fmla="*/ 204788 w 555129"/>
                <a:gd name="connsiteY1" fmla="*/ 15746 h 582485"/>
                <a:gd name="connsiteX2" fmla="*/ 254794 w 555129"/>
                <a:gd name="connsiteY2" fmla="*/ 84802 h 582485"/>
                <a:gd name="connsiteX3" fmla="*/ 235744 w 555129"/>
                <a:gd name="connsiteY3" fmla="*/ 163383 h 582485"/>
                <a:gd name="connsiteX4" fmla="*/ 409575 w 555129"/>
                <a:gd name="connsiteY4" fmla="*/ 3840 h 582485"/>
                <a:gd name="connsiteX5" fmla="*/ 446797 w 555129"/>
                <a:gd name="connsiteY5" fmla="*/ 23977 h 582485"/>
                <a:gd name="connsiteX6" fmla="*/ 352426 w 555129"/>
                <a:gd name="connsiteY6" fmla="*/ 172909 h 582485"/>
                <a:gd name="connsiteX7" fmla="*/ 464344 w 555129"/>
                <a:gd name="connsiteY7" fmla="*/ 34796 h 582485"/>
                <a:gd name="connsiteX8" fmla="*/ 497681 w 555129"/>
                <a:gd name="connsiteY8" fmla="*/ 49084 h 582485"/>
                <a:gd name="connsiteX9" fmla="*/ 438150 w 555129"/>
                <a:gd name="connsiteY9" fmla="*/ 156241 h 582485"/>
                <a:gd name="connsiteX10" fmla="*/ 521494 w 555129"/>
                <a:gd name="connsiteY10" fmla="*/ 80039 h 582485"/>
                <a:gd name="connsiteX11" fmla="*/ 545307 w 555129"/>
                <a:gd name="connsiteY11" fmla="*/ 101471 h 582485"/>
                <a:gd name="connsiteX12" fmla="*/ 450058 w 555129"/>
                <a:gd name="connsiteY12" fmla="*/ 230059 h 582485"/>
                <a:gd name="connsiteX13" fmla="*/ 538162 w 555129"/>
                <a:gd name="connsiteY13" fmla="*/ 163384 h 582485"/>
                <a:gd name="connsiteX14" fmla="*/ 526256 w 555129"/>
                <a:gd name="connsiteY14" fmla="*/ 232439 h 582485"/>
                <a:gd name="connsiteX15" fmla="*/ 276225 w 555129"/>
                <a:gd name="connsiteY15" fmla="*/ 406272 h 582485"/>
                <a:gd name="connsiteX16" fmla="*/ 176213 w 555129"/>
                <a:gd name="connsiteY16" fmla="*/ 582485 h 582485"/>
                <a:gd name="connsiteX17" fmla="*/ 73819 w 555129"/>
                <a:gd name="connsiteY17" fmla="*/ 511047 h 582485"/>
                <a:gd name="connsiteX18" fmla="*/ 0 w 555129"/>
                <a:gd name="connsiteY18" fmla="*/ 508665 h 582485"/>
                <a:gd name="connsiteX19" fmla="*/ 111919 w 555129"/>
                <a:gd name="connsiteY19" fmla="*/ 315783 h 582485"/>
                <a:gd name="connsiteX20" fmla="*/ 166688 w 555129"/>
                <a:gd name="connsiteY20" fmla="*/ 118140 h 582485"/>
                <a:gd name="connsiteX0" fmla="*/ 166688 w 555129"/>
                <a:gd name="connsiteY0" fmla="*/ 120422 h 584767"/>
                <a:gd name="connsiteX1" fmla="*/ 204788 w 555129"/>
                <a:gd name="connsiteY1" fmla="*/ 18028 h 584767"/>
                <a:gd name="connsiteX2" fmla="*/ 254794 w 555129"/>
                <a:gd name="connsiteY2" fmla="*/ 87084 h 584767"/>
                <a:gd name="connsiteX3" fmla="*/ 235744 w 555129"/>
                <a:gd name="connsiteY3" fmla="*/ 165665 h 584767"/>
                <a:gd name="connsiteX4" fmla="*/ 409575 w 555129"/>
                <a:gd name="connsiteY4" fmla="*/ 6122 h 584767"/>
                <a:gd name="connsiteX5" fmla="*/ 446797 w 555129"/>
                <a:gd name="connsiteY5" fmla="*/ 26259 h 584767"/>
                <a:gd name="connsiteX6" fmla="*/ 352426 w 555129"/>
                <a:gd name="connsiteY6" fmla="*/ 175191 h 584767"/>
                <a:gd name="connsiteX7" fmla="*/ 464344 w 555129"/>
                <a:gd name="connsiteY7" fmla="*/ 37078 h 584767"/>
                <a:gd name="connsiteX8" fmla="*/ 497681 w 555129"/>
                <a:gd name="connsiteY8" fmla="*/ 51366 h 584767"/>
                <a:gd name="connsiteX9" fmla="*/ 438150 w 555129"/>
                <a:gd name="connsiteY9" fmla="*/ 158523 h 584767"/>
                <a:gd name="connsiteX10" fmla="*/ 521494 w 555129"/>
                <a:gd name="connsiteY10" fmla="*/ 82321 h 584767"/>
                <a:gd name="connsiteX11" fmla="*/ 545307 w 555129"/>
                <a:gd name="connsiteY11" fmla="*/ 103753 h 584767"/>
                <a:gd name="connsiteX12" fmla="*/ 450058 w 555129"/>
                <a:gd name="connsiteY12" fmla="*/ 232341 h 584767"/>
                <a:gd name="connsiteX13" fmla="*/ 538162 w 555129"/>
                <a:gd name="connsiteY13" fmla="*/ 165666 h 584767"/>
                <a:gd name="connsiteX14" fmla="*/ 526256 w 555129"/>
                <a:gd name="connsiteY14" fmla="*/ 234721 h 584767"/>
                <a:gd name="connsiteX15" fmla="*/ 276225 w 555129"/>
                <a:gd name="connsiteY15" fmla="*/ 408554 h 584767"/>
                <a:gd name="connsiteX16" fmla="*/ 176213 w 555129"/>
                <a:gd name="connsiteY16" fmla="*/ 584767 h 584767"/>
                <a:gd name="connsiteX17" fmla="*/ 73819 w 555129"/>
                <a:gd name="connsiteY17" fmla="*/ 513329 h 584767"/>
                <a:gd name="connsiteX18" fmla="*/ 0 w 555129"/>
                <a:gd name="connsiteY18" fmla="*/ 510947 h 584767"/>
                <a:gd name="connsiteX19" fmla="*/ 111919 w 555129"/>
                <a:gd name="connsiteY19" fmla="*/ 318065 h 584767"/>
                <a:gd name="connsiteX20" fmla="*/ 166688 w 555129"/>
                <a:gd name="connsiteY20" fmla="*/ 120422 h 584767"/>
                <a:gd name="connsiteX0" fmla="*/ 166688 w 555129"/>
                <a:gd name="connsiteY0" fmla="*/ 120422 h 584767"/>
                <a:gd name="connsiteX1" fmla="*/ 204788 w 555129"/>
                <a:gd name="connsiteY1" fmla="*/ 18028 h 584767"/>
                <a:gd name="connsiteX2" fmla="*/ 254794 w 555129"/>
                <a:gd name="connsiteY2" fmla="*/ 87084 h 584767"/>
                <a:gd name="connsiteX3" fmla="*/ 235744 w 555129"/>
                <a:gd name="connsiteY3" fmla="*/ 165665 h 584767"/>
                <a:gd name="connsiteX4" fmla="*/ 409575 w 555129"/>
                <a:gd name="connsiteY4" fmla="*/ 6122 h 584767"/>
                <a:gd name="connsiteX5" fmla="*/ 446797 w 555129"/>
                <a:gd name="connsiteY5" fmla="*/ 26259 h 584767"/>
                <a:gd name="connsiteX6" fmla="*/ 352426 w 555129"/>
                <a:gd name="connsiteY6" fmla="*/ 175191 h 584767"/>
                <a:gd name="connsiteX7" fmla="*/ 464344 w 555129"/>
                <a:gd name="connsiteY7" fmla="*/ 37078 h 584767"/>
                <a:gd name="connsiteX8" fmla="*/ 497681 w 555129"/>
                <a:gd name="connsiteY8" fmla="*/ 51366 h 584767"/>
                <a:gd name="connsiteX9" fmla="*/ 438150 w 555129"/>
                <a:gd name="connsiteY9" fmla="*/ 158523 h 584767"/>
                <a:gd name="connsiteX10" fmla="*/ 521494 w 555129"/>
                <a:gd name="connsiteY10" fmla="*/ 82321 h 584767"/>
                <a:gd name="connsiteX11" fmla="*/ 545307 w 555129"/>
                <a:gd name="connsiteY11" fmla="*/ 103753 h 584767"/>
                <a:gd name="connsiteX12" fmla="*/ 450058 w 555129"/>
                <a:gd name="connsiteY12" fmla="*/ 232341 h 584767"/>
                <a:gd name="connsiteX13" fmla="*/ 538162 w 555129"/>
                <a:gd name="connsiteY13" fmla="*/ 165666 h 584767"/>
                <a:gd name="connsiteX14" fmla="*/ 526256 w 555129"/>
                <a:gd name="connsiteY14" fmla="*/ 234721 h 584767"/>
                <a:gd name="connsiteX15" fmla="*/ 276225 w 555129"/>
                <a:gd name="connsiteY15" fmla="*/ 408554 h 584767"/>
                <a:gd name="connsiteX16" fmla="*/ 176213 w 555129"/>
                <a:gd name="connsiteY16" fmla="*/ 584767 h 584767"/>
                <a:gd name="connsiteX17" fmla="*/ 73819 w 555129"/>
                <a:gd name="connsiteY17" fmla="*/ 513329 h 584767"/>
                <a:gd name="connsiteX18" fmla="*/ 0 w 555129"/>
                <a:gd name="connsiteY18" fmla="*/ 510947 h 584767"/>
                <a:gd name="connsiteX19" fmla="*/ 111919 w 555129"/>
                <a:gd name="connsiteY19" fmla="*/ 318065 h 584767"/>
                <a:gd name="connsiteX20" fmla="*/ 166688 w 555129"/>
                <a:gd name="connsiteY20" fmla="*/ 120422 h 584767"/>
                <a:gd name="connsiteX0" fmla="*/ 166688 w 555129"/>
                <a:gd name="connsiteY0" fmla="*/ 120422 h 584767"/>
                <a:gd name="connsiteX1" fmla="*/ 204788 w 555129"/>
                <a:gd name="connsiteY1" fmla="*/ 18028 h 584767"/>
                <a:gd name="connsiteX2" fmla="*/ 254794 w 555129"/>
                <a:gd name="connsiteY2" fmla="*/ 87084 h 584767"/>
                <a:gd name="connsiteX3" fmla="*/ 235744 w 555129"/>
                <a:gd name="connsiteY3" fmla="*/ 165665 h 584767"/>
                <a:gd name="connsiteX4" fmla="*/ 409575 w 555129"/>
                <a:gd name="connsiteY4" fmla="*/ 6122 h 584767"/>
                <a:gd name="connsiteX5" fmla="*/ 446797 w 555129"/>
                <a:gd name="connsiteY5" fmla="*/ 26259 h 584767"/>
                <a:gd name="connsiteX6" fmla="*/ 352426 w 555129"/>
                <a:gd name="connsiteY6" fmla="*/ 175191 h 584767"/>
                <a:gd name="connsiteX7" fmla="*/ 464344 w 555129"/>
                <a:gd name="connsiteY7" fmla="*/ 37078 h 584767"/>
                <a:gd name="connsiteX8" fmla="*/ 497681 w 555129"/>
                <a:gd name="connsiteY8" fmla="*/ 51366 h 584767"/>
                <a:gd name="connsiteX9" fmla="*/ 438150 w 555129"/>
                <a:gd name="connsiteY9" fmla="*/ 158523 h 584767"/>
                <a:gd name="connsiteX10" fmla="*/ 521494 w 555129"/>
                <a:gd name="connsiteY10" fmla="*/ 82321 h 584767"/>
                <a:gd name="connsiteX11" fmla="*/ 545307 w 555129"/>
                <a:gd name="connsiteY11" fmla="*/ 103753 h 584767"/>
                <a:gd name="connsiteX12" fmla="*/ 450058 w 555129"/>
                <a:gd name="connsiteY12" fmla="*/ 232341 h 584767"/>
                <a:gd name="connsiteX13" fmla="*/ 538162 w 555129"/>
                <a:gd name="connsiteY13" fmla="*/ 165666 h 584767"/>
                <a:gd name="connsiteX14" fmla="*/ 526256 w 555129"/>
                <a:gd name="connsiteY14" fmla="*/ 234721 h 584767"/>
                <a:gd name="connsiteX15" fmla="*/ 276225 w 555129"/>
                <a:gd name="connsiteY15" fmla="*/ 408554 h 584767"/>
                <a:gd name="connsiteX16" fmla="*/ 176213 w 555129"/>
                <a:gd name="connsiteY16" fmla="*/ 584767 h 584767"/>
                <a:gd name="connsiteX17" fmla="*/ 73819 w 555129"/>
                <a:gd name="connsiteY17" fmla="*/ 513329 h 584767"/>
                <a:gd name="connsiteX18" fmla="*/ 0 w 555129"/>
                <a:gd name="connsiteY18" fmla="*/ 510947 h 584767"/>
                <a:gd name="connsiteX19" fmla="*/ 111919 w 555129"/>
                <a:gd name="connsiteY19" fmla="*/ 318065 h 584767"/>
                <a:gd name="connsiteX20" fmla="*/ 166688 w 555129"/>
                <a:gd name="connsiteY20" fmla="*/ 120422 h 584767"/>
                <a:gd name="connsiteX0" fmla="*/ 166688 w 555129"/>
                <a:gd name="connsiteY0" fmla="*/ 120422 h 584767"/>
                <a:gd name="connsiteX1" fmla="*/ 204788 w 555129"/>
                <a:gd name="connsiteY1" fmla="*/ 18028 h 584767"/>
                <a:gd name="connsiteX2" fmla="*/ 254794 w 555129"/>
                <a:gd name="connsiteY2" fmla="*/ 87084 h 584767"/>
                <a:gd name="connsiteX3" fmla="*/ 235744 w 555129"/>
                <a:gd name="connsiteY3" fmla="*/ 165665 h 584767"/>
                <a:gd name="connsiteX4" fmla="*/ 409575 w 555129"/>
                <a:gd name="connsiteY4" fmla="*/ 6122 h 584767"/>
                <a:gd name="connsiteX5" fmla="*/ 446797 w 555129"/>
                <a:gd name="connsiteY5" fmla="*/ 26259 h 584767"/>
                <a:gd name="connsiteX6" fmla="*/ 352426 w 555129"/>
                <a:gd name="connsiteY6" fmla="*/ 175191 h 584767"/>
                <a:gd name="connsiteX7" fmla="*/ 464344 w 555129"/>
                <a:gd name="connsiteY7" fmla="*/ 37078 h 584767"/>
                <a:gd name="connsiteX8" fmla="*/ 497681 w 555129"/>
                <a:gd name="connsiteY8" fmla="*/ 51366 h 584767"/>
                <a:gd name="connsiteX9" fmla="*/ 438150 w 555129"/>
                <a:gd name="connsiteY9" fmla="*/ 158523 h 584767"/>
                <a:gd name="connsiteX10" fmla="*/ 521494 w 555129"/>
                <a:gd name="connsiteY10" fmla="*/ 82321 h 584767"/>
                <a:gd name="connsiteX11" fmla="*/ 545307 w 555129"/>
                <a:gd name="connsiteY11" fmla="*/ 103753 h 584767"/>
                <a:gd name="connsiteX12" fmla="*/ 450058 w 555129"/>
                <a:gd name="connsiteY12" fmla="*/ 232341 h 584767"/>
                <a:gd name="connsiteX13" fmla="*/ 538162 w 555129"/>
                <a:gd name="connsiteY13" fmla="*/ 165666 h 584767"/>
                <a:gd name="connsiteX14" fmla="*/ 526256 w 555129"/>
                <a:gd name="connsiteY14" fmla="*/ 234721 h 584767"/>
                <a:gd name="connsiteX15" fmla="*/ 276225 w 555129"/>
                <a:gd name="connsiteY15" fmla="*/ 408554 h 584767"/>
                <a:gd name="connsiteX16" fmla="*/ 176213 w 555129"/>
                <a:gd name="connsiteY16" fmla="*/ 584767 h 584767"/>
                <a:gd name="connsiteX17" fmla="*/ 73819 w 555129"/>
                <a:gd name="connsiteY17" fmla="*/ 513329 h 584767"/>
                <a:gd name="connsiteX18" fmla="*/ 0 w 555129"/>
                <a:gd name="connsiteY18" fmla="*/ 510947 h 584767"/>
                <a:gd name="connsiteX19" fmla="*/ 111919 w 555129"/>
                <a:gd name="connsiteY19" fmla="*/ 318065 h 584767"/>
                <a:gd name="connsiteX20" fmla="*/ 166688 w 555129"/>
                <a:gd name="connsiteY20" fmla="*/ 120422 h 584767"/>
                <a:gd name="connsiteX0" fmla="*/ 166688 w 555129"/>
                <a:gd name="connsiteY0" fmla="*/ 120422 h 584767"/>
                <a:gd name="connsiteX1" fmla="*/ 204788 w 555129"/>
                <a:gd name="connsiteY1" fmla="*/ 18028 h 584767"/>
                <a:gd name="connsiteX2" fmla="*/ 254794 w 555129"/>
                <a:gd name="connsiteY2" fmla="*/ 87084 h 584767"/>
                <a:gd name="connsiteX3" fmla="*/ 235744 w 555129"/>
                <a:gd name="connsiteY3" fmla="*/ 165665 h 584767"/>
                <a:gd name="connsiteX4" fmla="*/ 409575 w 555129"/>
                <a:gd name="connsiteY4" fmla="*/ 6122 h 584767"/>
                <a:gd name="connsiteX5" fmla="*/ 446797 w 555129"/>
                <a:gd name="connsiteY5" fmla="*/ 26259 h 584767"/>
                <a:gd name="connsiteX6" fmla="*/ 352426 w 555129"/>
                <a:gd name="connsiteY6" fmla="*/ 175191 h 584767"/>
                <a:gd name="connsiteX7" fmla="*/ 464344 w 555129"/>
                <a:gd name="connsiteY7" fmla="*/ 37078 h 584767"/>
                <a:gd name="connsiteX8" fmla="*/ 497681 w 555129"/>
                <a:gd name="connsiteY8" fmla="*/ 51366 h 584767"/>
                <a:gd name="connsiteX9" fmla="*/ 438150 w 555129"/>
                <a:gd name="connsiteY9" fmla="*/ 158523 h 584767"/>
                <a:gd name="connsiteX10" fmla="*/ 521494 w 555129"/>
                <a:gd name="connsiteY10" fmla="*/ 82321 h 584767"/>
                <a:gd name="connsiteX11" fmla="*/ 545307 w 555129"/>
                <a:gd name="connsiteY11" fmla="*/ 103753 h 584767"/>
                <a:gd name="connsiteX12" fmla="*/ 450058 w 555129"/>
                <a:gd name="connsiteY12" fmla="*/ 232341 h 584767"/>
                <a:gd name="connsiteX13" fmla="*/ 538162 w 555129"/>
                <a:gd name="connsiteY13" fmla="*/ 165666 h 584767"/>
                <a:gd name="connsiteX14" fmla="*/ 526256 w 555129"/>
                <a:gd name="connsiteY14" fmla="*/ 234721 h 584767"/>
                <a:gd name="connsiteX15" fmla="*/ 276225 w 555129"/>
                <a:gd name="connsiteY15" fmla="*/ 408554 h 584767"/>
                <a:gd name="connsiteX16" fmla="*/ 176213 w 555129"/>
                <a:gd name="connsiteY16" fmla="*/ 584767 h 584767"/>
                <a:gd name="connsiteX17" fmla="*/ 73819 w 555129"/>
                <a:gd name="connsiteY17" fmla="*/ 513329 h 584767"/>
                <a:gd name="connsiteX18" fmla="*/ 0 w 555129"/>
                <a:gd name="connsiteY18" fmla="*/ 510947 h 584767"/>
                <a:gd name="connsiteX19" fmla="*/ 111919 w 555129"/>
                <a:gd name="connsiteY19" fmla="*/ 318065 h 584767"/>
                <a:gd name="connsiteX20" fmla="*/ 166688 w 555129"/>
                <a:gd name="connsiteY20" fmla="*/ 120422 h 584767"/>
                <a:gd name="connsiteX0" fmla="*/ 166688 w 555129"/>
                <a:gd name="connsiteY0" fmla="*/ 120422 h 584767"/>
                <a:gd name="connsiteX1" fmla="*/ 204788 w 555129"/>
                <a:gd name="connsiteY1" fmla="*/ 18028 h 584767"/>
                <a:gd name="connsiteX2" fmla="*/ 254794 w 555129"/>
                <a:gd name="connsiteY2" fmla="*/ 87084 h 584767"/>
                <a:gd name="connsiteX3" fmla="*/ 235744 w 555129"/>
                <a:gd name="connsiteY3" fmla="*/ 165665 h 584767"/>
                <a:gd name="connsiteX4" fmla="*/ 409575 w 555129"/>
                <a:gd name="connsiteY4" fmla="*/ 6122 h 584767"/>
                <a:gd name="connsiteX5" fmla="*/ 446797 w 555129"/>
                <a:gd name="connsiteY5" fmla="*/ 26259 h 584767"/>
                <a:gd name="connsiteX6" fmla="*/ 352426 w 555129"/>
                <a:gd name="connsiteY6" fmla="*/ 175191 h 584767"/>
                <a:gd name="connsiteX7" fmla="*/ 464344 w 555129"/>
                <a:gd name="connsiteY7" fmla="*/ 37078 h 584767"/>
                <a:gd name="connsiteX8" fmla="*/ 497681 w 555129"/>
                <a:gd name="connsiteY8" fmla="*/ 51366 h 584767"/>
                <a:gd name="connsiteX9" fmla="*/ 438150 w 555129"/>
                <a:gd name="connsiteY9" fmla="*/ 158523 h 584767"/>
                <a:gd name="connsiteX10" fmla="*/ 521494 w 555129"/>
                <a:gd name="connsiteY10" fmla="*/ 82321 h 584767"/>
                <a:gd name="connsiteX11" fmla="*/ 545307 w 555129"/>
                <a:gd name="connsiteY11" fmla="*/ 103753 h 584767"/>
                <a:gd name="connsiteX12" fmla="*/ 450058 w 555129"/>
                <a:gd name="connsiteY12" fmla="*/ 232341 h 584767"/>
                <a:gd name="connsiteX13" fmla="*/ 538162 w 555129"/>
                <a:gd name="connsiteY13" fmla="*/ 165666 h 584767"/>
                <a:gd name="connsiteX14" fmla="*/ 526256 w 555129"/>
                <a:gd name="connsiteY14" fmla="*/ 234721 h 584767"/>
                <a:gd name="connsiteX15" fmla="*/ 276225 w 555129"/>
                <a:gd name="connsiteY15" fmla="*/ 408554 h 584767"/>
                <a:gd name="connsiteX16" fmla="*/ 176213 w 555129"/>
                <a:gd name="connsiteY16" fmla="*/ 584767 h 584767"/>
                <a:gd name="connsiteX17" fmla="*/ 73819 w 555129"/>
                <a:gd name="connsiteY17" fmla="*/ 513329 h 584767"/>
                <a:gd name="connsiteX18" fmla="*/ 0 w 555129"/>
                <a:gd name="connsiteY18" fmla="*/ 510947 h 584767"/>
                <a:gd name="connsiteX19" fmla="*/ 111919 w 555129"/>
                <a:gd name="connsiteY19" fmla="*/ 318065 h 584767"/>
                <a:gd name="connsiteX20" fmla="*/ 166688 w 555129"/>
                <a:gd name="connsiteY20" fmla="*/ 120422 h 584767"/>
                <a:gd name="connsiteX0" fmla="*/ 166688 w 555129"/>
                <a:gd name="connsiteY0" fmla="*/ 120422 h 584767"/>
                <a:gd name="connsiteX1" fmla="*/ 204788 w 555129"/>
                <a:gd name="connsiteY1" fmla="*/ 18028 h 584767"/>
                <a:gd name="connsiteX2" fmla="*/ 254794 w 555129"/>
                <a:gd name="connsiteY2" fmla="*/ 87084 h 584767"/>
                <a:gd name="connsiteX3" fmla="*/ 235744 w 555129"/>
                <a:gd name="connsiteY3" fmla="*/ 165665 h 584767"/>
                <a:gd name="connsiteX4" fmla="*/ 409575 w 555129"/>
                <a:gd name="connsiteY4" fmla="*/ 6122 h 584767"/>
                <a:gd name="connsiteX5" fmla="*/ 446797 w 555129"/>
                <a:gd name="connsiteY5" fmla="*/ 26259 h 584767"/>
                <a:gd name="connsiteX6" fmla="*/ 352426 w 555129"/>
                <a:gd name="connsiteY6" fmla="*/ 175191 h 584767"/>
                <a:gd name="connsiteX7" fmla="*/ 464344 w 555129"/>
                <a:gd name="connsiteY7" fmla="*/ 37078 h 584767"/>
                <a:gd name="connsiteX8" fmla="*/ 497681 w 555129"/>
                <a:gd name="connsiteY8" fmla="*/ 51366 h 584767"/>
                <a:gd name="connsiteX9" fmla="*/ 438150 w 555129"/>
                <a:gd name="connsiteY9" fmla="*/ 158523 h 584767"/>
                <a:gd name="connsiteX10" fmla="*/ 514974 w 555129"/>
                <a:gd name="connsiteY10" fmla="*/ 83408 h 584767"/>
                <a:gd name="connsiteX11" fmla="*/ 545307 w 555129"/>
                <a:gd name="connsiteY11" fmla="*/ 103753 h 584767"/>
                <a:gd name="connsiteX12" fmla="*/ 450058 w 555129"/>
                <a:gd name="connsiteY12" fmla="*/ 232341 h 584767"/>
                <a:gd name="connsiteX13" fmla="*/ 538162 w 555129"/>
                <a:gd name="connsiteY13" fmla="*/ 165666 h 584767"/>
                <a:gd name="connsiteX14" fmla="*/ 526256 w 555129"/>
                <a:gd name="connsiteY14" fmla="*/ 234721 h 584767"/>
                <a:gd name="connsiteX15" fmla="*/ 276225 w 555129"/>
                <a:gd name="connsiteY15" fmla="*/ 408554 h 584767"/>
                <a:gd name="connsiteX16" fmla="*/ 176213 w 555129"/>
                <a:gd name="connsiteY16" fmla="*/ 584767 h 584767"/>
                <a:gd name="connsiteX17" fmla="*/ 73819 w 555129"/>
                <a:gd name="connsiteY17" fmla="*/ 513329 h 584767"/>
                <a:gd name="connsiteX18" fmla="*/ 0 w 555129"/>
                <a:gd name="connsiteY18" fmla="*/ 510947 h 584767"/>
                <a:gd name="connsiteX19" fmla="*/ 111919 w 555129"/>
                <a:gd name="connsiteY19" fmla="*/ 318065 h 584767"/>
                <a:gd name="connsiteX20" fmla="*/ 166688 w 555129"/>
                <a:gd name="connsiteY20" fmla="*/ 120422 h 584767"/>
                <a:gd name="connsiteX0" fmla="*/ 166688 w 555129"/>
                <a:gd name="connsiteY0" fmla="*/ 120422 h 584767"/>
                <a:gd name="connsiteX1" fmla="*/ 204788 w 555129"/>
                <a:gd name="connsiteY1" fmla="*/ 18028 h 584767"/>
                <a:gd name="connsiteX2" fmla="*/ 254794 w 555129"/>
                <a:gd name="connsiteY2" fmla="*/ 87084 h 584767"/>
                <a:gd name="connsiteX3" fmla="*/ 235744 w 555129"/>
                <a:gd name="connsiteY3" fmla="*/ 165665 h 584767"/>
                <a:gd name="connsiteX4" fmla="*/ 409575 w 555129"/>
                <a:gd name="connsiteY4" fmla="*/ 6122 h 584767"/>
                <a:gd name="connsiteX5" fmla="*/ 446797 w 555129"/>
                <a:gd name="connsiteY5" fmla="*/ 26259 h 584767"/>
                <a:gd name="connsiteX6" fmla="*/ 352426 w 555129"/>
                <a:gd name="connsiteY6" fmla="*/ 175191 h 584767"/>
                <a:gd name="connsiteX7" fmla="*/ 464344 w 555129"/>
                <a:gd name="connsiteY7" fmla="*/ 37078 h 584767"/>
                <a:gd name="connsiteX8" fmla="*/ 497681 w 555129"/>
                <a:gd name="connsiteY8" fmla="*/ 51366 h 584767"/>
                <a:gd name="connsiteX9" fmla="*/ 438150 w 555129"/>
                <a:gd name="connsiteY9" fmla="*/ 158523 h 584767"/>
                <a:gd name="connsiteX10" fmla="*/ 514974 w 555129"/>
                <a:gd name="connsiteY10" fmla="*/ 83408 h 584767"/>
                <a:gd name="connsiteX11" fmla="*/ 545307 w 555129"/>
                <a:gd name="connsiteY11" fmla="*/ 103753 h 584767"/>
                <a:gd name="connsiteX12" fmla="*/ 450058 w 555129"/>
                <a:gd name="connsiteY12" fmla="*/ 232341 h 584767"/>
                <a:gd name="connsiteX13" fmla="*/ 538162 w 555129"/>
                <a:gd name="connsiteY13" fmla="*/ 165666 h 584767"/>
                <a:gd name="connsiteX14" fmla="*/ 526256 w 555129"/>
                <a:gd name="connsiteY14" fmla="*/ 234721 h 584767"/>
                <a:gd name="connsiteX15" fmla="*/ 276225 w 555129"/>
                <a:gd name="connsiteY15" fmla="*/ 408554 h 584767"/>
                <a:gd name="connsiteX16" fmla="*/ 176213 w 555129"/>
                <a:gd name="connsiteY16" fmla="*/ 584767 h 584767"/>
                <a:gd name="connsiteX17" fmla="*/ 73819 w 555129"/>
                <a:gd name="connsiteY17" fmla="*/ 513329 h 584767"/>
                <a:gd name="connsiteX18" fmla="*/ 0 w 555129"/>
                <a:gd name="connsiteY18" fmla="*/ 510947 h 584767"/>
                <a:gd name="connsiteX19" fmla="*/ 111919 w 555129"/>
                <a:gd name="connsiteY19" fmla="*/ 318065 h 584767"/>
                <a:gd name="connsiteX20" fmla="*/ 166688 w 555129"/>
                <a:gd name="connsiteY20" fmla="*/ 120422 h 584767"/>
                <a:gd name="connsiteX0" fmla="*/ 166688 w 555129"/>
                <a:gd name="connsiteY0" fmla="*/ 120422 h 584767"/>
                <a:gd name="connsiteX1" fmla="*/ 204788 w 555129"/>
                <a:gd name="connsiteY1" fmla="*/ 18028 h 584767"/>
                <a:gd name="connsiteX2" fmla="*/ 254794 w 555129"/>
                <a:gd name="connsiteY2" fmla="*/ 87084 h 584767"/>
                <a:gd name="connsiteX3" fmla="*/ 235744 w 555129"/>
                <a:gd name="connsiteY3" fmla="*/ 165665 h 584767"/>
                <a:gd name="connsiteX4" fmla="*/ 409575 w 555129"/>
                <a:gd name="connsiteY4" fmla="*/ 6122 h 584767"/>
                <a:gd name="connsiteX5" fmla="*/ 446797 w 555129"/>
                <a:gd name="connsiteY5" fmla="*/ 26259 h 584767"/>
                <a:gd name="connsiteX6" fmla="*/ 352426 w 555129"/>
                <a:gd name="connsiteY6" fmla="*/ 175191 h 584767"/>
                <a:gd name="connsiteX7" fmla="*/ 464344 w 555129"/>
                <a:gd name="connsiteY7" fmla="*/ 37078 h 584767"/>
                <a:gd name="connsiteX8" fmla="*/ 497681 w 555129"/>
                <a:gd name="connsiteY8" fmla="*/ 51366 h 584767"/>
                <a:gd name="connsiteX9" fmla="*/ 438150 w 555129"/>
                <a:gd name="connsiteY9" fmla="*/ 158523 h 584767"/>
                <a:gd name="connsiteX10" fmla="*/ 514974 w 555129"/>
                <a:gd name="connsiteY10" fmla="*/ 83408 h 584767"/>
                <a:gd name="connsiteX11" fmla="*/ 545307 w 555129"/>
                <a:gd name="connsiteY11" fmla="*/ 103753 h 584767"/>
                <a:gd name="connsiteX12" fmla="*/ 450058 w 555129"/>
                <a:gd name="connsiteY12" fmla="*/ 232341 h 584767"/>
                <a:gd name="connsiteX13" fmla="*/ 538162 w 555129"/>
                <a:gd name="connsiteY13" fmla="*/ 165666 h 584767"/>
                <a:gd name="connsiteX14" fmla="*/ 526256 w 555129"/>
                <a:gd name="connsiteY14" fmla="*/ 234721 h 584767"/>
                <a:gd name="connsiteX15" fmla="*/ 276225 w 555129"/>
                <a:gd name="connsiteY15" fmla="*/ 408554 h 584767"/>
                <a:gd name="connsiteX16" fmla="*/ 176213 w 555129"/>
                <a:gd name="connsiteY16" fmla="*/ 584767 h 584767"/>
                <a:gd name="connsiteX17" fmla="*/ 73819 w 555129"/>
                <a:gd name="connsiteY17" fmla="*/ 513329 h 584767"/>
                <a:gd name="connsiteX18" fmla="*/ 0 w 555129"/>
                <a:gd name="connsiteY18" fmla="*/ 510947 h 584767"/>
                <a:gd name="connsiteX19" fmla="*/ 111919 w 555129"/>
                <a:gd name="connsiteY19" fmla="*/ 318065 h 584767"/>
                <a:gd name="connsiteX20" fmla="*/ 166688 w 555129"/>
                <a:gd name="connsiteY20" fmla="*/ 120422 h 584767"/>
                <a:gd name="connsiteX0" fmla="*/ 166688 w 555129"/>
                <a:gd name="connsiteY0" fmla="*/ 120422 h 584767"/>
                <a:gd name="connsiteX1" fmla="*/ 204788 w 555129"/>
                <a:gd name="connsiteY1" fmla="*/ 18028 h 584767"/>
                <a:gd name="connsiteX2" fmla="*/ 254794 w 555129"/>
                <a:gd name="connsiteY2" fmla="*/ 87084 h 584767"/>
                <a:gd name="connsiteX3" fmla="*/ 235744 w 555129"/>
                <a:gd name="connsiteY3" fmla="*/ 165665 h 584767"/>
                <a:gd name="connsiteX4" fmla="*/ 409575 w 555129"/>
                <a:gd name="connsiteY4" fmla="*/ 6122 h 584767"/>
                <a:gd name="connsiteX5" fmla="*/ 446797 w 555129"/>
                <a:gd name="connsiteY5" fmla="*/ 26259 h 584767"/>
                <a:gd name="connsiteX6" fmla="*/ 352426 w 555129"/>
                <a:gd name="connsiteY6" fmla="*/ 175191 h 584767"/>
                <a:gd name="connsiteX7" fmla="*/ 464344 w 555129"/>
                <a:gd name="connsiteY7" fmla="*/ 37078 h 584767"/>
                <a:gd name="connsiteX8" fmla="*/ 499854 w 555129"/>
                <a:gd name="connsiteY8" fmla="*/ 63319 h 584767"/>
                <a:gd name="connsiteX9" fmla="*/ 438150 w 555129"/>
                <a:gd name="connsiteY9" fmla="*/ 158523 h 584767"/>
                <a:gd name="connsiteX10" fmla="*/ 514974 w 555129"/>
                <a:gd name="connsiteY10" fmla="*/ 83408 h 584767"/>
                <a:gd name="connsiteX11" fmla="*/ 545307 w 555129"/>
                <a:gd name="connsiteY11" fmla="*/ 103753 h 584767"/>
                <a:gd name="connsiteX12" fmla="*/ 450058 w 555129"/>
                <a:gd name="connsiteY12" fmla="*/ 232341 h 584767"/>
                <a:gd name="connsiteX13" fmla="*/ 538162 w 555129"/>
                <a:gd name="connsiteY13" fmla="*/ 165666 h 584767"/>
                <a:gd name="connsiteX14" fmla="*/ 526256 w 555129"/>
                <a:gd name="connsiteY14" fmla="*/ 234721 h 584767"/>
                <a:gd name="connsiteX15" fmla="*/ 276225 w 555129"/>
                <a:gd name="connsiteY15" fmla="*/ 408554 h 584767"/>
                <a:gd name="connsiteX16" fmla="*/ 176213 w 555129"/>
                <a:gd name="connsiteY16" fmla="*/ 584767 h 584767"/>
                <a:gd name="connsiteX17" fmla="*/ 73819 w 555129"/>
                <a:gd name="connsiteY17" fmla="*/ 513329 h 584767"/>
                <a:gd name="connsiteX18" fmla="*/ 0 w 555129"/>
                <a:gd name="connsiteY18" fmla="*/ 510947 h 584767"/>
                <a:gd name="connsiteX19" fmla="*/ 111919 w 555129"/>
                <a:gd name="connsiteY19" fmla="*/ 318065 h 584767"/>
                <a:gd name="connsiteX20" fmla="*/ 166688 w 555129"/>
                <a:gd name="connsiteY20" fmla="*/ 120422 h 584767"/>
                <a:gd name="connsiteX0" fmla="*/ 166688 w 555129"/>
                <a:gd name="connsiteY0" fmla="*/ 120422 h 584767"/>
                <a:gd name="connsiteX1" fmla="*/ 204788 w 555129"/>
                <a:gd name="connsiteY1" fmla="*/ 18028 h 584767"/>
                <a:gd name="connsiteX2" fmla="*/ 254794 w 555129"/>
                <a:gd name="connsiteY2" fmla="*/ 87084 h 584767"/>
                <a:gd name="connsiteX3" fmla="*/ 235744 w 555129"/>
                <a:gd name="connsiteY3" fmla="*/ 165665 h 584767"/>
                <a:gd name="connsiteX4" fmla="*/ 409575 w 555129"/>
                <a:gd name="connsiteY4" fmla="*/ 6122 h 584767"/>
                <a:gd name="connsiteX5" fmla="*/ 446797 w 555129"/>
                <a:gd name="connsiteY5" fmla="*/ 26259 h 584767"/>
                <a:gd name="connsiteX6" fmla="*/ 352426 w 555129"/>
                <a:gd name="connsiteY6" fmla="*/ 175191 h 584767"/>
                <a:gd name="connsiteX7" fmla="*/ 464344 w 555129"/>
                <a:gd name="connsiteY7" fmla="*/ 37078 h 584767"/>
                <a:gd name="connsiteX8" fmla="*/ 499854 w 555129"/>
                <a:gd name="connsiteY8" fmla="*/ 63319 h 584767"/>
                <a:gd name="connsiteX9" fmla="*/ 438150 w 555129"/>
                <a:gd name="connsiteY9" fmla="*/ 158523 h 584767"/>
                <a:gd name="connsiteX10" fmla="*/ 514974 w 555129"/>
                <a:gd name="connsiteY10" fmla="*/ 83408 h 584767"/>
                <a:gd name="connsiteX11" fmla="*/ 545307 w 555129"/>
                <a:gd name="connsiteY11" fmla="*/ 103753 h 584767"/>
                <a:gd name="connsiteX12" fmla="*/ 450058 w 555129"/>
                <a:gd name="connsiteY12" fmla="*/ 232341 h 584767"/>
                <a:gd name="connsiteX13" fmla="*/ 538162 w 555129"/>
                <a:gd name="connsiteY13" fmla="*/ 165666 h 584767"/>
                <a:gd name="connsiteX14" fmla="*/ 526256 w 555129"/>
                <a:gd name="connsiteY14" fmla="*/ 234721 h 584767"/>
                <a:gd name="connsiteX15" fmla="*/ 276225 w 555129"/>
                <a:gd name="connsiteY15" fmla="*/ 408554 h 584767"/>
                <a:gd name="connsiteX16" fmla="*/ 176213 w 555129"/>
                <a:gd name="connsiteY16" fmla="*/ 584767 h 584767"/>
                <a:gd name="connsiteX17" fmla="*/ 73819 w 555129"/>
                <a:gd name="connsiteY17" fmla="*/ 513329 h 584767"/>
                <a:gd name="connsiteX18" fmla="*/ 0 w 555129"/>
                <a:gd name="connsiteY18" fmla="*/ 510947 h 584767"/>
                <a:gd name="connsiteX19" fmla="*/ 111919 w 555129"/>
                <a:gd name="connsiteY19" fmla="*/ 318065 h 584767"/>
                <a:gd name="connsiteX20" fmla="*/ 166688 w 555129"/>
                <a:gd name="connsiteY20" fmla="*/ 120422 h 584767"/>
                <a:gd name="connsiteX0" fmla="*/ 166688 w 555129"/>
                <a:gd name="connsiteY0" fmla="*/ 120422 h 584767"/>
                <a:gd name="connsiteX1" fmla="*/ 204788 w 555129"/>
                <a:gd name="connsiteY1" fmla="*/ 18028 h 584767"/>
                <a:gd name="connsiteX2" fmla="*/ 254794 w 555129"/>
                <a:gd name="connsiteY2" fmla="*/ 87084 h 584767"/>
                <a:gd name="connsiteX3" fmla="*/ 235744 w 555129"/>
                <a:gd name="connsiteY3" fmla="*/ 165665 h 584767"/>
                <a:gd name="connsiteX4" fmla="*/ 409575 w 555129"/>
                <a:gd name="connsiteY4" fmla="*/ 6122 h 584767"/>
                <a:gd name="connsiteX5" fmla="*/ 446797 w 555129"/>
                <a:gd name="connsiteY5" fmla="*/ 26259 h 584767"/>
                <a:gd name="connsiteX6" fmla="*/ 352426 w 555129"/>
                <a:gd name="connsiteY6" fmla="*/ 175191 h 584767"/>
                <a:gd name="connsiteX7" fmla="*/ 464344 w 555129"/>
                <a:gd name="connsiteY7" fmla="*/ 37078 h 584767"/>
                <a:gd name="connsiteX8" fmla="*/ 499854 w 555129"/>
                <a:gd name="connsiteY8" fmla="*/ 63319 h 584767"/>
                <a:gd name="connsiteX9" fmla="*/ 438150 w 555129"/>
                <a:gd name="connsiteY9" fmla="*/ 158523 h 584767"/>
                <a:gd name="connsiteX10" fmla="*/ 514974 w 555129"/>
                <a:gd name="connsiteY10" fmla="*/ 83408 h 584767"/>
                <a:gd name="connsiteX11" fmla="*/ 545307 w 555129"/>
                <a:gd name="connsiteY11" fmla="*/ 103753 h 584767"/>
                <a:gd name="connsiteX12" fmla="*/ 450058 w 555129"/>
                <a:gd name="connsiteY12" fmla="*/ 232341 h 584767"/>
                <a:gd name="connsiteX13" fmla="*/ 538162 w 555129"/>
                <a:gd name="connsiteY13" fmla="*/ 165666 h 584767"/>
                <a:gd name="connsiteX14" fmla="*/ 526256 w 555129"/>
                <a:gd name="connsiteY14" fmla="*/ 234721 h 584767"/>
                <a:gd name="connsiteX15" fmla="*/ 276225 w 555129"/>
                <a:gd name="connsiteY15" fmla="*/ 408554 h 584767"/>
                <a:gd name="connsiteX16" fmla="*/ 176213 w 555129"/>
                <a:gd name="connsiteY16" fmla="*/ 584767 h 584767"/>
                <a:gd name="connsiteX17" fmla="*/ 73819 w 555129"/>
                <a:gd name="connsiteY17" fmla="*/ 513329 h 584767"/>
                <a:gd name="connsiteX18" fmla="*/ 0 w 555129"/>
                <a:gd name="connsiteY18" fmla="*/ 510947 h 584767"/>
                <a:gd name="connsiteX19" fmla="*/ 111919 w 555129"/>
                <a:gd name="connsiteY19" fmla="*/ 318065 h 584767"/>
                <a:gd name="connsiteX20" fmla="*/ 166688 w 555129"/>
                <a:gd name="connsiteY20" fmla="*/ 120422 h 584767"/>
                <a:gd name="connsiteX0" fmla="*/ 166688 w 555129"/>
                <a:gd name="connsiteY0" fmla="*/ 120422 h 584767"/>
                <a:gd name="connsiteX1" fmla="*/ 204788 w 555129"/>
                <a:gd name="connsiteY1" fmla="*/ 18028 h 584767"/>
                <a:gd name="connsiteX2" fmla="*/ 254794 w 555129"/>
                <a:gd name="connsiteY2" fmla="*/ 87084 h 584767"/>
                <a:gd name="connsiteX3" fmla="*/ 235744 w 555129"/>
                <a:gd name="connsiteY3" fmla="*/ 165665 h 584767"/>
                <a:gd name="connsiteX4" fmla="*/ 409575 w 555129"/>
                <a:gd name="connsiteY4" fmla="*/ 6122 h 584767"/>
                <a:gd name="connsiteX5" fmla="*/ 446797 w 555129"/>
                <a:gd name="connsiteY5" fmla="*/ 26259 h 584767"/>
                <a:gd name="connsiteX6" fmla="*/ 352426 w 555129"/>
                <a:gd name="connsiteY6" fmla="*/ 175191 h 584767"/>
                <a:gd name="connsiteX7" fmla="*/ 464344 w 555129"/>
                <a:gd name="connsiteY7" fmla="*/ 37078 h 584767"/>
                <a:gd name="connsiteX8" fmla="*/ 499854 w 555129"/>
                <a:gd name="connsiteY8" fmla="*/ 63319 h 584767"/>
                <a:gd name="connsiteX9" fmla="*/ 438150 w 555129"/>
                <a:gd name="connsiteY9" fmla="*/ 158523 h 584767"/>
                <a:gd name="connsiteX10" fmla="*/ 514974 w 555129"/>
                <a:gd name="connsiteY10" fmla="*/ 83408 h 584767"/>
                <a:gd name="connsiteX11" fmla="*/ 545307 w 555129"/>
                <a:gd name="connsiteY11" fmla="*/ 103753 h 584767"/>
                <a:gd name="connsiteX12" fmla="*/ 450058 w 555129"/>
                <a:gd name="connsiteY12" fmla="*/ 232341 h 584767"/>
                <a:gd name="connsiteX13" fmla="*/ 538162 w 555129"/>
                <a:gd name="connsiteY13" fmla="*/ 165666 h 584767"/>
                <a:gd name="connsiteX14" fmla="*/ 526256 w 555129"/>
                <a:gd name="connsiteY14" fmla="*/ 234721 h 584767"/>
                <a:gd name="connsiteX15" fmla="*/ 276225 w 555129"/>
                <a:gd name="connsiteY15" fmla="*/ 408554 h 584767"/>
                <a:gd name="connsiteX16" fmla="*/ 176213 w 555129"/>
                <a:gd name="connsiteY16" fmla="*/ 584767 h 584767"/>
                <a:gd name="connsiteX17" fmla="*/ 73819 w 555129"/>
                <a:gd name="connsiteY17" fmla="*/ 513329 h 584767"/>
                <a:gd name="connsiteX18" fmla="*/ 0 w 555129"/>
                <a:gd name="connsiteY18" fmla="*/ 510947 h 584767"/>
                <a:gd name="connsiteX19" fmla="*/ 111919 w 555129"/>
                <a:gd name="connsiteY19" fmla="*/ 318065 h 584767"/>
                <a:gd name="connsiteX20" fmla="*/ 166688 w 555129"/>
                <a:gd name="connsiteY20" fmla="*/ 120422 h 584767"/>
                <a:gd name="connsiteX0" fmla="*/ 166688 w 555129"/>
                <a:gd name="connsiteY0" fmla="*/ 120422 h 584767"/>
                <a:gd name="connsiteX1" fmla="*/ 204788 w 555129"/>
                <a:gd name="connsiteY1" fmla="*/ 18028 h 584767"/>
                <a:gd name="connsiteX2" fmla="*/ 254794 w 555129"/>
                <a:gd name="connsiteY2" fmla="*/ 87084 h 584767"/>
                <a:gd name="connsiteX3" fmla="*/ 235744 w 555129"/>
                <a:gd name="connsiteY3" fmla="*/ 165665 h 584767"/>
                <a:gd name="connsiteX4" fmla="*/ 409575 w 555129"/>
                <a:gd name="connsiteY4" fmla="*/ 6122 h 584767"/>
                <a:gd name="connsiteX5" fmla="*/ 446797 w 555129"/>
                <a:gd name="connsiteY5" fmla="*/ 26259 h 584767"/>
                <a:gd name="connsiteX6" fmla="*/ 352426 w 555129"/>
                <a:gd name="connsiteY6" fmla="*/ 175191 h 584767"/>
                <a:gd name="connsiteX7" fmla="*/ 464344 w 555129"/>
                <a:gd name="connsiteY7" fmla="*/ 37078 h 584767"/>
                <a:gd name="connsiteX8" fmla="*/ 499854 w 555129"/>
                <a:gd name="connsiteY8" fmla="*/ 63319 h 584767"/>
                <a:gd name="connsiteX9" fmla="*/ 438150 w 555129"/>
                <a:gd name="connsiteY9" fmla="*/ 158523 h 584767"/>
                <a:gd name="connsiteX10" fmla="*/ 514974 w 555129"/>
                <a:gd name="connsiteY10" fmla="*/ 83408 h 584767"/>
                <a:gd name="connsiteX11" fmla="*/ 545307 w 555129"/>
                <a:gd name="connsiteY11" fmla="*/ 103753 h 584767"/>
                <a:gd name="connsiteX12" fmla="*/ 450058 w 555129"/>
                <a:gd name="connsiteY12" fmla="*/ 232341 h 584767"/>
                <a:gd name="connsiteX13" fmla="*/ 538162 w 555129"/>
                <a:gd name="connsiteY13" fmla="*/ 165666 h 584767"/>
                <a:gd name="connsiteX14" fmla="*/ 526256 w 555129"/>
                <a:gd name="connsiteY14" fmla="*/ 234721 h 584767"/>
                <a:gd name="connsiteX15" fmla="*/ 276225 w 555129"/>
                <a:gd name="connsiteY15" fmla="*/ 408554 h 584767"/>
                <a:gd name="connsiteX16" fmla="*/ 176213 w 555129"/>
                <a:gd name="connsiteY16" fmla="*/ 584767 h 584767"/>
                <a:gd name="connsiteX17" fmla="*/ 73819 w 555129"/>
                <a:gd name="connsiteY17" fmla="*/ 513329 h 584767"/>
                <a:gd name="connsiteX18" fmla="*/ 0 w 555129"/>
                <a:gd name="connsiteY18" fmla="*/ 510947 h 584767"/>
                <a:gd name="connsiteX19" fmla="*/ 111919 w 555129"/>
                <a:gd name="connsiteY19" fmla="*/ 318065 h 584767"/>
                <a:gd name="connsiteX20" fmla="*/ 166688 w 555129"/>
                <a:gd name="connsiteY20" fmla="*/ 120422 h 584767"/>
                <a:gd name="connsiteX0" fmla="*/ 166688 w 551981"/>
                <a:gd name="connsiteY0" fmla="*/ 120422 h 584767"/>
                <a:gd name="connsiteX1" fmla="*/ 204788 w 551981"/>
                <a:gd name="connsiteY1" fmla="*/ 18028 h 584767"/>
                <a:gd name="connsiteX2" fmla="*/ 254794 w 551981"/>
                <a:gd name="connsiteY2" fmla="*/ 87084 h 584767"/>
                <a:gd name="connsiteX3" fmla="*/ 235744 w 551981"/>
                <a:gd name="connsiteY3" fmla="*/ 165665 h 584767"/>
                <a:gd name="connsiteX4" fmla="*/ 409575 w 551981"/>
                <a:gd name="connsiteY4" fmla="*/ 6122 h 584767"/>
                <a:gd name="connsiteX5" fmla="*/ 446797 w 551981"/>
                <a:gd name="connsiteY5" fmla="*/ 26259 h 584767"/>
                <a:gd name="connsiteX6" fmla="*/ 352426 w 551981"/>
                <a:gd name="connsiteY6" fmla="*/ 175191 h 584767"/>
                <a:gd name="connsiteX7" fmla="*/ 464344 w 551981"/>
                <a:gd name="connsiteY7" fmla="*/ 37078 h 584767"/>
                <a:gd name="connsiteX8" fmla="*/ 499854 w 551981"/>
                <a:gd name="connsiteY8" fmla="*/ 63319 h 584767"/>
                <a:gd name="connsiteX9" fmla="*/ 438150 w 551981"/>
                <a:gd name="connsiteY9" fmla="*/ 158523 h 584767"/>
                <a:gd name="connsiteX10" fmla="*/ 514974 w 551981"/>
                <a:gd name="connsiteY10" fmla="*/ 83408 h 584767"/>
                <a:gd name="connsiteX11" fmla="*/ 545307 w 551981"/>
                <a:gd name="connsiteY11" fmla="*/ 103753 h 584767"/>
                <a:gd name="connsiteX12" fmla="*/ 450058 w 551981"/>
                <a:gd name="connsiteY12" fmla="*/ 232341 h 584767"/>
                <a:gd name="connsiteX13" fmla="*/ 538162 w 551981"/>
                <a:gd name="connsiteY13" fmla="*/ 165666 h 584767"/>
                <a:gd name="connsiteX14" fmla="*/ 526256 w 551981"/>
                <a:gd name="connsiteY14" fmla="*/ 234721 h 584767"/>
                <a:gd name="connsiteX15" fmla="*/ 276225 w 551981"/>
                <a:gd name="connsiteY15" fmla="*/ 408554 h 584767"/>
                <a:gd name="connsiteX16" fmla="*/ 176213 w 551981"/>
                <a:gd name="connsiteY16" fmla="*/ 584767 h 584767"/>
                <a:gd name="connsiteX17" fmla="*/ 73819 w 551981"/>
                <a:gd name="connsiteY17" fmla="*/ 513329 h 584767"/>
                <a:gd name="connsiteX18" fmla="*/ 0 w 551981"/>
                <a:gd name="connsiteY18" fmla="*/ 510947 h 584767"/>
                <a:gd name="connsiteX19" fmla="*/ 111919 w 551981"/>
                <a:gd name="connsiteY19" fmla="*/ 318065 h 584767"/>
                <a:gd name="connsiteX20" fmla="*/ 166688 w 551981"/>
                <a:gd name="connsiteY20" fmla="*/ 120422 h 584767"/>
                <a:gd name="connsiteX0" fmla="*/ 166688 w 551981"/>
                <a:gd name="connsiteY0" fmla="*/ 120422 h 584767"/>
                <a:gd name="connsiteX1" fmla="*/ 204788 w 551981"/>
                <a:gd name="connsiteY1" fmla="*/ 18028 h 584767"/>
                <a:gd name="connsiteX2" fmla="*/ 254794 w 551981"/>
                <a:gd name="connsiteY2" fmla="*/ 87084 h 584767"/>
                <a:gd name="connsiteX3" fmla="*/ 235744 w 551981"/>
                <a:gd name="connsiteY3" fmla="*/ 165665 h 584767"/>
                <a:gd name="connsiteX4" fmla="*/ 409575 w 551981"/>
                <a:gd name="connsiteY4" fmla="*/ 6122 h 584767"/>
                <a:gd name="connsiteX5" fmla="*/ 446797 w 551981"/>
                <a:gd name="connsiteY5" fmla="*/ 26259 h 584767"/>
                <a:gd name="connsiteX6" fmla="*/ 352426 w 551981"/>
                <a:gd name="connsiteY6" fmla="*/ 175191 h 584767"/>
                <a:gd name="connsiteX7" fmla="*/ 464344 w 551981"/>
                <a:gd name="connsiteY7" fmla="*/ 37078 h 584767"/>
                <a:gd name="connsiteX8" fmla="*/ 499854 w 551981"/>
                <a:gd name="connsiteY8" fmla="*/ 63319 h 584767"/>
                <a:gd name="connsiteX9" fmla="*/ 438150 w 551981"/>
                <a:gd name="connsiteY9" fmla="*/ 158523 h 584767"/>
                <a:gd name="connsiteX10" fmla="*/ 514974 w 551981"/>
                <a:gd name="connsiteY10" fmla="*/ 83408 h 584767"/>
                <a:gd name="connsiteX11" fmla="*/ 545307 w 551981"/>
                <a:gd name="connsiteY11" fmla="*/ 103753 h 584767"/>
                <a:gd name="connsiteX12" fmla="*/ 450058 w 551981"/>
                <a:gd name="connsiteY12" fmla="*/ 232341 h 584767"/>
                <a:gd name="connsiteX13" fmla="*/ 538162 w 551981"/>
                <a:gd name="connsiteY13" fmla="*/ 165666 h 584767"/>
                <a:gd name="connsiteX14" fmla="*/ 526256 w 551981"/>
                <a:gd name="connsiteY14" fmla="*/ 234721 h 584767"/>
                <a:gd name="connsiteX15" fmla="*/ 276225 w 551981"/>
                <a:gd name="connsiteY15" fmla="*/ 408554 h 584767"/>
                <a:gd name="connsiteX16" fmla="*/ 176213 w 551981"/>
                <a:gd name="connsiteY16" fmla="*/ 584767 h 584767"/>
                <a:gd name="connsiteX17" fmla="*/ 73819 w 551981"/>
                <a:gd name="connsiteY17" fmla="*/ 513329 h 584767"/>
                <a:gd name="connsiteX18" fmla="*/ 0 w 551981"/>
                <a:gd name="connsiteY18" fmla="*/ 510947 h 584767"/>
                <a:gd name="connsiteX19" fmla="*/ 111919 w 551981"/>
                <a:gd name="connsiteY19" fmla="*/ 318065 h 584767"/>
                <a:gd name="connsiteX20" fmla="*/ 166688 w 551981"/>
                <a:gd name="connsiteY20" fmla="*/ 120422 h 584767"/>
                <a:gd name="connsiteX0" fmla="*/ 166688 w 555570"/>
                <a:gd name="connsiteY0" fmla="*/ 120422 h 584767"/>
                <a:gd name="connsiteX1" fmla="*/ 204788 w 555570"/>
                <a:gd name="connsiteY1" fmla="*/ 18028 h 584767"/>
                <a:gd name="connsiteX2" fmla="*/ 254794 w 555570"/>
                <a:gd name="connsiteY2" fmla="*/ 87084 h 584767"/>
                <a:gd name="connsiteX3" fmla="*/ 235744 w 555570"/>
                <a:gd name="connsiteY3" fmla="*/ 165665 h 584767"/>
                <a:gd name="connsiteX4" fmla="*/ 409575 w 555570"/>
                <a:gd name="connsiteY4" fmla="*/ 6122 h 584767"/>
                <a:gd name="connsiteX5" fmla="*/ 446797 w 555570"/>
                <a:gd name="connsiteY5" fmla="*/ 26259 h 584767"/>
                <a:gd name="connsiteX6" fmla="*/ 352426 w 555570"/>
                <a:gd name="connsiteY6" fmla="*/ 175191 h 584767"/>
                <a:gd name="connsiteX7" fmla="*/ 464344 w 555570"/>
                <a:gd name="connsiteY7" fmla="*/ 37078 h 584767"/>
                <a:gd name="connsiteX8" fmla="*/ 499854 w 555570"/>
                <a:gd name="connsiteY8" fmla="*/ 63319 h 584767"/>
                <a:gd name="connsiteX9" fmla="*/ 438150 w 555570"/>
                <a:gd name="connsiteY9" fmla="*/ 158523 h 584767"/>
                <a:gd name="connsiteX10" fmla="*/ 514974 w 555570"/>
                <a:gd name="connsiteY10" fmla="*/ 83408 h 584767"/>
                <a:gd name="connsiteX11" fmla="*/ 545307 w 555570"/>
                <a:gd name="connsiteY11" fmla="*/ 103753 h 584767"/>
                <a:gd name="connsiteX12" fmla="*/ 450058 w 555570"/>
                <a:gd name="connsiteY12" fmla="*/ 232341 h 584767"/>
                <a:gd name="connsiteX13" fmla="*/ 538162 w 555570"/>
                <a:gd name="connsiteY13" fmla="*/ 165666 h 584767"/>
                <a:gd name="connsiteX14" fmla="*/ 551869 w 555570"/>
                <a:gd name="connsiteY14" fmla="*/ 181935 h 584767"/>
                <a:gd name="connsiteX15" fmla="*/ 526256 w 555570"/>
                <a:gd name="connsiteY15" fmla="*/ 234721 h 584767"/>
                <a:gd name="connsiteX16" fmla="*/ 276225 w 555570"/>
                <a:gd name="connsiteY16" fmla="*/ 408554 h 584767"/>
                <a:gd name="connsiteX17" fmla="*/ 176213 w 555570"/>
                <a:gd name="connsiteY17" fmla="*/ 584767 h 584767"/>
                <a:gd name="connsiteX18" fmla="*/ 73819 w 555570"/>
                <a:gd name="connsiteY18" fmla="*/ 513329 h 584767"/>
                <a:gd name="connsiteX19" fmla="*/ 0 w 555570"/>
                <a:gd name="connsiteY19" fmla="*/ 510947 h 584767"/>
                <a:gd name="connsiteX20" fmla="*/ 111919 w 555570"/>
                <a:gd name="connsiteY20" fmla="*/ 318065 h 584767"/>
                <a:gd name="connsiteX21" fmla="*/ 166688 w 555570"/>
                <a:gd name="connsiteY21" fmla="*/ 120422 h 584767"/>
                <a:gd name="connsiteX0" fmla="*/ 166688 w 552990"/>
                <a:gd name="connsiteY0" fmla="*/ 120422 h 584767"/>
                <a:gd name="connsiteX1" fmla="*/ 204788 w 552990"/>
                <a:gd name="connsiteY1" fmla="*/ 18028 h 584767"/>
                <a:gd name="connsiteX2" fmla="*/ 254794 w 552990"/>
                <a:gd name="connsiteY2" fmla="*/ 87084 h 584767"/>
                <a:gd name="connsiteX3" fmla="*/ 235744 w 552990"/>
                <a:gd name="connsiteY3" fmla="*/ 165665 h 584767"/>
                <a:gd name="connsiteX4" fmla="*/ 409575 w 552990"/>
                <a:gd name="connsiteY4" fmla="*/ 6122 h 584767"/>
                <a:gd name="connsiteX5" fmla="*/ 446797 w 552990"/>
                <a:gd name="connsiteY5" fmla="*/ 26259 h 584767"/>
                <a:gd name="connsiteX6" fmla="*/ 352426 w 552990"/>
                <a:gd name="connsiteY6" fmla="*/ 175191 h 584767"/>
                <a:gd name="connsiteX7" fmla="*/ 464344 w 552990"/>
                <a:gd name="connsiteY7" fmla="*/ 37078 h 584767"/>
                <a:gd name="connsiteX8" fmla="*/ 499854 w 552990"/>
                <a:gd name="connsiteY8" fmla="*/ 63319 h 584767"/>
                <a:gd name="connsiteX9" fmla="*/ 438150 w 552990"/>
                <a:gd name="connsiteY9" fmla="*/ 158523 h 584767"/>
                <a:gd name="connsiteX10" fmla="*/ 514974 w 552990"/>
                <a:gd name="connsiteY10" fmla="*/ 83408 h 584767"/>
                <a:gd name="connsiteX11" fmla="*/ 545307 w 552990"/>
                <a:gd name="connsiteY11" fmla="*/ 103753 h 584767"/>
                <a:gd name="connsiteX12" fmla="*/ 450058 w 552990"/>
                <a:gd name="connsiteY12" fmla="*/ 232341 h 584767"/>
                <a:gd name="connsiteX13" fmla="*/ 538162 w 552990"/>
                <a:gd name="connsiteY13" fmla="*/ 165666 h 584767"/>
                <a:gd name="connsiteX14" fmla="*/ 551869 w 552990"/>
                <a:gd name="connsiteY14" fmla="*/ 181935 h 584767"/>
                <a:gd name="connsiteX15" fmla="*/ 518650 w 552990"/>
                <a:gd name="connsiteY15" fmla="*/ 239067 h 584767"/>
                <a:gd name="connsiteX16" fmla="*/ 276225 w 552990"/>
                <a:gd name="connsiteY16" fmla="*/ 408554 h 584767"/>
                <a:gd name="connsiteX17" fmla="*/ 176213 w 552990"/>
                <a:gd name="connsiteY17" fmla="*/ 584767 h 584767"/>
                <a:gd name="connsiteX18" fmla="*/ 73819 w 552990"/>
                <a:gd name="connsiteY18" fmla="*/ 513329 h 584767"/>
                <a:gd name="connsiteX19" fmla="*/ 0 w 552990"/>
                <a:gd name="connsiteY19" fmla="*/ 510947 h 584767"/>
                <a:gd name="connsiteX20" fmla="*/ 111919 w 552990"/>
                <a:gd name="connsiteY20" fmla="*/ 318065 h 584767"/>
                <a:gd name="connsiteX21" fmla="*/ 166688 w 552990"/>
                <a:gd name="connsiteY21" fmla="*/ 120422 h 584767"/>
                <a:gd name="connsiteX0" fmla="*/ 166688 w 552990"/>
                <a:gd name="connsiteY0" fmla="*/ 120422 h 584767"/>
                <a:gd name="connsiteX1" fmla="*/ 204788 w 552990"/>
                <a:gd name="connsiteY1" fmla="*/ 18028 h 584767"/>
                <a:gd name="connsiteX2" fmla="*/ 254794 w 552990"/>
                <a:gd name="connsiteY2" fmla="*/ 87084 h 584767"/>
                <a:gd name="connsiteX3" fmla="*/ 235744 w 552990"/>
                <a:gd name="connsiteY3" fmla="*/ 165665 h 584767"/>
                <a:gd name="connsiteX4" fmla="*/ 409575 w 552990"/>
                <a:gd name="connsiteY4" fmla="*/ 6122 h 584767"/>
                <a:gd name="connsiteX5" fmla="*/ 446797 w 552990"/>
                <a:gd name="connsiteY5" fmla="*/ 26259 h 584767"/>
                <a:gd name="connsiteX6" fmla="*/ 352426 w 552990"/>
                <a:gd name="connsiteY6" fmla="*/ 175191 h 584767"/>
                <a:gd name="connsiteX7" fmla="*/ 464344 w 552990"/>
                <a:gd name="connsiteY7" fmla="*/ 37078 h 584767"/>
                <a:gd name="connsiteX8" fmla="*/ 499854 w 552990"/>
                <a:gd name="connsiteY8" fmla="*/ 63319 h 584767"/>
                <a:gd name="connsiteX9" fmla="*/ 438150 w 552990"/>
                <a:gd name="connsiteY9" fmla="*/ 158523 h 584767"/>
                <a:gd name="connsiteX10" fmla="*/ 514974 w 552990"/>
                <a:gd name="connsiteY10" fmla="*/ 83408 h 584767"/>
                <a:gd name="connsiteX11" fmla="*/ 545307 w 552990"/>
                <a:gd name="connsiteY11" fmla="*/ 103753 h 584767"/>
                <a:gd name="connsiteX12" fmla="*/ 450058 w 552990"/>
                <a:gd name="connsiteY12" fmla="*/ 232341 h 584767"/>
                <a:gd name="connsiteX13" fmla="*/ 538162 w 552990"/>
                <a:gd name="connsiteY13" fmla="*/ 165666 h 584767"/>
                <a:gd name="connsiteX14" fmla="*/ 551869 w 552990"/>
                <a:gd name="connsiteY14" fmla="*/ 181935 h 584767"/>
                <a:gd name="connsiteX15" fmla="*/ 518650 w 552990"/>
                <a:gd name="connsiteY15" fmla="*/ 239067 h 584767"/>
                <a:gd name="connsiteX16" fmla="*/ 276225 w 552990"/>
                <a:gd name="connsiteY16" fmla="*/ 408554 h 584767"/>
                <a:gd name="connsiteX17" fmla="*/ 176213 w 552990"/>
                <a:gd name="connsiteY17" fmla="*/ 584767 h 584767"/>
                <a:gd name="connsiteX18" fmla="*/ 73819 w 552990"/>
                <a:gd name="connsiteY18" fmla="*/ 513329 h 584767"/>
                <a:gd name="connsiteX19" fmla="*/ 0 w 552990"/>
                <a:gd name="connsiteY19" fmla="*/ 510947 h 584767"/>
                <a:gd name="connsiteX20" fmla="*/ 111919 w 552990"/>
                <a:gd name="connsiteY20" fmla="*/ 318065 h 584767"/>
                <a:gd name="connsiteX21" fmla="*/ 166688 w 552990"/>
                <a:gd name="connsiteY21" fmla="*/ 120422 h 584767"/>
                <a:gd name="connsiteX0" fmla="*/ 166688 w 559826"/>
                <a:gd name="connsiteY0" fmla="*/ 120422 h 584767"/>
                <a:gd name="connsiteX1" fmla="*/ 204788 w 559826"/>
                <a:gd name="connsiteY1" fmla="*/ 18028 h 584767"/>
                <a:gd name="connsiteX2" fmla="*/ 254794 w 559826"/>
                <a:gd name="connsiteY2" fmla="*/ 87084 h 584767"/>
                <a:gd name="connsiteX3" fmla="*/ 235744 w 559826"/>
                <a:gd name="connsiteY3" fmla="*/ 165665 h 584767"/>
                <a:gd name="connsiteX4" fmla="*/ 409575 w 559826"/>
                <a:gd name="connsiteY4" fmla="*/ 6122 h 584767"/>
                <a:gd name="connsiteX5" fmla="*/ 446797 w 559826"/>
                <a:gd name="connsiteY5" fmla="*/ 26259 h 584767"/>
                <a:gd name="connsiteX6" fmla="*/ 352426 w 559826"/>
                <a:gd name="connsiteY6" fmla="*/ 175191 h 584767"/>
                <a:gd name="connsiteX7" fmla="*/ 464344 w 559826"/>
                <a:gd name="connsiteY7" fmla="*/ 37078 h 584767"/>
                <a:gd name="connsiteX8" fmla="*/ 499854 w 559826"/>
                <a:gd name="connsiteY8" fmla="*/ 63319 h 584767"/>
                <a:gd name="connsiteX9" fmla="*/ 438150 w 559826"/>
                <a:gd name="connsiteY9" fmla="*/ 158523 h 584767"/>
                <a:gd name="connsiteX10" fmla="*/ 514974 w 559826"/>
                <a:gd name="connsiteY10" fmla="*/ 83408 h 584767"/>
                <a:gd name="connsiteX11" fmla="*/ 545307 w 559826"/>
                <a:gd name="connsiteY11" fmla="*/ 103753 h 584767"/>
                <a:gd name="connsiteX12" fmla="*/ 450058 w 559826"/>
                <a:gd name="connsiteY12" fmla="*/ 232341 h 584767"/>
                <a:gd name="connsiteX13" fmla="*/ 538162 w 559826"/>
                <a:gd name="connsiteY13" fmla="*/ 165666 h 584767"/>
                <a:gd name="connsiteX14" fmla="*/ 559475 w 559826"/>
                <a:gd name="connsiteY14" fmla="*/ 191714 h 584767"/>
                <a:gd name="connsiteX15" fmla="*/ 518650 w 559826"/>
                <a:gd name="connsiteY15" fmla="*/ 239067 h 584767"/>
                <a:gd name="connsiteX16" fmla="*/ 276225 w 559826"/>
                <a:gd name="connsiteY16" fmla="*/ 408554 h 584767"/>
                <a:gd name="connsiteX17" fmla="*/ 176213 w 559826"/>
                <a:gd name="connsiteY17" fmla="*/ 584767 h 584767"/>
                <a:gd name="connsiteX18" fmla="*/ 73819 w 559826"/>
                <a:gd name="connsiteY18" fmla="*/ 513329 h 584767"/>
                <a:gd name="connsiteX19" fmla="*/ 0 w 559826"/>
                <a:gd name="connsiteY19" fmla="*/ 510947 h 584767"/>
                <a:gd name="connsiteX20" fmla="*/ 111919 w 559826"/>
                <a:gd name="connsiteY20" fmla="*/ 318065 h 584767"/>
                <a:gd name="connsiteX21" fmla="*/ 166688 w 559826"/>
                <a:gd name="connsiteY21" fmla="*/ 120422 h 584767"/>
                <a:gd name="connsiteX0" fmla="*/ 166688 w 564058"/>
                <a:gd name="connsiteY0" fmla="*/ 120422 h 584767"/>
                <a:gd name="connsiteX1" fmla="*/ 204788 w 564058"/>
                <a:gd name="connsiteY1" fmla="*/ 18028 h 584767"/>
                <a:gd name="connsiteX2" fmla="*/ 254794 w 564058"/>
                <a:gd name="connsiteY2" fmla="*/ 87084 h 584767"/>
                <a:gd name="connsiteX3" fmla="*/ 235744 w 564058"/>
                <a:gd name="connsiteY3" fmla="*/ 165665 h 584767"/>
                <a:gd name="connsiteX4" fmla="*/ 409575 w 564058"/>
                <a:gd name="connsiteY4" fmla="*/ 6122 h 584767"/>
                <a:gd name="connsiteX5" fmla="*/ 446797 w 564058"/>
                <a:gd name="connsiteY5" fmla="*/ 26259 h 584767"/>
                <a:gd name="connsiteX6" fmla="*/ 352426 w 564058"/>
                <a:gd name="connsiteY6" fmla="*/ 175191 h 584767"/>
                <a:gd name="connsiteX7" fmla="*/ 464344 w 564058"/>
                <a:gd name="connsiteY7" fmla="*/ 37078 h 584767"/>
                <a:gd name="connsiteX8" fmla="*/ 499854 w 564058"/>
                <a:gd name="connsiteY8" fmla="*/ 63319 h 584767"/>
                <a:gd name="connsiteX9" fmla="*/ 438150 w 564058"/>
                <a:gd name="connsiteY9" fmla="*/ 158523 h 584767"/>
                <a:gd name="connsiteX10" fmla="*/ 514974 w 564058"/>
                <a:gd name="connsiteY10" fmla="*/ 83408 h 584767"/>
                <a:gd name="connsiteX11" fmla="*/ 545307 w 564058"/>
                <a:gd name="connsiteY11" fmla="*/ 103753 h 584767"/>
                <a:gd name="connsiteX12" fmla="*/ 450058 w 564058"/>
                <a:gd name="connsiteY12" fmla="*/ 232341 h 584767"/>
                <a:gd name="connsiteX13" fmla="*/ 538162 w 564058"/>
                <a:gd name="connsiteY13" fmla="*/ 165666 h 584767"/>
                <a:gd name="connsiteX14" fmla="*/ 563822 w 564058"/>
                <a:gd name="connsiteY14" fmla="*/ 175414 h 584767"/>
                <a:gd name="connsiteX15" fmla="*/ 518650 w 564058"/>
                <a:gd name="connsiteY15" fmla="*/ 239067 h 584767"/>
                <a:gd name="connsiteX16" fmla="*/ 276225 w 564058"/>
                <a:gd name="connsiteY16" fmla="*/ 408554 h 584767"/>
                <a:gd name="connsiteX17" fmla="*/ 176213 w 564058"/>
                <a:gd name="connsiteY17" fmla="*/ 584767 h 584767"/>
                <a:gd name="connsiteX18" fmla="*/ 73819 w 564058"/>
                <a:gd name="connsiteY18" fmla="*/ 513329 h 584767"/>
                <a:gd name="connsiteX19" fmla="*/ 0 w 564058"/>
                <a:gd name="connsiteY19" fmla="*/ 510947 h 584767"/>
                <a:gd name="connsiteX20" fmla="*/ 111919 w 564058"/>
                <a:gd name="connsiteY20" fmla="*/ 318065 h 584767"/>
                <a:gd name="connsiteX21" fmla="*/ 166688 w 564058"/>
                <a:gd name="connsiteY21" fmla="*/ 120422 h 584767"/>
                <a:gd name="connsiteX0" fmla="*/ 166688 w 560876"/>
                <a:gd name="connsiteY0" fmla="*/ 120422 h 584767"/>
                <a:gd name="connsiteX1" fmla="*/ 204788 w 560876"/>
                <a:gd name="connsiteY1" fmla="*/ 18028 h 584767"/>
                <a:gd name="connsiteX2" fmla="*/ 254794 w 560876"/>
                <a:gd name="connsiteY2" fmla="*/ 87084 h 584767"/>
                <a:gd name="connsiteX3" fmla="*/ 235744 w 560876"/>
                <a:gd name="connsiteY3" fmla="*/ 165665 h 584767"/>
                <a:gd name="connsiteX4" fmla="*/ 409575 w 560876"/>
                <a:gd name="connsiteY4" fmla="*/ 6122 h 584767"/>
                <a:gd name="connsiteX5" fmla="*/ 446797 w 560876"/>
                <a:gd name="connsiteY5" fmla="*/ 26259 h 584767"/>
                <a:gd name="connsiteX6" fmla="*/ 352426 w 560876"/>
                <a:gd name="connsiteY6" fmla="*/ 175191 h 584767"/>
                <a:gd name="connsiteX7" fmla="*/ 464344 w 560876"/>
                <a:gd name="connsiteY7" fmla="*/ 37078 h 584767"/>
                <a:gd name="connsiteX8" fmla="*/ 499854 w 560876"/>
                <a:gd name="connsiteY8" fmla="*/ 63319 h 584767"/>
                <a:gd name="connsiteX9" fmla="*/ 438150 w 560876"/>
                <a:gd name="connsiteY9" fmla="*/ 158523 h 584767"/>
                <a:gd name="connsiteX10" fmla="*/ 514974 w 560876"/>
                <a:gd name="connsiteY10" fmla="*/ 83408 h 584767"/>
                <a:gd name="connsiteX11" fmla="*/ 545307 w 560876"/>
                <a:gd name="connsiteY11" fmla="*/ 103753 h 584767"/>
                <a:gd name="connsiteX12" fmla="*/ 450058 w 560876"/>
                <a:gd name="connsiteY12" fmla="*/ 232341 h 584767"/>
                <a:gd name="connsiteX13" fmla="*/ 538162 w 560876"/>
                <a:gd name="connsiteY13" fmla="*/ 165666 h 584767"/>
                <a:gd name="connsiteX14" fmla="*/ 560563 w 560876"/>
                <a:gd name="connsiteY14" fmla="*/ 183020 h 584767"/>
                <a:gd name="connsiteX15" fmla="*/ 518650 w 560876"/>
                <a:gd name="connsiteY15" fmla="*/ 239067 h 584767"/>
                <a:gd name="connsiteX16" fmla="*/ 276225 w 560876"/>
                <a:gd name="connsiteY16" fmla="*/ 408554 h 584767"/>
                <a:gd name="connsiteX17" fmla="*/ 176213 w 560876"/>
                <a:gd name="connsiteY17" fmla="*/ 584767 h 584767"/>
                <a:gd name="connsiteX18" fmla="*/ 73819 w 560876"/>
                <a:gd name="connsiteY18" fmla="*/ 513329 h 584767"/>
                <a:gd name="connsiteX19" fmla="*/ 0 w 560876"/>
                <a:gd name="connsiteY19" fmla="*/ 510947 h 584767"/>
                <a:gd name="connsiteX20" fmla="*/ 111919 w 560876"/>
                <a:gd name="connsiteY20" fmla="*/ 318065 h 584767"/>
                <a:gd name="connsiteX21" fmla="*/ 166688 w 560876"/>
                <a:gd name="connsiteY21" fmla="*/ 120422 h 584767"/>
                <a:gd name="connsiteX0" fmla="*/ 166688 w 560876"/>
                <a:gd name="connsiteY0" fmla="*/ 119247 h 583592"/>
                <a:gd name="connsiteX1" fmla="*/ 204788 w 560876"/>
                <a:gd name="connsiteY1" fmla="*/ 16853 h 583592"/>
                <a:gd name="connsiteX2" fmla="*/ 254794 w 560876"/>
                <a:gd name="connsiteY2" fmla="*/ 85909 h 583592"/>
                <a:gd name="connsiteX3" fmla="*/ 235744 w 560876"/>
                <a:gd name="connsiteY3" fmla="*/ 164490 h 583592"/>
                <a:gd name="connsiteX4" fmla="*/ 409575 w 560876"/>
                <a:gd name="connsiteY4" fmla="*/ 4947 h 583592"/>
                <a:gd name="connsiteX5" fmla="*/ 441364 w 560876"/>
                <a:gd name="connsiteY5" fmla="*/ 33777 h 583592"/>
                <a:gd name="connsiteX6" fmla="*/ 352426 w 560876"/>
                <a:gd name="connsiteY6" fmla="*/ 174016 h 583592"/>
                <a:gd name="connsiteX7" fmla="*/ 464344 w 560876"/>
                <a:gd name="connsiteY7" fmla="*/ 35903 h 583592"/>
                <a:gd name="connsiteX8" fmla="*/ 499854 w 560876"/>
                <a:gd name="connsiteY8" fmla="*/ 62144 h 583592"/>
                <a:gd name="connsiteX9" fmla="*/ 438150 w 560876"/>
                <a:gd name="connsiteY9" fmla="*/ 157348 h 583592"/>
                <a:gd name="connsiteX10" fmla="*/ 514974 w 560876"/>
                <a:gd name="connsiteY10" fmla="*/ 82233 h 583592"/>
                <a:gd name="connsiteX11" fmla="*/ 545307 w 560876"/>
                <a:gd name="connsiteY11" fmla="*/ 102578 h 583592"/>
                <a:gd name="connsiteX12" fmla="*/ 450058 w 560876"/>
                <a:gd name="connsiteY12" fmla="*/ 231166 h 583592"/>
                <a:gd name="connsiteX13" fmla="*/ 538162 w 560876"/>
                <a:gd name="connsiteY13" fmla="*/ 164491 h 583592"/>
                <a:gd name="connsiteX14" fmla="*/ 560563 w 560876"/>
                <a:gd name="connsiteY14" fmla="*/ 181845 h 583592"/>
                <a:gd name="connsiteX15" fmla="*/ 518650 w 560876"/>
                <a:gd name="connsiteY15" fmla="*/ 237892 h 583592"/>
                <a:gd name="connsiteX16" fmla="*/ 276225 w 560876"/>
                <a:gd name="connsiteY16" fmla="*/ 407379 h 583592"/>
                <a:gd name="connsiteX17" fmla="*/ 176213 w 560876"/>
                <a:gd name="connsiteY17" fmla="*/ 583592 h 583592"/>
                <a:gd name="connsiteX18" fmla="*/ 73819 w 560876"/>
                <a:gd name="connsiteY18" fmla="*/ 512154 h 583592"/>
                <a:gd name="connsiteX19" fmla="*/ 0 w 560876"/>
                <a:gd name="connsiteY19" fmla="*/ 509772 h 583592"/>
                <a:gd name="connsiteX20" fmla="*/ 111919 w 560876"/>
                <a:gd name="connsiteY20" fmla="*/ 316890 h 583592"/>
                <a:gd name="connsiteX21" fmla="*/ 166688 w 560876"/>
                <a:gd name="connsiteY21" fmla="*/ 119247 h 583592"/>
                <a:gd name="connsiteX0" fmla="*/ 166688 w 560876"/>
                <a:gd name="connsiteY0" fmla="*/ 109934 h 574279"/>
                <a:gd name="connsiteX1" fmla="*/ 204788 w 560876"/>
                <a:gd name="connsiteY1" fmla="*/ 7540 h 574279"/>
                <a:gd name="connsiteX2" fmla="*/ 254794 w 560876"/>
                <a:gd name="connsiteY2" fmla="*/ 76596 h 574279"/>
                <a:gd name="connsiteX3" fmla="*/ 235744 w 560876"/>
                <a:gd name="connsiteY3" fmla="*/ 155177 h 574279"/>
                <a:gd name="connsiteX4" fmla="*/ 404142 w 560876"/>
                <a:gd name="connsiteY4" fmla="*/ 6501 h 574279"/>
                <a:gd name="connsiteX5" fmla="*/ 441364 w 560876"/>
                <a:gd name="connsiteY5" fmla="*/ 24464 h 574279"/>
                <a:gd name="connsiteX6" fmla="*/ 352426 w 560876"/>
                <a:gd name="connsiteY6" fmla="*/ 164703 h 574279"/>
                <a:gd name="connsiteX7" fmla="*/ 464344 w 560876"/>
                <a:gd name="connsiteY7" fmla="*/ 26590 h 574279"/>
                <a:gd name="connsiteX8" fmla="*/ 499854 w 560876"/>
                <a:gd name="connsiteY8" fmla="*/ 52831 h 574279"/>
                <a:gd name="connsiteX9" fmla="*/ 438150 w 560876"/>
                <a:gd name="connsiteY9" fmla="*/ 148035 h 574279"/>
                <a:gd name="connsiteX10" fmla="*/ 514974 w 560876"/>
                <a:gd name="connsiteY10" fmla="*/ 72920 h 574279"/>
                <a:gd name="connsiteX11" fmla="*/ 545307 w 560876"/>
                <a:gd name="connsiteY11" fmla="*/ 93265 h 574279"/>
                <a:gd name="connsiteX12" fmla="*/ 450058 w 560876"/>
                <a:gd name="connsiteY12" fmla="*/ 221853 h 574279"/>
                <a:gd name="connsiteX13" fmla="*/ 538162 w 560876"/>
                <a:gd name="connsiteY13" fmla="*/ 155178 h 574279"/>
                <a:gd name="connsiteX14" fmla="*/ 560563 w 560876"/>
                <a:gd name="connsiteY14" fmla="*/ 172532 h 574279"/>
                <a:gd name="connsiteX15" fmla="*/ 518650 w 560876"/>
                <a:gd name="connsiteY15" fmla="*/ 228579 h 574279"/>
                <a:gd name="connsiteX16" fmla="*/ 276225 w 560876"/>
                <a:gd name="connsiteY16" fmla="*/ 398066 h 574279"/>
                <a:gd name="connsiteX17" fmla="*/ 176213 w 560876"/>
                <a:gd name="connsiteY17" fmla="*/ 574279 h 574279"/>
                <a:gd name="connsiteX18" fmla="*/ 73819 w 560876"/>
                <a:gd name="connsiteY18" fmla="*/ 502841 h 574279"/>
                <a:gd name="connsiteX19" fmla="*/ 0 w 560876"/>
                <a:gd name="connsiteY19" fmla="*/ 500459 h 574279"/>
                <a:gd name="connsiteX20" fmla="*/ 111919 w 560876"/>
                <a:gd name="connsiteY20" fmla="*/ 307577 h 574279"/>
                <a:gd name="connsiteX21" fmla="*/ 166688 w 560876"/>
                <a:gd name="connsiteY21" fmla="*/ 109934 h 574279"/>
                <a:gd name="connsiteX0" fmla="*/ 166688 w 560876"/>
                <a:gd name="connsiteY0" fmla="*/ 110826 h 575171"/>
                <a:gd name="connsiteX1" fmla="*/ 204788 w 560876"/>
                <a:gd name="connsiteY1" fmla="*/ 8432 h 575171"/>
                <a:gd name="connsiteX2" fmla="*/ 254794 w 560876"/>
                <a:gd name="connsiteY2" fmla="*/ 77488 h 575171"/>
                <a:gd name="connsiteX3" fmla="*/ 235744 w 560876"/>
                <a:gd name="connsiteY3" fmla="*/ 156069 h 575171"/>
                <a:gd name="connsiteX4" fmla="*/ 399796 w 560876"/>
                <a:gd name="connsiteY4" fmla="*/ 6306 h 575171"/>
                <a:gd name="connsiteX5" fmla="*/ 441364 w 560876"/>
                <a:gd name="connsiteY5" fmla="*/ 25356 h 575171"/>
                <a:gd name="connsiteX6" fmla="*/ 352426 w 560876"/>
                <a:gd name="connsiteY6" fmla="*/ 165595 h 575171"/>
                <a:gd name="connsiteX7" fmla="*/ 464344 w 560876"/>
                <a:gd name="connsiteY7" fmla="*/ 27482 h 575171"/>
                <a:gd name="connsiteX8" fmla="*/ 499854 w 560876"/>
                <a:gd name="connsiteY8" fmla="*/ 53723 h 575171"/>
                <a:gd name="connsiteX9" fmla="*/ 438150 w 560876"/>
                <a:gd name="connsiteY9" fmla="*/ 148927 h 575171"/>
                <a:gd name="connsiteX10" fmla="*/ 514974 w 560876"/>
                <a:gd name="connsiteY10" fmla="*/ 73812 h 575171"/>
                <a:gd name="connsiteX11" fmla="*/ 545307 w 560876"/>
                <a:gd name="connsiteY11" fmla="*/ 94157 h 575171"/>
                <a:gd name="connsiteX12" fmla="*/ 450058 w 560876"/>
                <a:gd name="connsiteY12" fmla="*/ 222745 h 575171"/>
                <a:gd name="connsiteX13" fmla="*/ 538162 w 560876"/>
                <a:gd name="connsiteY13" fmla="*/ 156070 h 575171"/>
                <a:gd name="connsiteX14" fmla="*/ 560563 w 560876"/>
                <a:gd name="connsiteY14" fmla="*/ 173424 h 575171"/>
                <a:gd name="connsiteX15" fmla="*/ 518650 w 560876"/>
                <a:gd name="connsiteY15" fmla="*/ 229471 h 575171"/>
                <a:gd name="connsiteX16" fmla="*/ 276225 w 560876"/>
                <a:gd name="connsiteY16" fmla="*/ 398958 h 575171"/>
                <a:gd name="connsiteX17" fmla="*/ 176213 w 560876"/>
                <a:gd name="connsiteY17" fmla="*/ 575171 h 575171"/>
                <a:gd name="connsiteX18" fmla="*/ 73819 w 560876"/>
                <a:gd name="connsiteY18" fmla="*/ 503733 h 575171"/>
                <a:gd name="connsiteX19" fmla="*/ 0 w 560876"/>
                <a:gd name="connsiteY19" fmla="*/ 501351 h 575171"/>
                <a:gd name="connsiteX20" fmla="*/ 111919 w 560876"/>
                <a:gd name="connsiteY20" fmla="*/ 308469 h 575171"/>
                <a:gd name="connsiteX21" fmla="*/ 166688 w 560876"/>
                <a:gd name="connsiteY21" fmla="*/ 110826 h 575171"/>
                <a:gd name="connsiteX0" fmla="*/ 166688 w 560876"/>
                <a:gd name="connsiteY0" fmla="*/ 117451 h 581796"/>
                <a:gd name="connsiteX1" fmla="*/ 204788 w 560876"/>
                <a:gd name="connsiteY1" fmla="*/ 15057 h 581796"/>
                <a:gd name="connsiteX2" fmla="*/ 254794 w 560876"/>
                <a:gd name="connsiteY2" fmla="*/ 84113 h 581796"/>
                <a:gd name="connsiteX3" fmla="*/ 235744 w 560876"/>
                <a:gd name="connsiteY3" fmla="*/ 162694 h 581796"/>
                <a:gd name="connsiteX4" fmla="*/ 399796 w 560876"/>
                <a:gd name="connsiteY4" fmla="*/ 12931 h 581796"/>
                <a:gd name="connsiteX5" fmla="*/ 441364 w 560876"/>
                <a:gd name="connsiteY5" fmla="*/ 31981 h 581796"/>
                <a:gd name="connsiteX6" fmla="*/ 352426 w 560876"/>
                <a:gd name="connsiteY6" fmla="*/ 172220 h 581796"/>
                <a:gd name="connsiteX7" fmla="*/ 464344 w 560876"/>
                <a:gd name="connsiteY7" fmla="*/ 34107 h 581796"/>
                <a:gd name="connsiteX8" fmla="*/ 499854 w 560876"/>
                <a:gd name="connsiteY8" fmla="*/ 60348 h 581796"/>
                <a:gd name="connsiteX9" fmla="*/ 438150 w 560876"/>
                <a:gd name="connsiteY9" fmla="*/ 155552 h 581796"/>
                <a:gd name="connsiteX10" fmla="*/ 514974 w 560876"/>
                <a:gd name="connsiteY10" fmla="*/ 80437 h 581796"/>
                <a:gd name="connsiteX11" fmla="*/ 545307 w 560876"/>
                <a:gd name="connsiteY11" fmla="*/ 100782 h 581796"/>
                <a:gd name="connsiteX12" fmla="*/ 450058 w 560876"/>
                <a:gd name="connsiteY12" fmla="*/ 229370 h 581796"/>
                <a:gd name="connsiteX13" fmla="*/ 538162 w 560876"/>
                <a:gd name="connsiteY13" fmla="*/ 162695 h 581796"/>
                <a:gd name="connsiteX14" fmla="*/ 560563 w 560876"/>
                <a:gd name="connsiteY14" fmla="*/ 180049 h 581796"/>
                <a:gd name="connsiteX15" fmla="*/ 518650 w 560876"/>
                <a:gd name="connsiteY15" fmla="*/ 236096 h 581796"/>
                <a:gd name="connsiteX16" fmla="*/ 276225 w 560876"/>
                <a:gd name="connsiteY16" fmla="*/ 405583 h 581796"/>
                <a:gd name="connsiteX17" fmla="*/ 176213 w 560876"/>
                <a:gd name="connsiteY17" fmla="*/ 581796 h 581796"/>
                <a:gd name="connsiteX18" fmla="*/ 73819 w 560876"/>
                <a:gd name="connsiteY18" fmla="*/ 510358 h 581796"/>
                <a:gd name="connsiteX19" fmla="*/ 0 w 560876"/>
                <a:gd name="connsiteY19" fmla="*/ 507976 h 581796"/>
                <a:gd name="connsiteX20" fmla="*/ 111919 w 560876"/>
                <a:gd name="connsiteY20" fmla="*/ 315094 h 581796"/>
                <a:gd name="connsiteX21" fmla="*/ 166688 w 560876"/>
                <a:gd name="connsiteY21" fmla="*/ 117451 h 581796"/>
                <a:gd name="connsiteX0" fmla="*/ 166688 w 560876"/>
                <a:gd name="connsiteY0" fmla="*/ 118715 h 583060"/>
                <a:gd name="connsiteX1" fmla="*/ 204788 w 560876"/>
                <a:gd name="connsiteY1" fmla="*/ 16321 h 583060"/>
                <a:gd name="connsiteX2" fmla="*/ 254794 w 560876"/>
                <a:gd name="connsiteY2" fmla="*/ 85377 h 583060"/>
                <a:gd name="connsiteX3" fmla="*/ 235744 w 560876"/>
                <a:gd name="connsiteY3" fmla="*/ 163958 h 583060"/>
                <a:gd name="connsiteX4" fmla="*/ 399796 w 560876"/>
                <a:gd name="connsiteY4" fmla="*/ 14195 h 583060"/>
                <a:gd name="connsiteX5" fmla="*/ 441364 w 560876"/>
                <a:gd name="connsiteY5" fmla="*/ 33245 h 583060"/>
                <a:gd name="connsiteX6" fmla="*/ 352426 w 560876"/>
                <a:gd name="connsiteY6" fmla="*/ 173484 h 583060"/>
                <a:gd name="connsiteX7" fmla="*/ 464344 w 560876"/>
                <a:gd name="connsiteY7" fmla="*/ 35371 h 583060"/>
                <a:gd name="connsiteX8" fmla="*/ 499854 w 560876"/>
                <a:gd name="connsiteY8" fmla="*/ 61612 h 583060"/>
                <a:gd name="connsiteX9" fmla="*/ 438150 w 560876"/>
                <a:gd name="connsiteY9" fmla="*/ 156816 h 583060"/>
                <a:gd name="connsiteX10" fmla="*/ 514974 w 560876"/>
                <a:gd name="connsiteY10" fmla="*/ 81701 h 583060"/>
                <a:gd name="connsiteX11" fmla="*/ 545307 w 560876"/>
                <a:gd name="connsiteY11" fmla="*/ 102046 h 583060"/>
                <a:gd name="connsiteX12" fmla="*/ 450058 w 560876"/>
                <a:gd name="connsiteY12" fmla="*/ 230634 h 583060"/>
                <a:gd name="connsiteX13" fmla="*/ 538162 w 560876"/>
                <a:gd name="connsiteY13" fmla="*/ 163959 h 583060"/>
                <a:gd name="connsiteX14" fmla="*/ 560563 w 560876"/>
                <a:gd name="connsiteY14" fmla="*/ 181313 h 583060"/>
                <a:gd name="connsiteX15" fmla="*/ 518650 w 560876"/>
                <a:gd name="connsiteY15" fmla="*/ 237360 h 583060"/>
                <a:gd name="connsiteX16" fmla="*/ 276225 w 560876"/>
                <a:gd name="connsiteY16" fmla="*/ 406847 h 583060"/>
                <a:gd name="connsiteX17" fmla="*/ 176213 w 560876"/>
                <a:gd name="connsiteY17" fmla="*/ 583060 h 583060"/>
                <a:gd name="connsiteX18" fmla="*/ 73819 w 560876"/>
                <a:gd name="connsiteY18" fmla="*/ 511622 h 583060"/>
                <a:gd name="connsiteX19" fmla="*/ 0 w 560876"/>
                <a:gd name="connsiteY19" fmla="*/ 509240 h 583060"/>
                <a:gd name="connsiteX20" fmla="*/ 111919 w 560876"/>
                <a:gd name="connsiteY20" fmla="*/ 316358 h 583060"/>
                <a:gd name="connsiteX21" fmla="*/ 166688 w 560876"/>
                <a:gd name="connsiteY21" fmla="*/ 118715 h 583060"/>
                <a:gd name="connsiteX0" fmla="*/ 166688 w 560876"/>
                <a:gd name="connsiteY0" fmla="*/ 119546 h 583891"/>
                <a:gd name="connsiteX1" fmla="*/ 204788 w 560876"/>
                <a:gd name="connsiteY1" fmla="*/ 17152 h 583891"/>
                <a:gd name="connsiteX2" fmla="*/ 254794 w 560876"/>
                <a:gd name="connsiteY2" fmla="*/ 86208 h 583891"/>
                <a:gd name="connsiteX3" fmla="*/ 235744 w 560876"/>
                <a:gd name="connsiteY3" fmla="*/ 164789 h 583891"/>
                <a:gd name="connsiteX4" fmla="*/ 401969 w 560876"/>
                <a:gd name="connsiteY4" fmla="*/ 13939 h 583891"/>
                <a:gd name="connsiteX5" fmla="*/ 441364 w 560876"/>
                <a:gd name="connsiteY5" fmla="*/ 34076 h 583891"/>
                <a:gd name="connsiteX6" fmla="*/ 352426 w 560876"/>
                <a:gd name="connsiteY6" fmla="*/ 174315 h 583891"/>
                <a:gd name="connsiteX7" fmla="*/ 464344 w 560876"/>
                <a:gd name="connsiteY7" fmla="*/ 36202 h 583891"/>
                <a:gd name="connsiteX8" fmla="*/ 499854 w 560876"/>
                <a:gd name="connsiteY8" fmla="*/ 62443 h 583891"/>
                <a:gd name="connsiteX9" fmla="*/ 438150 w 560876"/>
                <a:gd name="connsiteY9" fmla="*/ 157647 h 583891"/>
                <a:gd name="connsiteX10" fmla="*/ 514974 w 560876"/>
                <a:gd name="connsiteY10" fmla="*/ 82532 h 583891"/>
                <a:gd name="connsiteX11" fmla="*/ 545307 w 560876"/>
                <a:gd name="connsiteY11" fmla="*/ 102877 h 583891"/>
                <a:gd name="connsiteX12" fmla="*/ 450058 w 560876"/>
                <a:gd name="connsiteY12" fmla="*/ 231465 h 583891"/>
                <a:gd name="connsiteX13" fmla="*/ 538162 w 560876"/>
                <a:gd name="connsiteY13" fmla="*/ 164790 h 583891"/>
                <a:gd name="connsiteX14" fmla="*/ 560563 w 560876"/>
                <a:gd name="connsiteY14" fmla="*/ 182144 h 583891"/>
                <a:gd name="connsiteX15" fmla="*/ 518650 w 560876"/>
                <a:gd name="connsiteY15" fmla="*/ 238191 h 583891"/>
                <a:gd name="connsiteX16" fmla="*/ 276225 w 560876"/>
                <a:gd name="connsiteY16" fmla="*/ 407678 h 583891"/>
                <a:gd name="connsiteX17" fmla="*/ 176213 w 560876"/>
                <a:gd name="connsiteY17" fmla="*/ 583891 h 583891"/>
                <a:gd name="connsiteX18" fmla="*/ 73819 w 560876"/>
                <a:gd name="connsiteY18" fmla="*/ 512453 h 583891"/>
                <a:gd name="connsiteX19" fmla="*/ 0 w 560876"/>
                <a:gd name="connsiteY19" fmla="*/ 510071 h 583891"/>
                <a:gd name="connsiteX20" fmla="*/ 111919 w 560876"/>
                <a:gd name="connsiteY20" fmla="*/ 317189 h 583891"/>
                <a:gd name="connsiteX21" fmla="*/ 166688 w 560876"/>
                <a:gd name="connsiteY21" fmla="*/ 119546 h 58389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</a:cxnLst>
              <a:rect l="l" t="t" r="r" b="b"/>
              <a:pathLst>
                <a:path w="560876" h="583891">
                  <a:moveTo>
                    <a:pt x="166688" y="119546"/>
                  </a:moveTo>
                  <a:cubicBezTo>
                    <a:pt x="216298" y="88590"/>
                    <a:pt x="188914" y="52870"/>
                    <a:pt x="204788" y="17152"/>
                  </a:cubicBezTo>
                  <a:cubicBezTo>
                    <a:pt x="210676" y="11293"/>
                    <a:pt x="257969" y="20328"/>
                    <a:pt x="254794" y="86208"/>
                  </a:cubicBezTo>
                  <a:lnTo>
                    <a:pt x="235744" y="164789"/>
                  </a:lnTo>
                  <a:cubicBezTo>
                    <a:pt x="291306" y="136215"/>
                    <a:pt x="332120" y="121095"/>
                    <a:pt x="401969" y="13939"/>
                  </a:cubicBezTo>
                  <a:cubicBezTo>
                    <a:pt x="420432" y="-18111"/>
                    <a:pt x="457416" y="12190"/>
                    <a:pt x="441364" y="34076"/>
                  </a:cubicBezTo>
                  <a:lnTo>
                    <a:pt x="352426" y="174315"/>
                  </a:lnTo>
                  <a:cubicBezTo>
                    <a:pt x="389732" y="128277"/>
                    <a:pt x="431801" y="84782"/>
                    <a:pt x="464344" y="36202"/>
                  </a:cubicBezTo>
                  <a:cubicBezTo>
                    <a:pt x="480889" y="8366"/>
                    <a:pt x="524600" y="21823"/>
                    <a:pt x="499854" y="62443"/>
                  </a:cubicBezTo>
                  <a:lnTo>
                    <a:pt x="438150" y="157647"/>
                  </a:lnTo>
                  <a:cubicBezTo>
                    <a:pt x="431800" y="181062"/>
                    <a:pt x="491473" y="97707"/>
                    <a:pt x="514974" y="82532"/>
                  </a:cubicBezTo>
                  <a:cubicBezTo>
                    <a:pt x="532833" y="73404"/>
                    <a:pt x="549823" y="84706"/>
                    <a:pt x="545307" y="102877"/>
                  </a:cubicBezTo>
                  <a:cubicBezTo>
                    <a:pt x="546829" y="117939"/>
                    <a:pt x="447677" y="213606"/>
                    <a:pt x="450058" y="231465"/>
                  </a:cubicBezTo>
                  <a:cubicBezTo>
                    <a:pt x="448074" y="249721"/>
                    <a:pt x="519906" y="168362"/>
                    <a:pt x="538162" y="164790"/>
                  </a:cubicBezTo>
                  <a:cubicBezTo>
                    <a:pt x="555131" y="156389"/>
                    <a:pt x="562547" y="170635"/>
                    <a:pt x="560563" y="182144"/>
                  </a:cubicBezTo>
                  <a:cubicBezTo>
                    <a:pt x="558579" y="193653"/>
                    <a:pt x="541772" y="211288"/>
                    <a:pt x="518650" y="238191"/>
                  </a:cubicBezTo>
                  <a:cubicBezTo>
                    <a:pt x="471025" y="307644"/>
                    <a:pt x="371078" y="388230"/>
                    <a:pt x="276225" y="407678"/>
                  </a:cubicBezTo>
                  <a:lnTo>
                    <a:pt x="176213" y="583891"/>
                  </a:lnTo>
                  <a:cubicBezTo>
                    <a:pt x="134144" y="572778"/>
                    <a:pt x="101600" y="533091"/>
                    <a:pt x="73819" y="512453"/>
                  </a:cubicBezTo>
                  <a:lnTo>
                    <a:pt x="0" y="510071"/>
                  </a:lnTo>
                  <a:lnTo>
                    <a:pt x="111919" y="317189"/>
                  </a:lnTo>
                  <a:cubicBezTo>
                    <a:pt x="119857" y="258055"/>
                    <a:pt x="119063" y="147724"/>
                    <a:pt x="166688" y="119546"/>
                  </a:cubicBezTo>
                  <a:close/>
                </a:path>
              </a:pathLst>
            </a:custGeom>
            <a:solidFill>
              <a:srgbClr val="ECC5AA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grpSp>
          <p:nvGrpSpPr>
            <p:cNvPr id="128" name="Group 70"/>
            <p:cNvGrpSpPr/>
            <p:nvPr/>
          </p:nvGrpSpPr>
          <p:grpSpPr>
            <a:xfrm rot="1304201" flipH="1">
              <a:off x="7699865" y="3737997"/>
              <a:ext cx="868851" cy="1829646"/>
              <a:chOff x="5674058" y="2197224"/>
              <a:chExt cx="868851" cy="1829646"/>
            </a:xfrm>
          </p:grpSpPr>
          <p:sp>
            <p:nvSpPr>
              <p:cNvPr id="129" name="Freeform 71"/>
              <p:cNvSpPr/>
              <p:nvPr/>
            </p:nvSpPr>
            <p:spPr>
              <a:xfrm rot="521420" flipH="1">
                <a:off x="5815219" y="3210404"/>
                <a:ext cx="211270" cy="169188"/>
              </a:xfrm>
              <a:custGeom>
                <a:avLst/>
                <a:gdLst>
                  <a:gd name="connsiteX0" fmla="*/ 10080 w 212804"/>
                  <a:gd name="connsiteY0" fmla="*/ 80422 h 170970"/>
                  <a:gd name="connsiteX1" fmla="*/ 112473 w 212804"/>
                  <a:gd name="connsiteY1" fmla="*/ 13747 h 170970"/>
                  <a:gd name="connsiteX2" fmla="*/ 186292 w 212804"/>
                  <a:gd name="connsiteY2" fmla="*/ 1841 h 170970"/>
                  <a:gd name="connsiteX3" fmla="*/ 207723 w 212804"/>
                  <a:gd name="connsiteY3" fmla="*/ 39941 h 170970"/>
                  <a:gd name="connsiteX4" fmla="*/ 98186 w 212804"/>
                  <a:gd name="connsiteY4" fmla="*/ 139953 h 170970"/>
                  <a:gd name="connsiteX5" fmla="*/ 14842 w 212804"/>
                  <a:gd name="connsiteY5" fmla="*/ 168528 h 170970"/>
                  <a:gd name="connsiteX6" fmla="*/ 10080 w 212804"/>
                  <a:gd name="connsiteY6" fmla="*/ 80422 h 170970"/>
                  <a:gd name="connsiteX0" fmla="*/ 7636 w 211270"/>
                  <a:gd name="connsiteY0" fmla="*/ 78685 h 169233"/>
                  <a:gd name="connsiteX1" fmla="*/ 74310 w 211270"/>
                  <a:gd name="connsiteY1" fmla="*/ 28679 h 169233"/>
                  <a:gd name="connsiteX2" fmla="*/ 183848 w 211270"/>
                  <a:gd name="connsiteY2" fmla="*/ 104 h 169233"/>
                  <a:gd name="connsiteX3" fmla="*/ 205279 w 211270"/>
                  <a:gd name="connsiteY3" fmla="*/ 38204 h 169233"/>
                  <a:gd name="connsiteX4" fmla="*/ 95742 w 211270"/>
                  <a:gd name="connsiteY4" fmla="*/ 138216 h 169233"/>
                  <a:gd name="connsiteX5" fmla="*/ 12398 w 211270"/>
                  <a:gd name="connsiteY5" fmla="*/ 166791 h 169233"/>
                  <a:gd name="connsiteX6" fmla="*/ 7636 w 211270"/>
                  <a:gd name="connsiteY6" fmla="*/ 78685 h 169233"/>
                  <a:gd name="connsiteX0" fmla="*/ 7636 w 211270"/>
                  <a:gd name="connsiteY0" fmla="*/ 78640 h 169188"/>
                  <a:gd name="connsiteX1" fmla="*/ 74310 w 211270"/>
                  <a:gd name="connsiteY1" fmla="*/ 28634 h 169188"/>
                  <a:gd name="connsiteX2" fmla="*/ 183848 w 211270"/>
                  <a:gd name="connsiteY2" fmla="*/ 59 h 169188"/>
                  <a:gd name="connsiteX3" fmla="*/ 205279 w 211270"/>
                  <a:gd name="connsiteY3" fmla="*/ 38159 h 169188"/>
                  <a:gd name="connsiteX4" fmla="*/ 95742 w 211270"/>
                  <a:gd name="connsiteY4" fmla="*/ 138171 h 169188"/>
                  <a:gd name="connsiteX5" fmla="*/ 12398 w 211270"/>
                  <a:gd name="connsiteY5" fmla="*/ 166746 h 169188"/>
                  <a:gd name="connsiteX6" fmla="*/ 7636 w 211270"/>
                  <a:gd name="connsiteY6" fmla="*/ 78640 h 169188"/>
                  <a:gd name="connsiteX0" fmla="*/ 7636 w 211270"/>
                  <a:gd name="connsiteY0" fmla="*/ 78640 h 169188"/>
                  <a:gd name="connsiteX1" fmla="*/ 74310 w 211270"/>
                  <a:gd name="connsiteY1" fmla="*/ 28634 h 169188"/>
                  <a:gd name="connsiteX2" fmla="*/ 183848 w 211270"/>
                  <a:gd name="connsiteY2" fmla="*/ 59 h 169188"/>
                  <a:gd name="connsiteX3" fmla="*/ 205279 w 211270"/>
                  <a:gd name="connsiteY3" fmla="*/ 38159 h 169188"/>
                  <a:gd name="connsiteX4" fmla="*/ 95742 w 211270"/>
                  <a:gd name="connsiteY4" fmla="*/ 138171 h 169188"/>
                  <a:gd name="connsiteX5" fmla="*/ 12398 w 211270"/>
                  <a:gd name="connsiteY5" fmla="*/ 166746 h 169188"/>
                  <a:gd name="connsiteX6" fmla="*/ 7636 w 211270"/>
                  <a:gd name="connsiteY6" fmla="*/ 78640 h 16918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11270" h="169188">
                    <a:moveTo>
                      <a:pt x="7636" y="78640"/>
                    </a:moveTo>
                    <a:cubicBezTo>
                      <a:pt x="17955" y="55621"/>
                      <a:pt x="56847" y="39351"/>
                      <a:pt x="74310" y="28634"/>
                    </a:cubicBezTo>
                    <a:cubicBezTo>
                      <a:pt x="125110" y="29824"/>
                      <a:pt x="162020" y="-1528"/>
                      <a:pt x="183848" y="59"/>
                    </a:cubicBezTo>
                    <a:cubicBezTo>
                      <a:pt x="205676" y="1646"/>
                      <a:pt x="219963" y="15140"/>
                      <a:pt x="205279" y="38159"/>
                    </a:cubicBezTo>
                    <a:cubicBezTo>
                      <a:pt x="190595" y="61178"/>
                      <a:pt x="127889" y="116740"/>
                      <a:pt x="95742" y="138171"/>
                    </a:cubicBezTo>
                    <a:cubicBezTo>
                      <a:pt x="63595" y="159602"/>
                      <a:pt x="28670" y="175477"/>
                      <a:pt x="12398" y="166746"/>
                    </a:cubicBezTo>
                    <a:cubicBezTo>
                      <a:pt x="-3874" y="158015"/>
                      <a:pt x="-2683" y="101659"/>
                      <a:pt x="7636" y="78640"/>
                    </a:cubicBezTo>
                    <a:close/>
                  </a:path>
                </a:pathLst>
              </a:custGeom>
              <a:solidFill>
                <a:sysClr val="windowText" lastClr="000000">
                  <a:lumMod val="65000"/>
                  <a:lumOff val="35000"/>
                </a:sys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30" name="Rectangle 5"/>
              <p:cNvSpPr/>
              <p:nvPr/>
            </p:nvSpPr>
            <p:spPr>
              <a:xfrm>
                <a:off x="5931655" y="2921658"/>
                <a:ext cx="507243" cy="1049206"/>
              </a:xfrm>
              <a:custGeom>
                <a:avLst/>
                <a:gdLst>
                  <a:gd name="connsiteX0" fmla="*/ 0 w 597695"/>
                  <a:gd name="connsiteY0" fmla="*/ 0 h 876300"/>
                  <a:gd name="connsiteX1" fmla="*/ 597695 w 597695"/>
                  <a:gd name="connsiteY1" fmla="*/ 0 h 876300"/>
                  <a:gd name="connsiteX2" fmla="*/ 597695 w 597695"/>
                  <a:gd name="connsiteY2" fmla="*/ 876300 h 876300"/>
                  <a:gd name="connsiteX3" fmla="*/ 0 w 597695"/>
                  <a:gd name="connsiteY3" fmla="*/ 876300 h 876300"/>
                  <a:gd name="connsiteX4" fmla="*/ 0 w 597695"/>
                  <a:gd name="connsiteY4" fmla="*/ 0 h 876300"/>
                  <a:gd name="connsiteX0" fmla="*/ 0 w 597695"/>
                  <a:gd name="connsiteY0" fmla="*/ 0 h 876300"/>
                  <a:gd name="connsiteX1" fmla="*/ 597695 w 597695"/>
                  <a:gd name="connsiteY1" fmla="*/ 0 h 876300"/>
                  <a:gd name="connsiteX2" fmla="*/ 595314 w 597695"/>
                  <a:gd name="connsiteY2" fmla="*/ 147639 h 876300"/>
                  <a:gd name="connsiteX3" fmla="*/ 597695 w 597695"/>
                  <a:gd name="connsiteY3" fmla="*/ 876300 h 876300"/>
                  <a:gd name="connsiteX4" fmla="*/ 0 w 597695"/>
                  <a:gd name="connsiteY4" fmla="*/ 876300 h 876300"/>
                  <a:gd name="connsiteX5" fmla="*/ 0 w 597695"/>
                  <a:gd name="connsiteY5" fmla="*/ 0 h 876300"/>
                  <a:gd name="connsiteX0" fmla="*/ 0 w 597695"/>
                  <a:gd name="connsiteY0" fmla="*/ 2380 h 878680"/>
                  <a:gd name="connsiteX1" fmla="*/ 397670 w 597695"/>
                  <a:gd name="connsiteY1" fmla="*/ 0 h 878680"/>
                  <a:gd name="connsiteX2" fmla="*/ 597695 w 597695"/>
                  <a:gd name="connsiteY2" fmla="*/ 2380 h 878680"/>
                  <a:gd name="connsiteX3" fmla="*/ 595314 w 597695"/>
                  <a:gd name="connsiteY3" fmla="*/ 150019 h 878680"/>
                  <a:gd name="connsiteX4" fmla="*/ 597695 w 597695"/>
                  <a:gd name="connsiteY4" fmla="*/ 878680 h 878680"/>
                  <a:gd name="connsiteX5" fmla="*/ 0 w 597695"/>
                  <a:gd name="connsiteY5" fmla="*/ 878680 h 878680"/>
                  <a:gd name="connsiteX6" fmla="*/ 0 w 597695"/>
                  <a:gd name="connsiteY6" fmla="*/ 2380 h 878680"/>
                  <a:gd name="connsiteX0" fmla="*/ 0 w 597695"/>
                  <a:gd name="connsiteY0" fmla="*/ 2380 h 878680"/>
                  <a:gd name="connsiteX1" fmla="*/ 397670 w 597695"/>
                  <a:gd name="connsiteY1" fmla="*/ 0 h 878680"/>
                  <a:gd name="connsiteX2" fmla="*/ 595314 w 597695"/>
                  <a:gd name="connsiteY2" fmla="*/ 150019 h 878680"/>
                  <a:gd name="connsiteX3" fmla="*/ 597695 w 597695"/>
                  <a:gd name="connsiteY3" fmla="*/ 878680 h 878680"/>
                  <a:gd name="connsiteX4" fmla="*/ 0 w 597695"/>
                  <a:gd name="connsiteY4" fmla="*/ 878680 h 878680"/>
                  <a:gd name="connsiteX5" fmla="*/ 0 w 597695"/>
                  <a:gd name="connsiteY5" fmla="*/ 2380 h 878680"/>
                  <a:gd name="connsiteX0" fmla="*/ 0 w 597695"/>
                  <a:gd name="connsiteY0" fmla="*/ 2380 h 878680"/>
                  <a:gd name="connsiteX1" fmla="*/ 116683 w 597695"/>
                  <a:gd name="connsiteY1" fmla="*/ 2381 h 878680"/>
                  <a:gd name="connsiteX2" fmla="*/ 397670 w 597695"/>
                  <a:gd name="connsiteY2" fmla="*/ 0 h 878680"/>
                  <a:gd name="connsiteX3" fmla="*/ 595314 w 597695"/>
                  <a:gd name="connsiteY3" fmla="*/ 150019 h 878680"/>
                  <a:gd name="connsiteX4" fmla="*/ 597695 w 597695"/>
                  <a:gd name="connsiteY4" fmla="*/ 878680 h 878680"/>
                  <a:gd name="connsiteX5" fmla="*/ 0 w 597695"/>
                  <a:gd name="connsiteY5" fmla="*/ 878680 h 878680"/>
                  <a:gd name="connsiteX6" fmla="*/ 0 w 597695"/>
                  <a:gd name="connsiteY6" fmla="*/ 2380 h 878680"/>
                  <a:gd name="connsiteX0" fmla="*/ 0 w 641269"/>
                  <a:gd name="connsiteY0" fmla="*/ 2380 h 878680"/>
                  <a:gd name="connsiteX1" fmla="*/ 116683 w 641269"/>
                  <a:gd name="connsiteY1" fmla="*/ 2381 h 878680"/>
                  <a:gd name="connsiteX2" fmla="*/ 397670 w 641269"/>
                  <a:gd name="connsiteY2" fmla="*/ 0 h 878680"/>
                  <a:gd name="connsiteX3" fmla="*/ 595314 w 641269"/>
                  <a:gd name="connsiteY3" fmla="*/ 150019 h 878680"/>
                  <a:gd name="connsiteX4" fmla="*/ 595314 w 641269"/>
                  <a:gd name="connsiteY4" fmla="*/ 440531 h 878680"/>
                  <a:gd name="connsiteX5" fmla="*/ 597695 w 641269"/>
                  <a:gd name="connsiteY5" fmla="*/ 878680 h 878680"/>
                  <a:gd name="connsiteX6" fmla="*/ 0 w 641269"/>
                  <a:gd name="connsiteY6" fmla="*/ 878680 h 878680"/>
                  <a:gd name="connsiteX7" fmla="*/ 0 w 641269"/>
                  <a:gd name="connsiteY7" fmla="*/ 2380 h 878680"/>
                  <a:gd name="connsiteX0" fmla="*/ 0 w 623587"/>
                  <a:gd name="connsiteY0" fmla="*/ 2380 h 878680"/>
                  <a:gd name="connsiteX1" fmla="*/ 116683 w 623587"/>
                  <a:gd name="connsiteY1" fmla="*/ 2381 h 878680"/>
                  <a:gd name="connsiteX2" fmla="*/ 397670 w 623587"/>
                  <a:gd name="connsiteY2" fmla="*/ 0 h 878680"/>
                  <a:gd name="connsiteX3" fmla="*/ 595314 w 623587"/>
                  <a:gd name="connsiteY3" fmla="*/ 150019 h 878680"/>
                  <a:gd name="connsiteX4" fmla="*/ 478633 w 623587"/>
                  <a:gd name="connsiteY4" fmla="*/ 390524 h 878680"/>
                  <a:gd name="connsiteX5" fmla="*/ 597695 w 623587"/>
                  <a:gd name="connsiteY5" fmla="*/ 878680 h 878680"/>
                  <a:gd name="connsiteX6" fmla="*/ 0 w 623587"/>
                  <a:gd name="connsiteY6" fmla="*/ 878680 h 878680"/>
                  <a:gd name="connsiteX7" fmla="*/ 0 w 623587"/>
                  <a:gd name="connsiteY7" fmla="*/ 2380 h 878680"/>
                  <a:gd name="connsiteX0" fmla="*/ 0 w 623587"/>
                  <a:gd name="connsiteY0" fmla="*/ 2380 h 878680"/>
                  <a:gd name="connsiteX1" fmla="*/ 116683 w 623587"/>
                  <a:gd name="connsiteY1" fmla="*/ 2381 h 878680"/>
                  <a:gd name="connsiteX2" fmla="*/ 397670 w 623587"/>
                  <a:gd name="connsiteY2" fmla="*/ 0 h 878680"/>
                  <a:gd name="connsiteX3" fmla="*/ 595314 w 623587"/>
                  <a:gd name="connsiteY3" fmla="*/ 150019 h 878680"/>
                  <a:gd name="connsiteX4" fmla="*/ 478633 w 623587"/>
                  <a:gd name="connsiteY4" fmla="*/ 390524 h 878680"/>
                  <a:gd name="connsiteX5" fmla="*/ 597695 w 623587"/>
                  <a:gd name="connsiteY5" fmla="*/ 878680 h 878680"/>
                  <a:gd name="connsiteX6" fmla="*/ 0 w 623587"/>
                  <a:gd name="connsiteY6" fmla="*/ 878680 h 878680"/>
                  <a:gd name="connsiteX7" fmla="*/ 0 w 623587"/>
                  <a:gd name="connsiteY7" fmla="*/ 2380 h 878680"/>
                  <a:gd name="connsiteX0" fmla="*/ 0 w 623587"/>
                  <a:gd name="connsiteY0" fmla="*/ 2380 h 878680"/>
                  <a:gd name="connsiteX1" fmla="*/ 116683 w 623587"/>
                  <a:gd name="connsiteY1" fmla="*/ 2381 h 878680"/>
                  <a:gd name="connsiteX2" fmla="*/ 397670 w 623587"/>
                  <a:gd name="connsiteY2" fmla="*/ 0 h 878680"/>
                  <a:gd name="connsiteX3" fmla="*/ 595314 w 623587"/>
                  <a:gd name="connsiteY3" fmla="*/ 150019 h 878680"/>
                  <a:gd name="connsiteX4" fmla="*/ 478633 w 623587"/>
                  <a:gd name="connsiteY4" fmla="*/ 390524 h 878680"/>
                  <a:gd name="connsiteX5" fmla="*/ 597695 w 623587"/>
                  <a:gd name="connsiteY5" fmla="*/ 878680 h 878680"/>
                  <a:gd name="connsiteX6" fmla="*/ 0 w 623587"/>
                  <a:gd name="connsiteY6" fmla="*/ 878680 h 878680"/>
                  <a:gd name="connsiteX7" fmla="*/ 0 w 623587"/>
                  <a:gd name="connsiteY7" fmla="*/ 2380 h 878680"/>
                  <a:gd name="connsiteX0" fmla="*/ 0 w 623587"/>
                  <a:gd name="connsiteY0" fmla="*/ 2380 h 878680"/>
                  <a:gd name="connsiteX1" fmla="*/ 116683 w 623587"/>
                  <a:gd name="connsiteY1" fmla="*/ 2381 h 878680"/>
                  <a:gd name="connsiteX2" fmla="*/ 397670 w 623587"/>
                  <a:gd name="connsiteY2" fmla="*/ 0 h 878680"/>
                  <a:gd name="connsiteX3" fmla="*/ 595314 w 623587"/>
                  <a:gd name="connsiteY3" fmla="*/ 150019 h 878680"/>
                  <a:gd name="connsiteX4" fmla="*/ 478633 w 623587"/>
                  <a:gd name="connsiteY4" fmla="*/ 390524 h 878680"/>
                  <a:gd name="connsiteX5" fmla="*/ 597695 w 623587"/>
                  <a:gd name="connsiteY5" fmla="*/ 878680 h 878680"/>
                  <a:gd name="connsiteX6" fmla="*/ 500064 w 623587"/>
                  <a:gd name="connsiteY6" fmla="*/ 876300 h 878680"/>
                  <a:gd name="connsiteX7" fmla="*/ 0 w 623587"/>
                  <a:gd name="connsiteY7" fmla="*/ 878680 h 878680"/>
                  <a:gd name="connsiteX8" fmla="*/ 0 w 623587"/>
                  <a:gd name="connsiteY8" fmla="*/ 2380 h 878680"/>
                  <a:gd name="connsiteX0" fmla="*/ 0 w 595314"/>
                  <a:gd name="connsiteY0" fmla="*/ 2380 h 878680"/>
                  <a:gd name="connsiteX1" fmla="*/ 116683 w 595314"/>
                  <a:gd name="connsiteY1" fmla="*/ 2381 h 878680"/>
                  <a:gd name="connsiteX2" fmla="*/ 397670 w 595314"/>
                  <a:gd name="connsiteY2" fmla="*/ 0 h 878680"/>
                  <a:gd name="connsiteX3" fmla="*/ 595314 w 595314"/>
                  <a:gd name="connsiteY3" fmla="*/ 150019 h 878680"/>
                  <a:gd name="connsiteX4" fmla="*/ 478633 w 595314"/>
                  <a:gd name="connsiteY4" fmla="*/ 390524 h 878680"/>
                  <a:gd name="connsiteX5" fmla="*/ 500064 w 595314"/>
                  <a:gd name="connsiteY5" fmla="*/ 876300 h 878680"/>
                  <a:gd name="connsiteX6" fmla="*/ 0 w 595314"/>
                  <a:gd name="connsiteY6" fmla="*/ 878680 h 878680"/>
                  <a:gd name="connsiteX7" fmla="*/ 0 w 595314"/>
                  <a:gd name="connsiteY7" fmla="*/ 2380 h 878680"/>
                  <a:gd name="connsiteX0" fmla="*/ 0 w 595314"/>
                  <a:gd name="connsiteY0" fmla="*/ 2380 h 878680"/>
                  <a:gd name="connsiteX1" fmla="*/ 116683 w 595314"/>
                  <a:gd name="connsiteY1" fmla="*/ 2381 h 878680"/>
                  <a:gd name="connsiteX2" fmla="*/ 397670 w 595314"/>
                  <a:gd name="connsiteY2" fmla="*/ 0 h 878680"/>
                  <a:gd name="connsiteX3" fmla="*/ 595314 w 595314"/>
                  <a:gd name="connsiteY3" fmla="*/ 150019 h 878680"/>
                  <a:gd name="connsiteX4" fmla="*/ 478633 w 595314"/>
                  <a:gd name="connsiteY4" fmla="*/ 390524 h 878680"/>
                  <a:gd name="connsiteX5" fmla="*/ 500064 w 595314"/>
                  <a:gd name="connsiteY5" fmla="*/ 876300 h 878680"/>
                  <a:gd name="connsiteX6" fmla="*/ 0 w 595314"/>
                  <a:gd name="connsiteY6" fmla="*/ 878680 h 878680"/>
                  <a:gd name="connsiteX7" fmla="*/ 0 w 595314"/>
                  <a:gd name="connsiteY7" fmla="*/ 2380 h 878680"/>
                  <a:gd name="connsiteX0" fmla="*/ 0 w 595314"/>
                  <a:gd name="connsiteY0" fmla="*/ 2380 h 878680"/>
                  <a:gd name="connsiteX1" fmla="*/ 116683 w 595314"/>
                  <a:gd name="connsiteY1" fmla="*/ 2381 h 878680"/>
                  <a:gd name="connsiteX2" fmla="*/ 397670 w 595314"/>
                  <a:gd name="connsiteY2" fmla="*/ 0 h 878680"/>
                  <a:gd name="connsiteX3" fmla="*/ 595314 w 595314"/>
                  <a:gd name="connsiteY3" fmla="*/ 150019 h 878680"/>
                  <a:gd name="connsiteX4" fmla="*/ 490539 w 595314"/>
                  <a:gd name="connsiteY4" fmla="*/ 388143 h 878680"/>
                  <a:gd name="connsiteX5" fmla="*/ 500064 w 595314"/>
                  <a:gd name="connsiteY5" fmla="*/ 876300 h 878680"/>
                  <a:gd name="connsiteX6" fmla="*/ 0 w 595314"/>
                  <a:gd name="connsiteY6" fmla="*/ 878680 h 878680"/>
                  <a:gd name="connsiteX7" fmla="*/ 0 w 595314"/>
                  <a:gd name="connsiteY7" fmla="*/ 2380 h 878680"/>
                  <a:gd name="connsiteX0" fmla="*/ 0 w 595314"/>
                  <a:gd name="connsiteY0" fmla="*/ 2380 h 878680"/>
                  <a:gd name="connsiteX1" fmla="*/ 116683 w 595314"/>
                  <a:gd name="connsiteY1" fmla="*/ 2381 h 878680"/>
                  <a:gd name="connsiteX2" fmla="*/ 397670 w 595314"/>
                  <a:gd name="connsiteY2" fmla="*/ 0 h 878680"/>
                  <a:gd name="connsiteX3" fmla="*/ 595314 w 595314"/>
                  <a:gd name="connsiteY3" fmla="*/ 150019 h 878680"/>
                  <a:gd name="connsiteX4" fmla="*/ 490539 w 595314"/>
                  <a:gd name="connsiteY4" fmla="*/ 388143 h 878680"/>
                  <a:gd name="connsiteX5" fmla="*/ 500064 w 595314"/>
                  <a:gd name="connsiteY5" fmla="*/ 876300 h 878680"/>
                  <a:gd name="connsiteX6" fmla="*/ 397670 w 595314"/>
                  <a:gd name="connsiteY6" fmla="*/ 876300 h 878680"/>
                  <a:gd name="connsiteX7" fmla="*/ 0 w 595314"/>
                  <a:gd name="connsiteY7" fmla="*/ 878680 h 878680"/>
                  <a:gd name="connsiteX8" fmla="*/ 0 w 595314"/>
                  <a:gd name="connsiteY8" fmla="*/ 2380 h 878680"/>
                  <a:gd name="connsiteX0" fmla="*/ 0 w 595314"/>
                  <a:gd name="connsiteY0" fmla="*/ 2380 h 878680"/>
                  <a:gd name="connsiteX1" fmla="*/ 116683 w 595314"/>
                  <a:gd name="connsiteY1" fmla="*/ 2381 h 878680"/>
                  <a:gd name="connsiteX2" fmla="*/ 397670 w 595314"/>
                  <a:gd name="connsiteY2" fmla="*/ 0 h 878680"/>
                  <a:gd name="connsiteX3" fmla="*/ 595314 w 595314"/>
                  <a:gd name="connsiteY3" fmla="*/ 150019 h 878680"/>
                  <a:gd name="connsiteX4" fmla="*/ 490539 w 595314"/>
                  <a:gd name="connsiteY4" fmla="*/ 388143 h 878680"/>
                  <a:gd name="connsiteX5" fmla="*/ 500064 w 595314"/>
                  <a:gd name="connsiteY5" fmla="*/ 876300 h 878680"/>
                  <a:gd name="connsiteX6" fmla="*/ 397670 w 595314"/>
                  <a:gd name="connsiteY6" fmla="*/ 876300 h 878680"/>
                  <a:gd name="connsiteX7" fmla="*/ 0 w 595314"/>
                  <a:gd name="connsiteY7" fmla="*/ 878680 h 878680"/>
                  <a:gd name="connsiteX8" fmla="*/ 0 w 595314"/>
                  <a:gd name="connsiteY8" fmla="*/ 2380 h 878680"/>
                  <a:gd name="connsiteX0" fmla="*/ 2380 w 597694"/>
                  <a:gd name="connsiteY0" fmla="*/ 2380 h 878680"/>
                  <a:gd name="connsiteX1" fmla="*/ 119063 w 597694"/>
                  <a:gd name="connsiteY1" fmla="*/ 2381 h 878680"/>
                  <a:gd name="connsiteX2" fmla="*/ 400050 w 597694"/>
                  <a:gd name="connsiteY2" fmla="*/ 0 h 878680"/>
                  <a:gd name="connsiteX3" fmla="*/ 597694 w 597694"/>
                  <a:gd name="connsiteY3" fmla="*/ 150019 h 878680"/>
                  <a:gd name="connsiteX4" fmla="*/ 492919 w 597694"/>
                  <a:gd name="connsiteY4" fmla="*/ 388143 h 878680"/>
                  <a:gd name="connsiteX5" fmla="*/ 502444 w 597694"/>
                  <a:gd name="connsiteY5" fmla="*/ 876300 h 878680"/>
                  <a:gd name="connsiteX6" fmla="*/ 400050 w 597694"/>
                  <a:gd name="connsiteY6" fmla="*/ 876300 h 878680"/>
                  <a:gd name="connsiteX7" fmla="*/ 2380 w 597694"/>
                  <a:gd name="connsiteY7" fmla="*/ 878680 h 878680"/>
                  <a:gd name="connsiteX8" fmla="*/ 0 w 597694"/>
                  <a:gd name="connsiteY8" fmla="*/ 573881 h 878680"/>
                  <a:gd name="connsiteX9" fmla="*/ 2380 w 597694"/>
                  <a:gd name="connsiteY9" fmla="*/ 2380 h 878680"/>
                  <a:gd name="connsiteX0" fmla="*/ 2380 w 597694"/>
                  <a:gd name="connsiteY0" fmla="*/ 2380 h 876300"/>
                  <a:gd name="connsiteX1" fmla="*/ 119063 w 597694"/>
                  <a:gd name="connsiteY1" fmla="*/ 2381 h 876300"/>
                  <a:gd name="connsiteX2" fmla="*/ 400050 w 597694"/>
                  <a:gd name="connsiteY2" fmla="*/ 0 h 876300"/>
                  <a:gd name="connsiteX3" fmla="*/ 597694 w 597694"/>
                  <a:gd name="connsiteY3" fmla="*/ 150019 h 876300"/>
                  <a:gd name="connsiteX4" fmla="*/ 492919 w 597694"/>
                  <a:gd name="connsiteY4" fmla="*/ 388143 h 876300"/>
                  <a:gd name="connsiteX5" fmla="*/ 502444 w 597694"/>
                  <a:gd name="connsiteY5" fmla="*/ 876300 h 876300"/>
                  <a:gd name="connsiteX6" fmla="*/ 400050 w 597694"/>
                  <a:gd name="connsiteY6" fmla="*/ 876300 h 876300"/>
                  <a:gd name="connsiteX7" fmla="*/ 0 w 597694"/>
                  <a:gd name="connsiteY7" fmla="*/ 573881 h 876300"/>
                  <a:gd name="connsiteX8" fmla="*/ 2380 w 597694"/>
                  <a:gd name="connsiteY8" fmla="*/ 2380 h 876300"/>
                  <a:gd name="connsiteX0" fmla="*/ 2380 w 597694"/>
                  <a:gd name="connsiteY0" fmla="*/ 2380 h 876300"/>
                  <a:gd name="connsiteX1" fmla="*/ 119063 w 597694"/>
                  <a:gd name="connsiteY1" fmla="*/ 2381 h 876300"/>
                  <a:gd name="connsiteX2" fmla="*/ 400050 w 597694"/>
                  <a:gd name="connsiteY2" fmla="*/ 0 h 876300"/>
                  <a:gd name="connsiteX3" fmla="*/ 597694 w 597694"/>
                  <a:gd name="connsiteY3" fmla="*/ 150019 h 876300"/>
                  <a:gd name="connsiteX4" fmla="*/ 492919 w 597694"/>
                  <a:gd name="connsiteY4" fmla="*/ 388143 h 876300"/>
                  <a:gd name="connsiteX5" fmla="*/ 502444 w 597694"/>
                  <a:gd name="connsiteY5" fmla="*/ 876300 h 876300"/>
                  <a:gd name="connsiteX6" fmla="*/ 411956 w 597694"/>
                  <a:gd name="connsiteY6" fmla="*/ 797719 h 876300"/>
                  <a:gd name="connsiteX7" fmla="*/ 0 w 597694"/>
                  <a:gd name="connsiteY7" fmla="*/ 573881 h 876300"/>
                  <a:gd name="connsiteX8" fmla="*/ 2380 w 597694"/>
                  <a:gd name="connsiteY8" fmla="*/ 2380 h 876300"/>
                  <a:gd name="connsiteX0" fmla="*/ 2 w 595316"/>
                  <a:gd name="connsiteY0" fmla="*/ 2380 h 876300"/>
                  <a:gd name="connsiteX1" fmla="*/ 116685 w 595316"/>
                  <a:gd name="connsiteY1" fmla="*/ 2381 h 876300"/>
                  <a:gd name="connsiteX2" fmla="*/ 397672 w 595316"/>
                  <a:gd name="connsiteY2" fmla="*/ 0 h 876300"/>
                  <a:gd name="connsiteX3" fmla="*/ 595316 w 595316"/>
                  <a:gd name="connsiteY3" fmla="*/ 150019 h 876300"/>
                  <a:gd name="connsiteX4" fmla="*/ 490541 w 595316"/>
                  <a:gd name="connsiteY4" fmla="*/ 388143 h 876300"/>
                  <a:gd name="connsiteX5" fmla="*/ 500066 w 595316"/>
                  <a:gd name="connsiteY5" fmla="*/ 876300 h 876300"/>
                  <a:gd name="connsiteX6" fmla="*/ 409578 w 595316"/>
                  <a:gd name="connsiteY6" fmla="*/ 797719 h 876300"/>
                  <a:gd name="connsiteX7" fmla="*/ 345284 w 595316"/>
                  <a:gd name="connsiteY7" fmla="*/ 416718 h 876300"/>
                  <a:gd name="connsiteX8" fmla="*/ 2 w 595316"/>
                  <a:gd name="connsiteY8" fmla="*/ 2380 h 876300"/>
                  <a:gd name="connsiteX0" fmla="*/ 0 w 595314"/>
                  <a:gd name="connsiteY0" fmla="*/ 2380 h 876300"/>
                  <a:gd name="connsiteX1" fmla="*/ 116683 w 595314"/>
                  <a:gd name="connsiteY1" fmla="*/ 2381 h 876300"/>
                  <a:gd name="connsiteX2" fmla="*/ 397670 w 595314"/>
                  <a:gd name="connsiteY2" fmla="*/ 0 h 876300"/>
                  <a:gd name="connsiteX3" fmla="*/ 595314 w 595314"/>
                  <a:gd name="connsiteY3" fmla="*/ 150019 h 876300"/>
                  <a:gd name="connsiteX4" fmla="*/ 490539 w 595314"/>
                  <a:gd name="connsiteY4" fmla="*/ 388143 h 876300"/>
                  <a:gd name="connsiteX5" fmla="*/ 500064 w 595314"/>
                  <a:gd name="connsiteY5" fmla="*/ 876300 h 876300"/>
                  <a:gd name="connsiteX6" fmla="*/ 409576 w 595314"/>
                  <a:gd name="connsiteY6" fmla="*/ 797719 h 876300"/>
                  <a:gd name="connsiteX7" fmla="*/ 345282 w 595314"/>
                  <a:gd name="connsiteY7" fmla="*/ 416718 h 876300"/>
                  <a:gd name="connsiteX8" fmla="*/ 247652 w 595314"/>
                  <a:gd name="connsiteY8" fmla="*/ 257175 h 876300"/>
                  <a:gd name="connsiteX9" fmla="*/ 0 w 595314"/>
                  <a:gd name="connsiteY9" fmla="*/ 2380 h 876300"/>
                  <a:gd name="connsiteX0" fmla="*/ 0 w 595314"/>
                  <a:gd name="connsiteY0" fmla="*/ 2380 h 876300"/>
                  <a:gd name="connsiteX1" fmla="*/ 116683 w 595314"/>
                  <a:gd name="connsiteY1" fmla="*/ 2381 h 876300"/>
                  <a:gd name="connsiteX2" fmla="*/ 397670 w 595314"/>
                  <a:gd name="connsiteY2" fmla="*/ 0 h 876300"/>
                  <a:gd name="connsiteX3" fmla="*/ 595314 w 595314"/>
                  <a:gd name="connsiteY3" fmla="*/ 150019 h 876300"/>
                  <a:gd name="connsiteX4" fmla="*/ 490539 w 595314"/>
                  <a:gd name="connsiteY4" fmla="*/ 388143 h 876300"/>
                  <a:gd name="connsiteX5" fmla="*/ 500064 w 595314"/>
                  <a:gd name="connsiteY5" fmla="*/ 876300 h 876300"/>
                  <a:gd name="connsiteX6" fmla="*/ 409576 w 595314"/>
                  <a:gd name="connsiteY6" fmla="*/ 797719 h 876300"/>
                  <a:gd name="connsiteX7" fmla="*/ 345282 w 595314"/>
                  <a:gd name="connsiteY7" fmla="*/ 416718 h 876300"/>
                  <a:gd name="connsiteX8" fmla="*/ 445295 w 595314"/>
                  <a:gd name="connsiteY8" fmla="*/ 152400 h 876300"/>
                  <a:gd name="connsiteX9" fmla="*/ 0 w 595314"/>
                  <a:gd name="connsiteY9" fmla="*/ 2380 h 876300"/>
                  <a:gd name="connsiteX0" fmla="*/ 0 w 595314"/>
                  <a:gd name="connsiteY0" fmla="*/ 2380 h 876300"/>
                  <a:gd name="connsiteX1" fmla="*/ 116683 w 595314"/>
                  <a:gd name="connsiteY1" fmla="*/ 2381 h 876300"/>
                  <a:gd name="connsiteX2" fmla="*/ 397670 w 595314"/>
                  <a:gd name="connsiteY2" fmla="*/ 0 h 876300"/>
                  <a:gd name="connsiteX3" fmla="*/ 595314 w 595314"/>
                  <a:gd name="connsiteY3" fmla="*/ 150019 h 876300"/>
                  <a:gd name="connsiteX4" fmla="*/ 490539 w 595314"/>
                  <a:gd name="connsiteY4" fmla="*/ 388143 h 876300"/>
                  <a:gd name="connsiteX5" fmla="*/ 500064 w 595314"/>
                  <a:gd name="connsiteY5" fmla="*/ 876300 h 876300"/>
                  <a:gd name="connsiteX6" fmla="*/ 409576 w 595314"/>
                  <a:gd name="connsiteY6" fmla="*/ 797719 h 876300"/>
                  <a:gd name="connsiteX7" fmla="*/ 345282 w 595314"/>
                  <a:gd name="connsiteY7" fmla="*/ 416718 h 876300"/>
                  <a:gd name="connsiteX8" fmla="*/ 445295 w 595314"/>
                  <a:gd name="connsiteY8" fmla="*/ 152400 h 876300"/>
                  <a:gd name="connsiteX9" fmla="*/ 0 w 595314"/>
                  <a:gd name="connsiteY9" fmla="*/ 2380 h 876300"/>
                  <a:gd name="connsiteX0" fmla="*/ 0 w 595314"/>
                  <a:gd name="connsiteY0" fmla="*/ 2380 h 876300"/>
                  <a:gd name="connsiteX1" fmla="*/ 116683 w 595314"/>
                  <a:gd name="connsiteY1" fmla="*/ 2381 h 876300"/>
                  <a:gd name="connsiteX2" fmla="*/ 397670 w 595314"/>
                  <a:gd name="connsiteY2" fmla="*/ 0 h 876300"/>
                  <a:gd name="connsiteX3" fmla="*/ 595314 w 595314"/>
                  <a:gd name="connsiteY3" fmla="*/ 150019 h 876300"/>
                  <a:gd name="connsiteX4" fmla="*/ 490539 w 595314"/>
                  <a:gd name="connsiteY4" fmla="*/ 388143 h 876300"/>
                  <a:gd name="connsiteX5" fmla="*/ 500064 w 595314"/>
                  <a:gd name="connsiteY5" fmla="*/ 876300 h 876300"/>
                  <a:gd name="connsiteX6" fmla="*/ 409576 w 595314"/>
                  <a:gd name="connsiteY6" fmla="*/ 797719 h 876300"/>
                  <a:gd name="connsiteX7" fmla="*/ 345282 w 595314"/>
                  <a:gd name="connsiteY7" fmla="*/ 416718 h 876300"/>
                  <a:gd name="connsiteX8" fmla="*/ 428627 w 595314"/>
                  <a:gd name="connsiteY8" fmla="*/ 161925 h 876300"/>
                  <a:gd name="connsiteX9" fmla="*/ 0 w 595314"/>
                  <a:gd name="connsiteY9" fmla="*/ 2380 h 876300"/>
                  <a:gd name="connsiteX0" fmla="*/ 0 w 595314"/>
                  <a:gd name="connsiteY0" fmla="*/ 2380 h 876300"/>
                  <a:gd name="connsiteX1" fmla="*/ 116683 w 595314"/>
                  <a:gd name="connsiteY1" fmla="*/ 2381 h 876300"/>
                  <a:gd name="connsiteX2" fmla="*/ 397670 w 595314"/>
                  <a:gd name="connsiteY2" fmla="*/ 0 h 876300"/>
                  <a:gd name="connsiteX3" fmla="*/ 595314 w 595314"/>
                  <a:gd name="connsiteY3" fmla="*/ 150019 h 876300"/>
                  <a:gd name="connsiteX4" fmla="*/ 490539 w 595314"/>
                  <a:gd name="connsiteY4" fmla="*/ 388143 h 876300"/>
                  <a:gd name="connsiteX5" fmla="*/ 500064 w 595314"/>
                  <a:gd name="connsiteY5" fmla="*/ 876300 h 876300"/>
                  <a:gd name="connsiteX6" fmla="*/ 409576 w 595314"/>
                  <a:gd name="connsiteY6" fmla="*/ 797719 h 876300"/>
                  <a:gd name="connsiteX7" fmla="*/ 345282 w 595314"/>
                  <a:gd name="connsiteY7" fmla="*/ 416718 h 876300"/>
                  <a:gd name="connsiteX8" fmla="*/ 428627 w 595314"/>
                  <a:gd name="connsiteY8" fmla="*/ 161925 h 876300"/>
                  <a:gd name="connsiteX9" fmla="*/ 264320 w 595314"/>
                  <a:gd name="connsiteY9" fmla="*/ 85725 h 876300"/>
                  <a:gd name="connsiteX10" fmla="*/ 0 w 595314"/>
                  <a:gd name="connsiteY10" fmla="*/ 2380 h 876300"/>
                  <a:gd name="connsiteX0" fmla="*/ 0 w 595314"/>
                  <a:gd name="connsiteY0" fmla="*/ 2380 h 876300"/>
                  <a:gd name="connsiteX1" fmla="*/ 116683 w 595314"/>
                  <a:gd name="connsiteY1" fmla="*/ 2381 h 876300"/>
                  <a:gd name="connsiteX2" fmla="*/ 397670 w 595314"/>
                  <a:gd name="connsiteY2" fmla="*/ 0 h 876300"/>
                  <a:gd name="connsiteX3" fmla="*/ 595314 w 595314"/>
                  <a:gd name="connsiteY3" fmla="*/ 150019 h 876300"/>
                  <a:gd name="connsiteX4" fmla="*/ 490539 w 595314"/>
                  <a:gd name="connsiteY4" fmla="*/ 388143 h 876300"/>
                  <a:gd name="connsiteX5" fmla="*/ 500064 w 595314"/>
                  <a:gd name="connsiteY5" fmla="*/ 876300 h 876300"/>
                  <a:gd name="connsiteX6" fmla="*/ 409576 w 595314"/>
                  <a:gd name="connsiteY6" fmla="*/ 797719 h 876300"/>
                  <a:gd name="connsiteX7" fmla="*/ 345282 w 595314"/>
                  <a:gd name="connsiteY7" fmla="*/ 416718 h 876300"/>
                  <a:gd name="connsiteX8" fmla="*/ 428627 w 595314"/>
                  <a:gd name="connsiteY8" fmla="*/ 161925 h 876300"/>
                  <a:gd name="connsiteX9" fmla="*/ 190501 w 595314"/>
                  <a:gd name="connsiteY9" fmla="*/ 554831 h 876300"/>
                  <a:gd name="connsiteX10" fmla="*/ 0 w 595314"/>
                  <a:gd name="connsiteY10" fmla="*/ 2380 h 876300"/>
                  <a:gd name="connsiteX0" fmla="*/ 0 w 595314"/>
                  <a:gd name="connsiteY0" fmla="*/ 2380 h 876300"/>
                  <a:gd name="connsiteX1" fmla="*/ 116683 w 595314"/>
                  <a:gd name="connsiteY1" fmla="*/ 2381 h 876300"/>
                  <a:gd name="connsiteX2" fmla="*/ 397670 w 595314"/>
                  <a:gd name="connsiteY2" fmla="*/ 0 h 876300"/>
                  <a:gd name="connsiteX3" fmla="*/ 595314 w 595314"/>
                  <a:gd name="connsiteY3" fmla="*/ 150019 h 876300"/>
                  <a:gd name="connsiteX4" fmla="*/ 490539 w 595314"/>
                  <a:gd name="connsiteY4" fmla="*/ 388143 h 876300"/>
                  <a:gd name="connsiteX5" fmla="*/ 500064 w 595314"/>
                  <a:gd name="connsiteY5" fmla="*/ 876300 h 876300"/>
                  <a:gd name="connsiteX6" fmla="*/ 409576 w 595314"/>
                  <a:gd name="connsiteY6" fmla="*/ 797719 h 876300"/>
                  <a:gd name="connsiteX7" fmla="*/ 345282 w 595314"/>
                  <a:gd name="connsiteY7" fmla="*/ 416718 h 876300"/>
                  <a:gd name="connsiteX8" fmla="*/ 428627 w 595314"/>
                  <a:gd name="connsiteY8" fmla="*/ 161925 h 876300"/>
                  <a:gd name="connsiteX9" fmla="*/ 200026 w 595314"/>
                  <a:gd name="connsiteY9" fmla="*/ 469106 h 876300"/>
                  <a:gd name="connsiteX10" fmla="*/ 0 w 595314"/>
                  <a:gd name="connsiteY10" fmla="*/ 2380 h 876300"/>
                  <a:gd name="connsiteX0" fmla="*/ 0 w 595314"/>
                  <a:gd name="connsiteY0" fmla="*/ 2380 h 876300"/>
                  <a:gd name="connsiteX1" fmla="*/ 116683 w 595314"/>
                  <a:gd name="connsiteY1" fmla="*/ 2381 h 876300"/>
                  <a:gd name="connsiteX2" fmla="*/ 397670 w 595314"/>
                  <a:gd name="connsiteY2" fmla="*/ 0 h 876300"/>
                  <a:gd name="connsiteX3" fmla="*/ 595314 w 595314"/>
                  <a:gd name="connsiteY3" fmla="*/ 150019 h 876300"/>
                  <a:gd name="connsiteX4" fmla="*/ 490539 w 595314"/>
                  <a:gd name="connsiteY4" fmla="*/ 388143 h 876300"/>
                  <a:gd name="connsiteX5" fmla="*/ 500064 w 595314"/>
                  <a:gd name="connsiteY5" fmla="*/ 876300 h 876300"/>
                  <a:gd name="connsiteX6" fmla="*/ 409576 w 595314"/>
                  <a:gd name="connsiteY6" fmla="*/ 797719 h 876300"/>
                  <a:gd name="connsiteX7" fmla="*/ 345282 w 595314"/>
                  <a:gd name="connsiteY7" fmla="*/ 416718 h 876300"/>
                  <a:gd name="connsiteX8" fmla="*/ 428627 w 595314"/>
                  <a:gd name="connsiteY8" fmla="*/ 161925 h 876300"/>
                  <a:gd name="connsiteX9" fmla="*/ 309564 w 595314"/>
                  <a:gd name="connsiteY9" fmla="*/ 347663 h 876300"/>
                  <a:gd name="connsiteX10" fmla="*/ 200026 w 595314"/>
                  <a:gd name="connsiteY10" fmla="*/ 469106 h 876300"/>
                  <a:gd name="connsiteX11" fmla="*/ 0 w 595314"/>
                  <a:gd name="connsiteY11" fmla="*/ 2380 h 876300"/>
                  <a:gd name="connsiteX0" fmla="*/ 0 w 595314"/>
                  <a:gd name="connsiteY0" fmla="*/ 2380 h 876300"/>
                  <a:gd name="connsiteX1" fmla="*/ 116683 w 595314"/>
                  <a:gd name="connsiteY1" fmla="*/ 2381 h 876300"/>
                  <a:gd name="connsiteX2" fmla="*/ 397670 w 595314"/>
                  <a:gd name="connsiteY2" fmla="*/ 0 h 876300"/>
                  <a:gd name="connsiteX3" fmla="*/ 595314 w 595314"/>
                  <a:gd name="connsiteY3" fmla="*/ 150019 h 876300"/>
                  <a:gd name="connsiteX4" fmla="*/ 490539 w 595314"/>
                  <a:gd name="connsiteY4" fmla="*/ 388143 h 876300"/>
                  <a:gd name="connsiteX5" fmla="*/ 500064 w 595314"/>
                  <a:gd name="connsiteY5" fmla="*/ 876300 h 876300"/>
                  <a:gd name="connsiteX6" fmla="*/ 409576 w 595314"/>
                  <a:gd name="connsiteY6" fmla="*/ 797719 h 876300"/>
                  <a:gd name="connsiteX7" fmla="*/ 345282 w 595314"/>
                  <a:gd name="connsiteY7" fmla="*/ 416718 h 876300"/>
                  <a:gd name="connsiteX8" fmla="*/ 428627 w 595314"/>
                  <a:gd name="connsiteY8" fmla="*/ 161925 h 876300"/>
                  <a:gd name="connsiteX9" fmla="*/ 200026 w 595314"/>
                  <a:gd name="connsiteY9" fmla="*/ 119063 h 876300"/>
                  <a:gd name="connsiteX10" fmla="*/ 200026 w 595314"/>
                  <a:gd name="connsiteY10" fmla="*/ 469106 h 876300"/>
                  <a:gd name="connsiteX11" fmla="*/ 0 w 595314"/>
                  <a:gd name="connsiteY11" fmla="*/ 2380 h 876300"/>
                  <a:gd name="connsiteX0" fmla="*/ 0 w 595314"/>
                  <a:gd name="connsiteY0" fmla="*/ 2380 h 876300"/>
                  <a:gd name="connsiteX1" fmla="*/ 116683 w 595314"/>
                  <a:gd name="connsiteY1" fmla="*/ 2381 h 876300"/>
                  <a:gd name="connsiteX2" fmla="*/ 397670 w 595314"/>
                  <a:gd name="connsiteY2" fmla="*/ 0 h 876300"/>
                  <a:gd name="connsiteX3" fmla="*/ 595314 w 595314"/>
                  <a:gd name="connsiteY3" fmla="*/ 150019 h 876300"/>
                  <a:gd name="connsiteX4" fmla="*/ 490539 w 595314"/>
                  <a:gd name="connsiteY4" fmla="*/ 388143 h 876300"/>
                  <a:gd name="connsiteX5" fmla="*/ 500064 w 595314"/>
                  <a:gd name="connsiteY5" fmla="*/ 876300 h 876300"/>
                  <a:gd name="connsiteX6" fmla="*/ 409576 w 595314"/>
                  <a:gd name="connsiteY6" fmla="*/ 797719 h 876300"/>
                  <a:gd name="connsiteX7" fmla="*/ 345282 w 595314"/>
                  <a:gd name="connsiteY7" fmla="*/ 416718 h 876300"/>
                  <a:gd name="connsiteX8" fmla="*/ 428627 w 595314"/>
                  <a:gd name="connsiteY8" fmla="*/ 161925 h 876300"/>
                  <a:gd name="connsiteX9" fmla="*/ 200026 w 595314"/>
                  <a:gd name="connsiteY9" fmla="*/ 119063 h 876300"/>
                  <a:gd name="connsiteX10" fmla="*/ 200026 w 595314"/>
                  <a:gd name="connsiteY10" fmla="*/ 469106 h 876300"/>
                  <a:gd name="connsiteX11" fmla="*/ 0 w 595314"/>
                  <a:gd name="connsiteY11" fmla="*/ 2380 h 876300"/>
                  <a:gd name="connsiteX0" fmla="*/ 0 w 595314"/>
                  <a:gd name="connsiteY0" fmla="*/ 2380 h 876300"/>
                  <a:gd name="connsiteX1" fmla="*/ 116683 w 595314"/>
                  <a:gd name="connsiteY1" fmla="*/ 2381 h 876300"/>
                  <a:gd name="connsiteX2" fmla="*/ 397670 w 595314"/>
                  <a:gd name="connsiteY2" fmla="*/ 0 h 876300"/>
                  <a:gd name="connsiteX3" fmla="*/ 595314 w 595314"/>
                  <a:gd name="connsiteY3" fmla="*/ 150019 h 876300"/>
                  <a:gd name="connsiteX4" fmla="*/ 490539 w 595314"/>
                  <a:gd name="connsiteY4" fmla="*/ 388143 h 876300"/>
                  <a:gd name="connsiteX5" fmla="*/ 500064 w 595314"/>
                  <a:gd name="connsiteY5" fmla="*/ 876300 h 876300"/>
                  <a:gd name="connsiteX6" fmla="*/ 409576 w 595314"/>
                  <a:gd name="connsiteY6" fmla="*/ 797719 h 876300"/>
                  <a:gd name="connsiteX7" fmla="*/ 345282 w 595314"/>
                  <a:gd name="connsiteY7" fmla="*/ 416718 h 876300"/>
                  <a:gd name="connsiteX8" fmla="*/ 428627 w 595314"/>
                  <a:gd name="connsiteY8" fmla="*/ 161925 h 876300"/>
                  <a:gd name="connsiteX9" fmla="*/ 200026 w 595314"/>
                  <a:gd name="connsiteY9" fmla="*/ 119063 h 876300"/>
                  <a:gd name="connsiteX10" fmla="*/ 200026 w 595314"/>
                  <a:gd name="connsiteY10" fmla="*/ 469106 h 876300"/>
                  <a:gd name="connsiteX11" fmla="*/ 128589 w 595314"/>
                  <a:gd name="connsiteY11" fmla="*/ 350044 h 876300"/>
                  <a:gd name="connsiteX12" fmla="*/ 0 w 595314"/>
                  <a:gd name="connsiteY12" fmla="*/ 2380 h 876300"/>
                  <a:gd name="connsiteX0" fmla="*/ 0 w 595314"/>
                  <a:gd name="connsiteY0" fmla="*/ 2380 h 876300"/>
                  <a:gd name="connsiteX1" fmla="*/ 116683 w 595314"/>
                  <a:gd name="connsiteY1" fmla="*/ 2381 h 876300"/>
                  <a:gd name="connsiteX2" fmla="*/ 397670 w 595314"/>
                  <a:gd name="connsiteY2" fmla="*/ 0 h 876300"/>
                  <a:gd name="connsiteX3" fmla="*/ 595314 w 595314"/>
                  <a:gd name="connsiteY3" fmla="*/ 150019 h 876300"/>
                  <a:gd name="connsiteX4" fmla="*/ 490539 w 595314"/>
                  <a:gd name="connsiteY4" fmla="*/ 388143 h 876300"/>
                  <a:gd name="connsiteX5" fmla="*/ 500064 w 595314"/>
                  <a:gd name="connsiteY5" fmla="*/ 876300 h 876300"/>
                  <a:gd name="connsiteX6" fmla="*/ 409576 w 595314"/>
                  <a:gd name="connsiteY6" fmla="*/ 797719 h 876300"/>
                  <a:gd name="connsiteX7" fmla="*/ 345282 w 595314"/>
                  <a:gd name="connsiteY7" fmla="*/ 416718 h 876300"/>
                  <a:gd name="connsiteX8" fmla="*/ 428627 w 595314"/>
                  <a:gd name="connsiteY8" fmla="*/ 161925 h 876300"/>
                  <a:gd name="connsiteX9" fmla="*/ 200026 w 595314"/>
                  <a:gd name="connsiteY9" fmla="*/ 119063 h 876300"/>
                  <a:gd name="connsiteX10" fmla="*/ 200026 w 595314"/>
                  <a:gd name="connsiteY10" fmla="*/ 469106 h 876300"/>
                  <a:gd name="connsiteX11" fmla="*/ 119064 w 595314"/>
                  <a:gd name="connsiteY11" fmla="*/ 383381 h 876300"/>
                  <a:gd name="connsiteX12" fmla="*/ 0 w 595314"/>
                  <a:gd name="connsiteY12" fmla="*/ 2380 h 876300"/>
                  <a:gd name="connsiteX0" fmla="*/ 0 w 595314"/>
                  <a:gd name="connsiteY0" fmla="*/ 2380 h 876300"/>
                  <a:gd name="connsiteX1" fmla="*/ 116683 w 595314"/>
                  <a:gd name="connsiteY1" fmla="*/ 2381 h 876300"/>
                  <a:gd name="connsiteX2" fmla="*/ 397670 w 595314"/>
                  <a:gd name="connsiteY2" fmla="*/ 0 h 876300"/>
                  <a:gd name="connsiteX3" fmla="*/ 595314 w 595314"/>
                  <a:gd name="connsiteY3" fmla="*/ 150019 h 876300"/>
                  <a:gd name="connsiteX4" fmla="*/ 490539 w 595314"/>
                  <a:gd name="connsiteY4" fmla="*/ 388143 h 876300"/>
                  <a:gd name="connsiteX5" fmla="*/ 500064 w 595314"/>
                  <a:gd name="connsiteY5" fmla="*/ 876300 h 876300"/>
                  <a:gd name="connsiteX6" fmla="*/ 409576 w 595314"/>
                  <a:gd name="connsiteY6" fmla="*/ 797719 h 876300"/>
                  <a:gd name="connsiteX7" fmla="*/ 345282 w 595314"/>
                  <a:gd name="connsiteY7" fmla="*/ 416718 h 876300"/>
                  <a:gd name="connsiteX8" fmla="*/ 428627 w 595314"/>
                  <a:gd name="connsiteY8" fmla="*/ 161925 h 876300"/>
                  <a:gd name="connsiteX9" fmla="*/ 200026 w 595314"/>
                  <a:gd name="connsiteY9" fmla="*/ 119063 h 876300"/>
                  <a:gd name="connsiteX10" fmla="*/ 200026 w 595314"/>
                  <a:gd name="connsiteY10" fmla="*/ 469106 h 876300"/>
                  <a:gd name="connsiteX11" fmla="*/ 119064 w 595314"/>
                  <a:gd name="connsiteY11" fmla="*/ 383381 h 876300"/>
                  <a:gd name="connsiteX12" fmla="*/ 0 w 595314"/>
                  <a:gd name="connsiteY12" fmla="*/ 2380 h 876300"/>
                  <a:gd name="connsiteX0" fmla="*/ 0 w 595314"/>
                  <a:gd name="connsiteY0" fmla="*/ 2380 h 876300"/>
                  <a:gd name="connsiteX1" fmla="*/ 116683 w 595314"/>
                  <a:gd name="connsiteY1" fmla="*/ 2381 h 876300"/>
                  <a:gd name="connsiteX2" fmla="*/ 397670 w 595314"/>
                  <a:gd name="connsiteY2" fmla="*/ 0 h 876300"/>
                  <a:gd name="connsiteX3" fmla="*/ 595314 w 595314"/>
                  <a:gd name="connsiteY3" fmla="*/ 150019 h 876300"/>
                  <a:gd name="connsiteX4" fmla="*/ 490539 w 595314"/>
                  <a:gd name="connsiteY4" fmla="*/ 388143 h 876300"/>
                  <a:gd name="connsiteX5" fmla="*/ 500064 w 595314"/>
                  <a:gd name="connsiteY5" fmla="*/ 876300 h 876300"/>
                  <a:gd name="connsiteX6" fmla="*/ 409576 w 595314"/>
                  <a:gd name="connsiteY6" fmla="*/ 797719 h 876300"/>
                  <a:gd name="connsiteX7" fmla="*/ 345282 w 595314"/>
                  <a:gd name="connsiteY7" fmla="*/ 416718 h 876300"/>
                  <a:gd name="connsiteX8" fmla="*/ 428627 w 595314"/>
                  <a:gd name="connsiteY8" fmla="*/ 161925 h 876300"/>
                  <a:gd name="connsiteX9" fmla="*/ 200026 w 595314"/>
                  <a:gd name="connsiteY9" fmla="*/ 119063 h 876300"/>
                  <a:gd name="connsiteX10" fmla="*/ 200026 w 595314"/>
                  <a:gd name="connsiteY10" fmla="*/ 469106 h 876300"/>
                  <a:gd name="connsiteX11" fmla="*/ 119064 w 595314"/>
                  <a:gd name="connsiteY11" fmla="*/ 383381 h 876300"/>
                  <a:gd name="connsiteX12" fmla="*/ 0 w 595314"/>
                  <a:gd name="connsiteY12" fmla="*/ 2380 h 876300"/>
                  <a:gd name="connsiteX0" fmla="*/ 0 w 595314"/>
                  <a:gd name="connsiteY0" fmla="*/ 2380 h 876300"/>
                  <a:gd name="connsiteX1" fmla="*/ 116683 w 595314"/>
                  <a:gd name="connsiteY1" fmla="*/ 2381 h 876300"/>
                  <a:gd name="connsiteX2" fmla="*/ 397670 w 595314"/>
                  <a:gd name="connsiteY2" fmla="*/ 0 h 876300"/>
                  <a:gd name="connsiteX3" fmla="*/ 595314 w 595314"/>
                  <a:gd name="connsiteY3" fmla="*/ 150019 h 876300"/>
                  <a:gd name="connsiteX4" fmla="*/ 490539 w 595314"/>
                  <a:gd name="connsiteY4" fmla="*/ 388143 h 876300"/>
                  <a:gd name="connsiteX5" fmla="*/ 500064 w 595314"/>
                  <a:gd name="connsiteY5" fmla="*/ 876300 h 876300"/>
                  <a:gd name="connsiteX6" fmla="*/ 409576 w 595314"/>
                  <a:gd name="connsiteY6" fmla="*/ 797719 h 876300"/>
                  <a:gd name="connsiteX7" fmla="*/ 345282 w 595314"/>
                  <a:gd name="connsiteY7" fmla="*/ 416718 h 876300"/>
                  <a:gd name="connsiteX8" fmla="*/ 428627 w 595314"/>
                  <a:gd name="connsiteY8" fmla="*/ 161925 h 876300"/>
                  <a:gd name="connsiteX9" fmla="*/ 200026 w 595314"/>
                  <a:gd name="connsiteY9" fmla="*/ 119063 h 876300"/>
                  <a:gd name="connsiteX10" fmla="*/ 200026 w 595314"/>
                  <a:gd name="connsiteY10" fmla="*/ 469106 h 876300"/>
                  <a:gd name="connsiteX11" fmla="*/ 119064 w 595314"/>
                  <a:gd name="connsiteY11" fmla="*/ 383381 h 876300"/>
                  <a:gd name="connsiteX12" fmla="*/ 0 w 595314"/>
                  <a:gd name="connsiteY12" fmla="*/ 2380 h 876300"/>
                  <a:gd name="connsiteX0" fmla="*/ 0 w 595314"/>
                  <a:gd name="connsiteY0" fmla="*/ 2380 h 876300"/>
                  <a:gd name="connsiteX1" fmla="*/ 116683 w 595314"/>
                  <a:gd name="connsiteY1" fmla="*/ 2381 h 876300"/>
                  <a:gd name="connsiteX2" fmla="*/ 397670 w 595314"/>
                  <a:gd name="connsiteY2" fmla="*/ 0 h 876300"/>
                  <a:gd name="connsiteX3" fmla="*/ 595314 w 595314"/>
                  <a:gd name="connsiteY3" fmla="*/ 150019 h 876300"/>
                  <a:gd name="connsiteX4" fmla="*/ 490539 w 595314"/>
                  <a:gd name="connsiteY4" fmla="*/ 388143 h 876300"/>
                  <a:gd name="connsiteX5" fmla="*/ 500064 w 595314"/>
                  <a:gd name="connsiteY5" fmla="*/ 876300 h 876300"/>
                  <a:gd name="connsiteX6" fmla="*/ 409576 w 595314"/>
                  <a:gd name="connsiteY6" fmla="*/ 797719 h 876300"/>
                  <a:gd name="connsiteX7" fmla="*/ 345282 w 595314"/>
                  <a:gd name="connsiteY7" fmla="*/ 416718 h 876300"/>
                  <a:gd name="connsiteX8" fmla="*/ 428627 w 595314"/>
                  <a:gd name="connsiteY8" fmla="*/ 161925 h 876300"/>
                  <a:gd name="connsiteX9" fmla="*/ 200026 w 595314"/>
                  <a:gd name="connsiteY9" fmla="*/ 119063 h 876300"/>
                  <a:gd name="connsiteX10" fmla="*/ 200026 w 595314"/>
                  <a:gd name="connsiteY10" fmla="*/ 442912 h 876300"/>
                  <a:gd name="connsiteX11" fmla="*/ 119064 w 595314"/>
                  <a:gd name="connsiteY11" fmla="*/ 383381 h 876300"/>
                  <a:gd name="connsiteX12" fmla="*/ 0 w 595314"/>
                  <a:gd name="connsiteY12" fmla="*/ 2380 h 876300"/>
                  <a:gd name="connsiteX0" fmla="*/ 0 w 595314"/>
                  <a:gd name="connsiteY0" fmla="*/ 2380 h 876300"/>
                  <a:gd name="connsiteX1" fmla="*/ 116683 w 595314"/>
                  <a:gd name="connsiteY1" fmla="*/ 2381 h 876300"/>
                  <a:gd name="connsiteX2" fmla="*/ 397670 w 595314"/>
                  <a:gd name="connsiteY2" fmla="*/ 0 h 876300"/>
                  <a:gd name="connsiteX3" fmla="*/ 595314 w 595314"/>
                  <a:gd name="connsiteY3" fmla="*/ 150019 h 876300"/>
                  <a:gd name="connsiteX4" fmla="*/ 490539 w 595314"/>
                  <a:gd name="connsiteY4" fmla="*/ 388143 h 876300"/>
                  <a:gd name="connsiteX5" fmla="*/ 500064 w 595314"/>
                  <a:gd name="connsiteY5" fmla="*/ 876300 h 876300"/>
                  <a:gd name="connsiteX6" fmla="*/ 409576 w 595314"/>
                  <a:gd name="connsiteY6" fmla="*/ 797719 h 876300"/>
                  <a:gd name="connsiteX7" fmla="*/ 345282 w 595314"/>
                  <a:gd name="connsiteY7" fmla="*/ 416718 h 876300"/>
                  <a:gd name="connsiteX8" fmla="*/ 428627 w 595314"/>
                  <a:gd name="connsiteY8" fmla="*/ 161925 h 876300"/>
                  <a:gd name="connsiteX9" fmla="*/ 200026 w 595314"/>
                  <a:gd name="connsiteY9" fmla="*/ 119063 h 876300"/>
                  <a:gd name="connsiteX10" fmla="*/ 200026 w 595314"/>
                  <a:gd name="connsiteY10" fmla="*/ 442912 h 876300"/>
                  <a:gd name="connsiteX11" fmla="*/ 119064 w 595314"/>
                  <a:gd name="connsiteY11" fmla="*/ 383381 h 876300"/>
                  <a:gd name="connsiteX12" fmla="*/ 0 w 595314"/>
                  <a:gd name="connsiteY12" fmla="*/ 2380 h 876300"/>
                  <a:gd name="connsiteX0" fmla="*/ 0 w 595314"/>
                  <a:gd name="connsiteY0" fmla="*/ 2380 h 876300"/>
                  <a:gd name="connsiteX1" fmla="*/ 116683 w 595314"/>
                  <a:gd name="connsiteY1" fmla="*/ 2381 h 876300"/>
                  <a:gd name="connsiteX2" fmla="*/ 397670 w 595314"/>
                  <a:gd name="connsiteY2" fmla="*/ 0 h 876300"/>
                  <a:gd name="connsiteX3" fmla="*/ 595314 w 595314"/>
                  <a:gd name="connsiteY3" fmla="*/ 150019 h 876300"/>
                  <a:gd name="connsiteX4" fmla="*/ 490539 w 595314"/>
                  <a:gd name="connsiteY4" fmla="*/ 388143 h 876300"/>
                  <a:gd name="connsiteX5" fmla="*/ 500064 w 595314"/>
                  <a:gd name="connsiteY5" fmla="*/ 876300 h 876300"/>
                  <a:gd name="connsiteX6" fmla="*/ 409576 w 595314"/>
                  <a:gd name="connsiteY6" fmla="*/ 797719 h 876300"/>
                  <a:gd name="connsiteX7" fmla="*/ 345282 w 595314"/>
                  <a:gd name="connsiteY7" fmla="*/ 416718 h 876300"/>
                  <a:gd name="connsiteX8" fmla="*/ 428627 w 595314"/>
                  <a:gd name="connsiteY8" fmla="*/ 161925 h 876300"/>
                  <a:gd name="connsiteX9" fmla="*/ 200026 w 595314"/>
                  <a:gd name="connsiteY9" fmla="*/ 119063 h 876300"/>
                  <a:gd name="connsiteX10" fmla="*/ 200026 w 595314"/>
                  <a:gd name="connsiteY10" fmla="*/ 464343 h 876300"/>
                  <a:gd name="connsiteX11" fmla="*/ 119064 w 595314"/>
                  <a:gd name="connsiteY11" fmla="*/ 383381 h 876300"/>
                  <a:gd name="connsiteX12" fmla="*/ 0 w 595314"/>
                  <a:gd name="connsiteY12" fmla="*/ 2380 h 876300"/>
                  <a:gd name="connsiteX0" fmla="*/ 0 w 516733"/>
                  <a:gd name="connsiteY0" fmla="*/ 38099 h 876300"/>
                  <a:gd name="connsiteX1" fmla="*/ 38102 w 516733"/>
                  <a:gd name="connsiteY1" fmla="*/ 2381 h 876300"/>
                  <a:gd name="connsiteX2" fmla="*/ 319089 w 516733"/>
                  <a:gd name="connsiteY2" fmla="*/ 0 h 876300"/>
                  <a:gd name="connsiteX3" fmla="*/ 516733 w 516733"/>
                  <a:gd name="connsiteY3" fmla="*/ 150019 h 876300"/>
                  <a:gd name="connsiteX4" fmla="*/ 411958 w 516733"/>
                  <a:gd name="connsiteY4" fmla="*/ 388143 h 876300"/>
                  <a:gd name="connsiteX5" fmla="*/ 421483 w 516733"/>
                  <a:gd name="connsiteY5" fmla="*/ 876300 h 876300"/>
                  <a:gd name="connsiteX6" fmla="*/ 330995 w 516733"/>
                  <a:gd name="connsiteY6" fmla="*/ 797719 h 876300"/>
                  <a:gd name="connsiteX7" fmla="*/ 266701 w 516733"/>
                  <a:gd name="connsiteY7" fmla="*/ 416718 h 876300"/>
                  <a:gd name="connsiteX8" fmla="*/ 350046 w 516733"/>
                  <a:gd name="connsiteY8" fmla="*/ 161925 h 876300"/>
                  <a:gd name="connsiteX9" fmla="*/ 121445 w 516733"/>
                  <a:gd name="connsiteY9" fmla="*/ 119063 h 876300"/>
                  <a:gd name="connsiteX10" fmla="*/ 121445 w 516733"/>
                  <a:gd name="connsiteY10" fmla="*/ 464343 h 876300"/>
                  <a:gd name="connsiteX11" fmla="*/ 40483 w 516733"/>
                  <a:gd name="connsiteY11" fmla="*/ 383381 h 876300"/>
                  <a:gd name="connsiteX12" fmla="*/ 0 w 516733"/>
                  <a:gd name="connsiteY12" fmla="*/ 38099 h 876300"/>
                  <a:gd name="connsiteX0" fmla="*/ 0 w 516733"/>
                  <a:gd name="connsiteY0" fmla="*/ 38099 h 876300"/>
                  <a:gd name="connsiteX1" fmla="*/ 38102 w 516733"/>
                  <a:gd name="connsiteY1" fmla="*/ 2381 h 876300"/>
                  <a:gd name="connsiteX2" fmla="*/ 319089 w 516733"/>
                  <a:gd name="connsiteY2" fmla="*/ 0 h 876300"/>
                  <a:gd name="connsiteX3" fmla="*/ 516733 w 516733"/>
                  <a:gd name="connsiteY3" fmla="*/ 150019 h 876300"/>
                  <a:gd name="connsiteX4" fmla="*/ 411958 w 516733"/>
                  <a:gd name="connsiteY4" fmla="*/ 388143 h 876300"/>
                  <a:gd name="connsiteX5" fmla="*/ 421483 w 516733"/>
                  <a:gd name="connsiteY5" fmla="*/ 876300 h 876300"/>
                  <a:gd name="connsiteX6" fmla="*/ 330995 w 516733"/>
                  <a:gd name="connsiteY6" fmla="*/ 797719 h 876300"/>
                  <a:gd name="connsiteX7" fmla="*/ 266701 w 516733"/>
                  <a:gd name="connsiteY7" fmla="*/ 416718 h 876300"/>
                  <a:gd name="connsiteX8" fmla="*/ 350046 w 516733"/>
                  <a:gd name="connsiteY8" fmla="*/ 161925 h 876300"/>
                  <a:gd name="connsiteX9" fmla="*/ 121445 w 516733"/>
                  <a:gd name="connsiteY9" fmla="*/ 119063 h 876300"/>
                  <a:gd name="connsiteX10" fmla="*/ 121445 w 516733"/>
                  <a:gd name="connsiteY10" fmla="*/ 464343 h 876300"/>
                  <a:gd name="connsiteX11" fmla="*/ 40483 w 516733"/>
                  <a:gd name="connsiteY11" fmla="*/ 383381 h 876300"/>
                  <a:gd name="connsiteX12" fmla="*/ 0 w 516733"/>
                  <a:gd name="connsiteY12" fmla="*/ 38099 h 876300"/>
                  <a:gd name="connsiteX0" fmla="*/ 2804 w 519537"/>
                  <a:gd name="connsiteY0" fmla="*/ 38099 h 876300"/>
                  <a:gd name="connsiteX1" fmla="*/ 40906 w 519537"/>
                  <a:gd name="connsiteY1" fmla="*/ 2381 h 876300"/>
                  <a:gd name="connsiteX2" fmla="*/ 321893 w 519537"/>
                  <a:gd name="connsiteY2" fmla="*/ 0 h 876300"/>
                  <a:gd name="connsiteX3" fmla="*/ 519537 w 519537"/>
                  <a:gd name="connsiteY3" fmla="*/ 150019 h 876300"/>
                  <a:gd name="connsiteX4" fmla="*/ 414762 w 519537"/>
                  <a:gd name="connsiteY4" fmla="*/ 388143 h 876300"/>
                  <a:gd name="connsiteX5" fmla="*/ 424287 w 519537"/>
                  <a:gd name="connsiteY5" fmla="*/ 876300 h 876300"/>
                  <a:gd name="connsiteX6" fmla="*/ 333799 w 519537"/>
                  <a:gd name="connsiteY6" fmla="*/ 797719 h 876300"/>
                  <a:gd name="connsiteX7" fmla="*/ 269505 w 519537"/>
                  <a:gd name="connsiteY7" fmla="*/ 416718 h 876300"/>
                  <a:gd name="connsiteX8" fmla="*/ 352850 w 519537"/>
                  <a:gd name="connsiteY8" fmla="*/ 161925 h 876300"/>
                  <a:gd name="connsiteX9" fmla="*/ 124249 w 519537"/>
                  <a:gd name="connsiteY9" fmla="*/ 119063 h 876300"/>
                  <a:gd name="connsiteX10" fmla="*/ 124249 w 519537"/>
                  <a:gd name="connsiteY10" fmla="*/ 464343 h 876300"/>
                  <a:gd name="connsiteX11" fmla="*/ 43287 w 519537"/>
                  <a:gd name="connsiteY11" fmla="*/ 383381 h 876300"/>
                  <a:gd name="connsiteX12" fmla="*/ 2804 w 519537"/>
                  <a:gd name="connsiteY12" fmla="*/ 38099 h 876300"/>
                  <a:gd name="connsiteX0" fmla="*/ 366 w 517099"/>
                  <a:gd name="connsiteY0" fmla="*/ 38099 h 876300"/>
                  <a:gd name="connsiteX1" fmla="*/ 38468 w 517099"/>
                  <a:gd name="connsiteY1" fmla="*/ 2381 h 876300"/>
                  <a:gd name="connsiteX2" fmla="*/ 319455 w 517099"/>
                  <a:gd name="connsiteY2" fmla="*/ 0 h 876300"/>
                  <a:gd name="connsiteX3" fmla="*/ 517099 w 517099"/>
                  <a:gd name="connsiteY3" fmla="*/ 150019 h 876300"/>
                  <a:gd name="connsiteX4" fmla="*/ 412324 w 517099"/>
                  <a:gd name="connsiteY4" fmla="*/ 388143 h 876300"/>
                  <a:gd name="connsiteX5" fmla="*/ 421849 w 517099"/>
                  <a:gd name="connsiteY5" fmla="*/ 876300 h 876300"/>
                  <a:gd name="connsiteX6" fmla="*/ 331361 w 517099"/>
                  <a:gd name="connsiteY6" fmla="*/ 797719 h 876300"/>
                  <a:gd name="connsiteX7" fmla="*/ 267067 w 517099"/>
                  <a:gd name="connsiteY7" fmla="*/ 416718 h 876300"/>
                  <a:gd name="connsiteX8" fmla="*/ 350412 w 517099"/>
                  <a:gd name="connsiteY8" fmla="*/ 161925 h 876300"/>
                  <a:gd name="connsiteX9" fmla="*/ 121811 w 517099"/>
                  <a:gd name="connsiteY9" fmla="*/ 119063 h 876300"/>
                  <a:gd name="connsiteX10" fmla="*/ 121811 w 517099"/>
                  <a:gd name="connsiteY10" fmla="*/ 464343 h 876300"/>
                  <a:gd name="connsiteX11" fmla="*/ 40849 w 517099"/>
                  <a:gd name="connsiteY11" fmla="*/ 383381 h 876300"/>
                  <a:gd name="connsiteX12" fmla="*/ 366 w 517099"/>
                  <a:gd name="connsiteY12" fmla="*/ 38099 h 876300"/>
                  <a:gd name="connsiteX0" fmla="*/ 366 w 517099"/>
                  <a:gd name="connsiteY0" fmla="*/ 38099 h 876300"/>
                  <a:gd name="connsiteX1" fmla="*/ 38468 w 517099"/>
                  <a:gd name="connsiteY1" fmla="*/ 2381 h 876300"/>
                  <a:gd name="connsiteX2" fmla="*/ 319455 w 517099"/>
                  <a:gd name="connsiteY2" fmla="*/ 0 h 876300"/>
                  <a:gd name="connsiteX3" fmla="*/ 517099 w 517099"/>
                  <a:gd name="connsiteY3" fmla="*/ 150019 h 876300"/>
                  <a:gd name="connsiteX4" fmla="*/ 412324 w 517099"/>
                  <a:gd name="connsiteY4" fmla="*/ 388143 h 876300"/>
                  <a:gd name="connsiteX5" fmla="*/ 421849 w 517099"/>
                  <a:gd name="connsiteY5" fmla="*/ 876300 h 876300"/>
                  <a:gd name="connsiteX6" fmla="*/ 331361 w 517099"/>
                  <a:gd name="connsiteY6" fmla="*/ 797719 h 876300"/>
                  <a:gd name="connsiteX7" fmla="*/ 267067 w 517099"/>
                  <a:gd name="connsiteY7" fmla="*/ 416718 h 876300"/>
                  <a:gd name="connsiteX8" fmla="*/ 350412 w 517099"/>
                  <a:gd name="connsiteY8" fmla="*/ 161925 h 876300"/>
                  <a:gd name="connsiteX9" fmla="*/ 121811 w 517099"/>
                  <a:gd name="connsiteY9" fmla="*/ 119063 h 876300"/>
                  <a:gd name="connsiteX10" fmla="*/ 121811 w 517099"/>
                  <a:gd name="connsiteY10" fmla="*/ 464343 h 876300"/>
                  <a:gd name="connsiteX11" fmla="*/ 31324 w 517099"/>
                  <a:gd name="connsiteY11" fmla="*/ 383381 h 876300"/>
                  <a:gd name="connsiteX12" fmla="*/ 366 w 517099"/>
                  <a:gd name="connsiteY12" fmla="*/ 38099 h 876300"/>
                  <a:gd name="connsiteX0" fmla="*/ 366 w 517099"/>
                  <a:gd name="connsiteY0" fmla="*/ 38099 h 876300"/>
                  <a:gd name="connsiteX1" fmla="*/ 38468 w 517099"/>
                  <a:gd name="connsiteY1" fmla="*/ 2381 h 876300"/>
                  <a:gd name="connsiteX2" fmla="*/ 319455 w 517099"/>
                  <a:gd name="connsiteY2" fmla="*/ 0 h 876300"/>
                  <a:gd name="connsiteX3" fmla="*/ 517099 w 517099"/>
                  <a:gd name="connsiteY3" fmla="*/ 150019 h 876300"/>
                  <a:gd name="connsiteX4" fmla="*/ 412324 w 517099"/>
                  <a:gd name="connsiteY4" fmla="*/ 388143 h 876300"/>
                  <a:gd name="connsiteX5" fmla="*/ 421849 w 517099"/>
                  <a:gd name="connsiteY5" fmla="*/ 876300 h 876300"/>
                  <a:gd name="connsiteX6" fmla="*/ 331361 w 517099"/>
                  <a:gd name="connsiteY6" fmla="*/ 797719 h 876300"/>
                  <a:gd name="connsiteX7" fmla="*/ 267067 w 517099"/>
                  <a:gd name="connsiteY7" fmla="*/ 416718 h 876300"/>
                  <a:gd name="connsiteX8" fmla="*/ 350412 w 517099"/>
                  <a:gd name="connsiteY8" fmla="*/ 161925 h 876300"/>
                  <a:gd name="connsiteX9" fmla="*/ 121811 w 517099"/>
                  <a:gd name="connsiteY9" fmla="*/ 119063 h 876300"/>
                  <a:gd name="connsiteX10" fmla="*/ 121811 w 517099"/>
                  <a:gd name="connsiteY10" fmla="*/ 464343 h 876300"/>
                  <a:gd name="connsiteX11" fmla="*/ 31324 w 517099"/>
                  <a:gd name="connsiteY11" fmla="*/ 383381 h 876300"/>
                  <a:gd name="connsiteX12" fmla="*/ 366 w 517099"/>
                  <a:gd name="connsiteY12" fmla="*/ 38099 h 876300"/>
                  <a:gd name="connsiteX0" fmla="*/ 366 w 517099"/>
                  <a:gd name="connsiteY0" fmla="*/ 38099 h 876300"/>
                  <a:gd name="connsiteX1" fmla="*/ 38468 w 517099"/>
                  <a:gd name="connsiteY1" fmla="*/ 2381 h 876300"/>
                  <a:gd name="connsiteX2" fmla="*/ 319455 w 517099"/>
                  <a:gd name="connsiteY2" fmla="*/ 0 h 876300"/>
                  <a:gd name="connsiteX3" fmla="*/ 517099 w 517099"/>
                  <a:gd name="connsiteY3" fmla="*/ 150019 h 876300"/>
                  <a:gd name="connsiteX4" fmla="*/ 412324 w 517099"/>
                  <a:gd name="connsiteY4" fmla="*/ 388143 h 876300"/>
                  <a:gd name="connsiteX5" fmla="*/ 421849 w 517099"/>
                  <a:gd name="connsiteY5" fmla="*/ 876300 h 876300"/>
                  <a:gd name="connsiteX6" fmla="*/ 331361 w 517099"/>
                  <a:gd name="connsiteY6" fmla="*/ 797719 h 876300"/>
                  <a:gd name="connsiteX7" fmla="*/ 267067 w 517099"/>
                  <a:gd name="connsiteY7" fmla="*/ 416718 h 876300"/>
                  <a:gd name="connsiteX8" fmla="*/ 350412 w 517099"/>
                  <a:gd name="connsiteY8" fmla="*/ 161925 h 876300"/>
                  <a:gd name="connsiteX9" fmla="*/ 121811 w 517099"/>
                  <a:gd name="connsiteY9" fmla="*/ 119063 h 876300"/>
                  <a:gd name="connsiteX10" fmla="*/ 121811 w 517099"/>
                  <a:gd name="connsiteY10" fmla="*/ 464343 h 876300"/>
                  <a:gd name="connsiteX11" fmla="*/ 31324 w 517099"/>
                  <a:gd name="connsiteY11" fmla="*/ 383381 h 876300"/>
                  <a:gd name="connsiteX12" fmla="*/ 366 w 517099"/>
                  <a:gd name="connsiteY12" fmla="*/ 38099 h 876300"/>
                  <a:gd name="connsiteX0" fmla="*/ 366 w 517099"/>
                  <a:gd name="connsiteY0" fmla="*/ 38099 h 897731"/>
                  <a:gd name="connsiteX1" fmla="*/ 38468 w 517099"/>
                  <a:gd name="connsiteY1" fmla="*/ 2381 h 897731"/>
                  <a:gd name="connsiteX2" fmla="*/ 319455 w 517099"/>
                  <a:gd name="connsiteY2" fmla="*/ 0 h 897731"/>
                  <a:gd name="connsiteX3" fmla="*/ 517099 w 517099"/>
                  <a:gd name="connsiteY3" fmla="*/ 150019 h 897731"/>
                  <a:gd name="connsiteX4" fmla="*/ 412324 w 517099"/>
                  <a:gd name="connsiteY4" fmla="*/ 388143 h 897731"/>
                  <a:gd name="connsiteX5" fmla="*/ 419468 w 517099"/>
                  <a:gd name="connsiteY5" fmla="*/ 897731 h 897731"/>
                  <a:gd name="connsiteX6" fmla="*/ 331361 w 517099"/>
                  <a:gd name="connsiteY6" fmla="*/ 797719 h 897731"/>
                  <a:gd name="connsiteX7" fmla="*/ 267067 w 517099"/>
                  <a:gd name="connsiteY7" fmla="*/ 416718 h 897731"/>
                  <a:gd name="connsiteX8" fmla="*/ 350412 w 517099"/>
                  <a:gd name="connsiteY8" fmla="*/ 161925 h 897731"/>
                  <a:gd name="connsiteX9" fmla="*/ 121811 w 517099"/>
                  <a:gd name="connsiteY9" fmla="*/ 119063 h 897731"/>
                  <a:gd name="connsiteX10" fmla="*/ 121811 w 517099"/>
                  <a:gd name="connsiteY10" fmla="*/ 464343 h 897731"/>
                  <a:gd name="connsiteX11" fmla="*/ 31324 w 517099"/>
                  <a:gd name="connsiteY11" fmla="*/ 383381 h 897731"/>
                  <a:gd name="connsiteX12" fmla="*/ 366 w 517099"/>
                  <a:gd name="connsiteY12" fmla="*/ 38099 h 897731"/>
                  <a:gd name="connsiteX0" fmla="*/ 366 w 517099"/>
                  <a:gd name="connsiteY0" fmla="*/ 38099 h 897731"/>
                  <a:gd name="connsiteX1" fmla="*/ 38468 w 517099"/>
                  <a:gd name="connsiteY1" fmla="*/ 2381 h 897731"/>
                  <a:gd name="connsiteX2" fmla="*/ 319455 w 517099"/>
                  <a:gd name="connsiteY2" fmla="*/ 0 h 897731"/>
                  <a:gd name="connsiteX3" fmla="*/ 517099 w 517099"/>
                  <a:gd name="connsiteY3" fmla="*/ 150019 h 897731"/>
                  <a:gd name="connsiteX4" fmla="*/ 412324 w 517099"/>
                  <a:gd name="connsiteY4" fmla="*/ 388143 h 897731"/>
                  <a:gd name="connsiteX5" fmla="*/ 419468 w 517099"/>
                  <a:gd name="connsiteY5" fmla="*/ 897731 h 897731"/>
                  <a:gd name="connsiteX6" fmla="*/ 328980 w 517099"/>
                  <a:gd name="connsiteY6" fmla="*/ 814388 h 897731"/>
                  <a:gd name="connsiteX7" fmla="*/ 267067 w 517099"/>
                  <a:gd name="connsiteY7" fmla="*/ 416718 h 897731"/>
                  <a:gd name="connsiteX8" fmla="*/ 350412 w 517099"/>
                  <a:gd name="connsiteY8" fmla="*/ 161925 h 897731"/>
                  <a:gd name="connsiteX9" fmla="*/ 121811 w 517099"/>
                  <a:gd name="connsiteY9" fmla="*/ 119063 h 897731"/>
                  <a:gd name="connsiteX10" fmla="*/ 121811 w 517099"/>
                  <a:gd name="connsiteY10" fmla="*/ 464343 h 897731"/>
                  <a:gd name="connsiteX11" fmla="*/ 31324 w 517099"/>
                  <a:gd name="connsiteY11" fmla="*/ 383381 h 897731"/>
                  <a:gd name="connsiteX12" fmla="*/ 366 w 517099"/>
                  <a:gd name="connsiteY12" fmla="*/ 38099 h 897731"/>
                  <a:gd name="connsiteX0" fmla="*/ 366 w 517099"/>
                  <a:gd name="connsiteY0" fmla="*/ 38099 h 897731"/>
                  <a:gd name="connsiteX1" fmla="*/ 38468 w 517099"/>
                  <a:gd name="connsiteY1" fmla="*/ 2381 h 897731"/>
                  <a:gd name="connsiteX2" fmla="*/ 319455 w 517099"/>
                  <a:gd name="connsiteY2" fmla="*/ 0 h 897731"/>
                  <a:gd name="connsiteX3" fmla="*/ 517099 w 517099"/>
                  <a:gd name="connsiteY3" fmla="*/ 150019 h 897731"/>
                  <a:gd name="connsiteX4" fmla="*/ 412324 w 517099"/>
                  <a:gd name="connsiteY4" fmla="*/ 388143 h 897731"/>
                  <a:gd name="connsiteX5" fmla="*/ 419468 w 517099"/>
                  <a:gd name="connsiteY5" fmla="*/ 897731 h 897731"/>
                  <a:gd name="connsiteX6" fmla="*/ 328980 w 517099"/>
                  <a:gd name="connsiteY6" fmla="*/ 814388 h 897731"/>
                  <a:gd name="connsiteX7" fmla="*/ 267067 w 517099"/>
                  <a:gd name="connsiteY7" fmla="*/ 416718 h 897731"/>
                  <a:gd name="connsiteX8" fmla="*/ 350412 w 517099"/>
                  <a:gd name="connsiteY8" fmla="*/ 161925 h 897731"/>
                  <a:gd name="connsiteX9" fmla="*/ 121811 w 517099"/>
                  <a:gd name="connsiteY9" fmla="*/ 119063 h 897731"/>
                  <a:gd name="connsiteX10" fmla="*/ 121811 w 517099"/>
                  <a:gd name="connsiteY10" fmla="*/ 464343 h 897731"/>
                  <a:gd name="connsiteX11" fmla="*/ 31324 w 517099"/>
                  <a:gd name="connsiteY11" fmla="*/ 383381 h 897731"/>
                  <a:gd name="connsiteX12" fmla="*/ 366 w 517099"/>
                  <a:gd name="connsiteY12" fmla="*/ 38099 h 897731"/>
                  <a:gd name="connsiteX0" fmla="*/ 366 w 517099"/>
                  <a:gd name="connsiteY0" fmla="*/ 38099 h 890587"/>
                  <a:gd name="connsiteX1" fmla="*/ 38468 w 517099"/>
                  <a:gd name="connsiteY1" fmla="*/ 2381 h 890587"/>
                  <a:gd name="connsiteX2" fmla="*/ 319455 w 517099"/>
                  <a:gd name="connsiteY2" fmla="*/ 0 h 890587"/>
                  <a:gd name="connsiteX3" fmla="*/ 517099 w 517099"/>
                  <a:gd name="connsiteY3" fmla="*/ 150019 h 890587"/>
                  <a:gd name="connsiteX4" fmla="*/ 412324 w 517099"/>
                  <a:gd name="connsiteY4" fmla="*/ 388143 h 890587"/>
                  <a:gd name="connsiteX5" fmla="*/ 424230 w 517099"/>
                  <a:gd name="connsiteY5" fmla="*/ 890587 h 890587"/>
                  <a:gd name="connsiteX6" fmla="*/ 328980 w 517099"/>
                  <a:gd name="connsiteY6" fmla="*/ 814388 h 890587"/>
                  <a:gd name="connsiteX7" fmla="*/ 267067 w 517099"/>
                  <a:gd name="connsiteY7" fmla="*/ 416718 h 890587"/>
                  <a:gd name="connsiteX8" fmla="*/ 350412 w 517099"/>
                  <a:gd name="connsiteY8" fmla="*/ 161925 h 890587"/>
                  <a:gd name="connsiteX9" fmla="*/ 121811 w 517099"/>
                  <a:gd name="connsiteY9" fmla="*/ 119063 h 890587"/>
                  <a:gd name="connsiteX10" fmla="*/ 121811 w 517099"/>
                  <a:gd name="connsiteY10" fmla="*/ 464343 h 890587"/>
                  <a:gd name="connsiteX11" fmla="*/ 31324 w 517099"/>
                  <a:gd name="connsiteY11" fmla="*/ 383381 h 890587"/>
                  <a:gd name="connsiteX12" fmla="*/ 366 w 517099"/>
                  <a:gd name="connsiteY12" fmla="*/ 38099 h 890587"/>
                  <a:gd name="connsiteX0" fmla="*/ 366 w 517099"/>
                  <a:gd name="connsiteY0" fmla="*/ 38099 h 890587"/>
                  <a:gd name="connsiteX1" fmla="*/ 38468 w 517099"/>
                  <a:gd name="connsiteY1" fmla="*/ 2381 h 890587"/>
                  <a:gd name="connsiteX2" fmla="*/ 319455 w 517099"/>
                  <a:gd name="connsiteY2" fmla="*/ 0 h 890587"/>
                  <a:gd name="connsiteX3" fmla="*/ 517099 w 517099"/>
                  <a:gd name="connsiteY3" fmla="*/ 150019 h 890587"/>
                  <a:gd name="connsiteX4" fmla="*/ 412324 w 517099"/>
                  <a:gd name="connsiteY4" fmla="*/ 388143 h 890587"/>
                  <a:gd name="connsiteX5" fmla="*/ 428993 w 517099"/>
                  <a:gd name="connsiteY5" fmla="*/ 890587 h 890587"/>
                  <a:gd name="connsiteX6" fmla="*/ 328980 w 517099"/>
                  <a:gd name="connsiteY6" fmla="*/ 814388 h 890587"/>
                  <a:gd name="connsiteX7" fmla="*/ 267067 w 517099"/>
                  <a:gd name="connsiteY7" fmla="*/ 416718 h 890587"/>
                  <a:gd name="connsiteX8" fmla="*/ 350412 w 517099"/>
                  <a:gd name="connsiteY8" fmla="*/ 161925 h 890587"/>
                  <a:gd name="connsiteX9" fmla="*/ 121811 w 517099"/>
                  <a:gd name="connsiteY9" fmla="*/ 119063 h 890587"/>
                  <a:gd name="connsiteX10" fmla="*/ 121811 w 517099"/>
                  <a:gd name="connsiteY10" fmla="*/ 464343 h 890587"/>
                  <a:gd name="connsiteX11" fmla="*/ 31324 w 517099"/>
                  <a:gd name="connsiteY11" fmla="*/ 383381 h 890587"/>
                  <a:gd name="connsiteX12" fmla="*/ 366 w 517099"/>
                  <a:gd name="connsiteY12" fmla="*/ 38099 h 890587"/>
                  <a:gd name="connsiteX0" fmla="*/ 366 w 517099"/>
                  <a:gd name="connsiteY0" fmla="*/ 38099 h 890587"/>
                  <a:gd name="connsiteX1" fmla="*/ 38468 w 517099"/>
                  <a:gd name="connsiteY1" fmla="*/ 2381 h 890587"/>
                  <a:gd name="connsiteX2" fmla="*/ 319455 w 517099"/>
                  <a:gd name="connsiteY2" fmla="*/ 0 h 890587"/>
                  <a:gd name="connsiteX3" fmla="*/ 517099 w 517099"/>
                  <a:gd name="connsiteY3" fmla="*/ 150019 h 890587"/>
                  <a:gd name="connsiteX4" fmla="*/ 412324 w 517099"/>
                  <a:gd name="connsiteY4" fmla="*/ 388143 h 890587"/>
                  <a:gd name="connsiteX5" fmla="*/ 421850 w 517099"/>
                  <a:gd name="connsiteY5" fmla="*/ 890587 h 890587"/>
                  <a:gd name="connsiteX6" fmla="*/ 328980 w 517099"/>
                  <a:gd name="connsiteY6" fmla="*/ 814388 h 890587"/>
                  <a:gd name="connsiteX7" fmla="*/ 267067 w 517099"/>
                  <a:gd name="connsiteY7" fmla="*/ 416718 h 890587"/>
                  <a:gd name="connsiteX8" fmla="*/ 350412 w 517099"/>
                  <a:gd name="connsiteY8" fmla="*/ 161925 h 890587"/>
                  <a:gd name="connsiteX9" fmla="*/ 121811 w 517099"/>
                  <a:gd name="connsiteY9" fmla="*/ 119063 h 890587"/>
                  <a:gd name="connsiteX10" fmla="*/ 121811 w 517099"/>
                  <a:gd name="connsiteY10" fmla="*/ 464343 h 890587"/>
                  <a:gd name="connsiteX11" fmla="*/ 31324 w 517099"/>
                  <a:gd name="connsiteY11" fmla="*/ 383381 h 890587"/>
                  <a:gd name="connsiteX12" fmla="*/ 366 w 517099"/>
                  <a:gd name="connsiteY12" fmla="*/ 38099 h 890587"/>
                  <a:gd name="connsiteX0" fmla="*/ 366 w 517099"/>
                  <a:gd name="connsiteY0" fmla="*/ 38099 h 890587"/>
                  <a:gd name="connsiteX1" fmla="*/ 38468 w 517099"/>
                  <a:gd name="connsiteY1" fmla="*/ 2381 h 890587"/>
                  <a:gd name="connsiteX2" fmla="*/ 319455 w 517099"/>
                  <a:gd name="connsiteY2" fmla="*/ 0 h 890587"/>
                  <a:gd name="connsiteX3" fmla="*/ 517099 w 517099"/>
                  <a:gd name="connsiteY3" fmla="*/ 150019 h 890587"/>
                  <a:gd name="connsiteX4" fmla="*/ 412324 w 517099"/>
                  <a:gd name="connsiteY4" fmla="*/ 388143 h 890587"/>
                  <a:gd name="connsiteX5" fmla="*/ 414706 w 517099"/>
                  <a:gd name="connsiteY5" fmla="*/ 890587 h 890587"/>
                  <a:gd name="connsiteX6" fmla="*/ 328980 w 517099"/>
                  <a:gd name="connsiteY6" fmla="*/ 814388 h 890587"/>
                  <a:gd name="connsiteX7" fmla="*/ 267067 w 517099"/>
                  <a:gd name="connsiteY7" fmla="*/ 416718 h 890587"/>
                  <a:gd name="connsiteX8" fmla="*/ 350412 w 517099"/>
                  <a:gd name="connsiteY8" fmla="*/ 161925 h 890587"/>
                  <a:gd name="connsiteX9" fmla="*/ 121811 w 517099"/>
                  <a:gd name="connsiteY9" fmla="*/ 119063 h 890587"/>
                  <a:gd name="connsiteX10" fmla="*/ 121811 w 517099"/>
                  <a:gd name="connsiteY10" fmla="*/ 464343 h 890587"/>
                  <a:gd name="connsiteX11" fmla="*/ 31324 w 517099"/>
                  <a:gd name="connsiteY11" fmla="*/ 383381 h 890587"/>
                  <a:gd name="connsiteX12" fmla="*/ 366 w 517099"/>
                  <a:gd name="connsiteY12" fmla="*/ 38099 h 890587"/>
                  <a:gd name="connsiteX0" fmla="*/ 366 w 517099"/>
                  <a:gd name="connsiteY0" fmla="*/ 38099 h 890587"/>
                  <a:gd name="connsiteX1" fmla="*/ 38468 w 517099"/>
                  <a:gd name="connsiteY1" fmla="*/ 2381 h 890587"/>
                  <a:gd name="connsiteX2" fmla="*/ 319455 w 517099"/>
                  <a:gd name="connsiteY2" fmla="*/ 0 h 890587"/>
                  <a:gd name="connsiteX3" fmla="*/ 517099 w 517099"/>
                  <a:gd name="connsiteY3" fmla="*/ 150019 h 890587"/>
                  <a:gd name="connsiteX4" fmla="*/ 412324 w 517099"/>
                  <a:gd name="connsiteY4" fmla="*/ 388143 h 890587"/>
                  <a:gd name="connsiteX5" fmla="*/ 409943 w 517099"/>
                  <a:gd name="connsiteY5" fmla="*/ 890587 h 890587"/>
                  <a:gd name="connsiteX6" fmla="*/ 328980 w 517099"/>
                  <a:gd name="connsiteY6" fmla="*/ 814388 h 890587"/>
                  <a:gd name="connsiteX7" fmla="*/ 267067 w 517099"/>
                  <a:gd name="connsiteY7" fmla="*/ 416718 h 890587"/>
                  <a:gd name="connsiteX8" fmla="*/ 350412 w 517099"/>
                  <a:gd name="connsiteY8" fmla="*/ 161925 h 890587"/>
                  <a:gd name="connsiteX9" fmla="*/ 121811 w 517099"/>
                  <a:gd name="connsiteY9" fmla="*/ 119063 h 890587"/>
                  <a:gd name="connsiteX10" fmla="*/ 121811 w 517099"/>
                  <a:gd name="connsiteY10" fmla="*/ 464343 h 890587"/>
                  <a:gd name="connsiteX11" fmla="*/ 31324 w 517099"/>
                  <a:gd name="connsiteY11" fmla="*/ 383381 h 890587"/>
                  <a:gd name="connsiteX12" fmla="*/ 366 w 517099"/>
                  <a:gd name="connsiteY12" fmla="*/ 38099 h 890587"/>
                  <a:gd name="connsiteX0" fmla="*/ 366 w 517099"/>
                  <a:gd name="connsiteY0" fmla="*/ 38099 h 890587"/>
                  <a:gd name="connsiteX1" fmla="*/ 38468 w 517099"/>
                  <a:gd name="connsiteY1" fmla="*/ 2381 h 890587"/>
                  <a:gd name="connsiteX2" fmla="*/ 319455 w 517099"/>
                  <a:gd name="connsiteY2" fmla="*/ 0 h 890587"/>
                  <a:gd name="connsiteX3" fmla="*/ 517099 w 517099"/>
                  <a:gd name="connsiteY3" fmla="*/ 150019 h 890587"/>
                  <a:gd name="connsiteX4" fmla="*/ 412324 w 517099"/>
                  <a:gd name="connsiteY4" fmla="*/ 388143 h 890587"/>
                  <a:gd name="connsiteX5" fmla="*/ 407562 w 517099"/>
                  <a:gd name="connsiteY5" fmla="*/ 890587 h 890587"/>
                  <a:gd name="connsiteX6" fmla="*/ 328980 w 517099"/>
                  <a:gd name="connsiteY6" fmla="*/ 814388 h 890587"/>
                  <a:gd name="connsiteX7" fmla="*/ 267067 w 517099"/>
                  <a:gd name="connsiteY7" fmla="*/ 416718 h 890587"/>
                  <a:gd name="connsiteX8" fmla="*/ 350412 w 517099"/>
                  <a:gd name="connsiteY8" fmla="*/ 161925 h 890587"/>
                  <a:gd name="connsiteX9" fmla="*/ 121811 w 517099"/>
                  <a:gd name="connsiteY9" fmla="*/ 119063 h 890587"/>
                  <a:gd name="connsiteX10" fmla="*/ 121811 w 517099"/>
                  <a:gd name="connsiteY10" fmla="*/ 464343 h 890587"/>
                  <a:gd name="connsiteX11" fmla="*/ 31324 w 517099"/>
                  <a:gd name="connsiteY11" fmla="*/ 383381 h 890587"/>
                  <a:gd name="connsiteX12" fmla="*/ 366 w 517099"/>
                  <a:gd name="connsiteY12" fmla="*/ 38099 h 890587"/>
                  <a:gd name="connsiteX0" fmla="*/ 366 w 517099"/>
                  <a:gd name="connsiteY0" fmla="*/ 38099 h 890587"/>
                  <a:gd name="connsiteX1" fmla="*/ 38468 w 517099"/>
                  <a:gd name="connsiteY1" fmla="*/ 2381 h 890587"/>
                  <a:gd name="connsiteX2" fmla="*/ 319455 w 517099"/>
                  <a:gd name="connsiteY2" fmla="*/ 0 h 890587"/>
                  <a:gd name="connsiteX3" fmla="*/ 517099 w 517099"/>
                  <a:gd name="connsiteY3" fmla="*/ 150019 h 890587"/>
                  <a:gd name="connsiteX4" fmla="*/ 412324 w 517099"/>
                  <a:gd name="connsiteY4" fmla="*/ 388143 h 890587"/>
                  <a:gd name="connsiteX5" fmla="*/ 405181 w 517099"/>
                  <a:gd name="connsiteY5" fmla="*/ 890587 h 890587"/>
                  <a:gd name="connsiteX6" fmla="*/ 328980 w 517099"/>
                  <a:gd name="connsiteY6" fmla="*/ 814388 h 890587"/>
                  <a:gd name="connsiteX7" fmla="*/ 267067 w 517099"/>
                  <a:gd name="connsiteY7" fmla="*/ 416718 h 890587"/>
                  <a:gd name="connsiteX8" fmla="*/ 350412 w 517099"/>
                  <a:gd name="connsiteY8" fmla="*/ 161925 h 890587"/>
                  <a:gd name="connsiteX9" fmla="*/ 121811 w 517099"/>
                  <a:gd name="connsiteY9" fmla="*/ 119063 h 890587"/>
                  <a:gd name="connsiteX10" fmla="*/ 121811 w 517099"/>
                  <a:gd name="connsiteY10" fmla="*/ 464343 h 890587"/>
                  <a:gd name="connsiteX11" fmla="*/ 31324 w 517099"/>
                  <a:gd name="connsiteY11" fmla="*/ 383381 h 890587"/>
                  <a:gd name="connsiteX12" fmla="*/ 366 w 517099"/>
                  <a:gd name="connsiteY12" fmla="*/ 38099 h 890587"/>
                  <a:gd name="connsiteX0" fmla="*/ 366 w 517099"/>
                  <a:gd name="connsiteY0" fmla="*/ 38099 h 890587"/>
                  <a:gd name="connsiteX1" fmla="*/ 38468 w 517099"/>
                  <a:gd name="connsiteY1" fmla="*/ 2381 h 890587"/>
                  <a:gd name="connsiteX2" fmla="*/ 319455 w 517099"/>
                  <a:gd name="connsiteY2" fmla="*/ 0 h 890587"/>
                  <a:gd name="connsiteX3" fmla="*/ 517099 w 517099"/>
                  <a:gd name="connsiteY3" fmla="*/ 150019 h 890587"/>
                  <a:gd name="connsiteX4" fmla="*/ 412324 w 517099"/>
                  <a:gd name="connsiteY4" fmla="*/ 388143 h 890587"/>
                  <a:gd name="connsiteX5" fmla="*/ 405181 w 517099"/>
                  <a:gd name="connsiteY5" fmla="*/ 890587 h 890587"/>
                  <a:gd name="connsiteX6" fmla="*/ 319455 w 517099"/>
                  <a:gd name="connsiteY6" fmla="*/ 814388 h 890587"/>
                  <a:gd name="connsiteX7" fmla="*/ 267067 w 517099"/>
                  <a:gd name="connsiteY7" fmla="*/ 416718 h 890587"/>
                  <a:gd name="connsiteX8" fmla="*/ 350412 w 517099"/>
                  <a:gd name="connsiteY8" fmla="*/ 161925 h 890587"/>
                  <a:gd name="connsiteX9" fmla="*/ 121811 w 517099"/>
                  <a:gd name="connsiteY9" fmla="*/ 119063 h 890587"/>
                  <a:gd name="connsiteX10" fmla="*/ 121811 w 517099"/>
                  <a:gd name="connsiteY10" fmla="*/ 464343 h 890587"/>
                  <a:gd name="connsiteX11" fmla="*/ 31324 w 517099"/>
                  <a:gd name="connsiteY11" fmla="*/ 383381 h 890587"/>
                  <a:gd name="connsiteX12" fmla="*/ 366 w 517099"/>
                  <a:gd name="connsiteY12" fmla="*/ 38099 h 890587"/>
                  <a:gd name="connsiteX0" fmla="*/ 376 w 516228"/>
                  <a:gd name="connsiteY0" fmla="*/ 35887 h 890587"/>
                  <a:gd name="connsiteX1" fmla="*/ 37597 w 516228"/>
                  <a:gd name="connsiteY1" fmla="*/ 2381 h 890587"/>
                  <a:gd name="connsiteX2" fmla="*/ 318584 w 516228"/>
                  <a:gd name="connsiteY2" fmla="*/ 0 h 890587"/>
                  <a:gd name="connsiteX3" fmla="*/ 516228 w 516228"/>
                  <a:gd name="connsiteY3" fmla="*/ 150019 h 890587"/>
                  <a:gd name="connsiteX4" fmla="*/ 411453 w 516228"/>
                  <a:gd name="connsiteY4" fmla="*/ 388143 h 890587"/>
                  <a:gd name="connsiteX5" fmla="*/ 404310 w 516228"/>
                  <a:gd name="connsiteY5" fmla="*/ 890587 h 890587"/>
                  <a:gd name="connsiteX6" fmla="*/ 318584 w 516228"/>
                  <a:gd name="connsiteY6" fmla="*/ 814388 h 890587"/>
                  <a:gd name="connsiteX7" fmla="*/ 266196 w 516228"/>
                  <a:gd name="connsiteY7" fmla="*/ 416718 h 890587"/>
                  <a:gd name="connsiteX8" fmla="*/ 349541 w 516228"/>
                  <a:gd name="connsiteY8" fmla="*/ 161925 h 890587"/>
                  <a:gd name="connsiteX9" fmla="*/ 120940 w 516228"/>
                  <a:gd name="connsiteY9" fmla="*/ 119063 h 890587"/>
                  <a:gd name="connsiteX10" fmla="*/ 120940 w 516228"/>
                  <a:gd name="connsiteY10" fmla="*/ 464343 h 890587"/>
                  <a:gd name="connsiteX11" fmla="*/ 30453 w 516228"/>
                  <a:gd name="connsiteY11" fmla="*/ 383381 h 890587"/>
                  <a:gd name="connsiteX12" fmla="*/ 376 w 516228"/>
                  <a:gd name="connsiteY12" fmla="*/ 35887 h 890587"/>
                  <a:gd name="connsiteX0" fmla="*/ 410 w 516262"/>
                  <a:gd name="connsiteY0" fmla="*/ 39693 h 894393"/>
                  <a:gd name="connsiteX1" fmla="*/ 34971 w 516262"/>
                  <a:gd name="connsiteY1" fmla="*/ 0 h 894393"/>
                  <a:gd name="connsiteX2" fmla="*/ 318618 w 516262"/>
                  <a:gd name="connsiteY2" fmla="*/ 3806 h 894393"/>
                  <a:gd name="connsiteX3" fmla="*/ 516262 w 516262"/>
                  <a:gd name="connsiteY3" fmla="*/ 153825 h 894393"/>
                  <a:gd name="connsiteX4" fmla="*/ 411487 w 516262"/>
                  <a:gd name="connsiteY4" fmla="*/ 391949 h 894393"/>
                  <a:gd name="connsiteX5" fmla="*/ 404344 w 516262"/>
                  <a:gd name="connsiteY5" fmla="*/ 894393 h 894393"/>
                  <a:gd name="connsiteX6" fmla="*/ 318618 w 516262"/>
                  <a:gd name="connsiteY6" fmla="*/ 818194 h 894393"/>
                  <a:gd name="connsiteX7" fmla="*/ 266230 w 516262"/>
                  <a:gd name="connsiteY7" fmla="*/ 420524 h 894393"/>
                  <a:gd name="connsiteX8" fmla="*/ 349575 w 516262"/>
                  <a:gd name="connsiteY8" fmla="*/ 165731 h 894393"/>
                  <a:gd name="connsiteX9" fmla="*/ 120974 w 516262"/>
                  <a:gd name="connsiteY9" fmla="*/ 122869 h 894393"/>
                  <a:gd name="connsiteX10" fmla="*/ 120974 w 516262"/>
                  <a:gd name="connsiteY10" fmla="*/ 468149 h 894393"/>
                  <a:gd name="connsiteX11" fmla="*/ 30487 w 516262"/>
                  <a:gd name="connsiteY11" fmla="*/ 387187 h 894393"/>
                  <a:gd name="connsiteX12" fmla="*/ 410 w 516262"/>
                  <a:gd name="connsiteY12" fmla="*/ 39693 h 894393"/>
                  <a:gd name="connsiteX0" fmla="*/ 0 w 515852"/>
                  <a:gd name="connsiteY0" fmla="*/ 39693 h 894393"/>
                  <a:gd name="connsiteX1" fmla="*/ 34561 w 515852"/>
                  <a:gd name="connsiteY1" fmla="*/ 0 h 894393"/>
                  <a:gd name="connsiteX2" fmla="*/ 318208 w 515852"/>
                  <a:gd name="connsiteY2" fmla="*/ 3806 h 894393"/>
                  <a:gd name="connsiteX3" fmla="*/ 515852 w 515852"/>
                  <a:gd name="connsiteY3" fmla="*/ 153825 h 894393"/>
                  <a:gd name="connsiteX4" fmla="*/ 411077 w 515852"/>
                  <a:gd name="connsiteY4" fmla="*/ 391949 h 894393"/>
                  <a:gd name="connsiteX5" fmla="*/ 403934 w 515852"/>
                  <a:gd name="connsiteY5" fmla="*/ 894393 h 894393"/>
                  <a:gd name="connsiteX6" fmla="*/ 318208 w 515852"/>
                  <a:gd name="connsiteY6" fmla="*/ 818194 h 894393"/>
                  <a:gd name="connsiteX7" fmla="*/ 265820 w 515852"/>
                  <a:gd name="connsiteY7" fmla="*/ 420524 h 894393"/>
                  <a:gd name="connsiteX8" fmla="*/ 349165 w 515852"/>
                  <a:gd name="connsiteY8" fmla="*/ 165731 h 894393"/>
                  <a:gd name="connsiteX9" fmla="*/ 120564 w 515852"/>
                  <a:gd name="connsiteY9" fmla="*/ 122869 h 894393"/>
                  <a:gd name="connsiteX10" fmla="*/ 120564 w 515852"/>
                  <a:gd name="connsiteY10" fmla="*/ 468149 h 894393"/>
                  <a:gd name="connsiteX11" fmla="*/ 30077 w 515852"/>
                  <a:gd name="connsiteY11" fmla="*/ 387187 h 894393"/>
                  <a:gd name="connsiteX12" fmla="*/ 0 w 515852"/>
                  <a:gd name="connsiteY12" fmla="*/ 39693 h 894393"/>
                  <a:gd name="connsiteX0" fmla="*/ 0 w 515852"/>
                  <a:gd name="connsiteY0" fmla="*/ 39693 h 894393"/>
                  <a:gd name="connsiteX1" fmla="*/ 34561 w 515852"/>
                  <a:gd name="connsiteY1" fmla="*/ 0 h 894393"/>
                  <a:gd name="connsiteX2" fmla="*/ 318208 w 515852"/>
                  <a:gd name="connsiteY2" fmla="*/ 3806 h 894393"/>
                  <a:gd name="connsiteX3" fmla="*/ 515852 w 515852"/>
                  <a:gd name="connsiteY3" fmla="*/ 153825 h 894393"/>
                  <a:gd name="connsiteX4" fmla="*/ 411077 w 515852"/>
                  <a:gd name="connsiteY4" fmla="*/ 391949 h 894393"/>
                  <a:gd name="connsiteX5" fmla="*/ 403934 w 515852"/>
                  <a:gd name="connsiteY5" fmla="*/ 894393 h 894393"/>
                  <a:gd name="connsiteX6" fmla="*/ 318208 w 515852"/>
                  <a:gd name="connsiteY6" fmla="*/ 818194 h 894393"/>
                  <a:gd name="connsiteX7" fmla="*/ 265820 w 515852"/>
                  <a:gd name="connsiteY7" fmla="*/ 420524 h 894393"/>
                  <a:gd name="connsiteX8" fmla="*/ 349165 w 515852"/>
                  <a:gd name="connsiteY8" fmla="*/ 165731 h 894393"/>
                  <a:gd name="connsiteX9" fmla="*/ 120564 w 515852"/>
                  <a:gd name="connsiteY9" fmla="*/ 122869 h 894393"/>
                  <a:gd name="connsiteX10" fmla="*/ 120564 w 515852"/>
                  <a:gd name="connsiteY10" fmla="*/ 468149 h 894393"/>
                  <a:gd name="connsiteX11" fmla="*/ 30077 w 515852"/>
                  <a:gd name="connsiteY11" fmla="*/ 387187 h 894393"/>
                  <a:gd name="connsiteX12" fmla="*/ 0 w 515852"/>
                  <a:gd name="connsiteY12" fmla="*/ 39693 h 894393"/>
                  <a:gd name="connsiteX0" fmla="*/ 0 w 515852"/>
                  <a:gd name="connsiteY0" fmla="*/ 39693 h 894393"/>
                  <a:gd name="connsiteX1" fmla="*/ 34561 w 515852"/>
                  <a:gd name="connsiteY1" fmla="*/ 0 h 894393"/>
                  <a:gd name="connsiteX2" fmla="*/ 318208 w 515852"/>
                  <a:gd name="connsiteY2" fmla="*/ 3806 h 894393"/>
                  <a:gd name="connsiteX3" fmla="*/ 515852 w 515852"/>
                  <a:gd name="connsiteY3" fmla="*/ 153825 h 894393"/>
                  <a:gd name="connsiteX4" fmla="*/ 411077 w 515852"/>
                  <a:gd name="connsiteY4" fmla="*/ 391949 h 894393"/>
                  <a:gd name="connsiteX5" fmla="*/ 403934 w 515852"/>
                  <a:gd name="connsiteY5" fmla="*/ 894393 h 894393"/>
                  <a:gd name="connsiteX6" fmla="*/ 315562 w 515852"/>
                  <a:gd name="connsiteY6" fmla="*/ 824830 h 894393"/>
                  <a:gd name="connsiteX7" fmla="*/ 265820 w 515852"/>
                  <a:gd name="connsiteY7" fmla="*/ 420524 h 894393"/>
                  <a:gd name="connsiteX8" fmla="*/ 349165 w 515852"/>
                  <a:gd name="connsiteY8" fmla="*/ 165731 h 894393"/>
                  <a:gd name="connsiteX9" fmla="*/ 120564 w 515852"/>
                  <a:gd name="connsiteY9" fmla="*/ 122869 h 894393"/>
                  <a:gd name="connsiteX10" fmla="*/ 120564 w 515852"/>
                  <a:gd name="connsiteY10" fmla="*/ 468149 h 894393"/>
                  <a:gd name="connsiteX11" fmla="*/ 30077 w 515852"/>
                  <a:gd name="connsiteY11" fmla="*/ 387187 h 894393"/>
                  <a:gd name="connsiteX12" fmla="*/ 0 w 515852"/>
                  <a:gd name="connsiteY12" fmla="*/ 39693 h 894393"/>
                  <a:gd name="connsiteX0" fmla="*/ 0 w 515852"/>
                  <a:gd name="connsiteY0" fmla="*/ 39693 h 999247"/>
                  <a:gd name="connsiteX1" fmla="*/ 34561 w 515852"/>
                  <a:gd name="connsiteY1" fmla="*/ 0 h 999247"/>
                  <a:gd name="connsiteX2" fmla="*/ 318208 w 515852"/>
                  <a:gd name="connsiteY2" fmla="*/ 3806 h 999247"/>
                  <a:gd name="connsiteX3" fmla="*/ 515852 w 515852"/>
                  <a:gd name="connsiteY3" fmla="*/ 153825 h 999247"/>
                  <a:gd name="connsiteX4" fmla="*/ 411077 w 515852"/>
                  <a:gd name="connsiteY4" fmla="*/ 391949 h 999247"/>
                  <a:gd name="connsiteX5" fmla="*/ 403934 w 515852"/>
                  <a:gd name="connsiteY5" fmla="*/ 894393 h 999247"/>
                  <a:gd name="connsiteX6" fmla="*/ 328776 w 515852"/>
                  <a:gd name="connsiteY6" fmla="*/ 996785 h 999247"/>
                  <a:gd name="connsiteX7" fmla="*/ 265820 w 515852"/>
                  <a:gd name="connsiteY7" fmla="*/ 420524 h 999247"/>
                  <a:gd name="connsiteX8" fmla="*/ 349165 w 515852"/>
                  <a:gd name="connsiteY8" fmla="*/ 165731 h 999247"/>
                  <a:gd name="connsiteX9" fmla="*/ 120564 w 515852"/>
                  <a:gd name="connsiteY9" fmla="*/ 122869 h 999247"/>
                  <a:gd name="connsiteX10" fmla="*/ 120564 w 515852"/>
                  <a:gd name="connsiteY10" fmla="*/ 468149 h 999247"/>
                  <a:gd name="connsiteX11" fmla="*/ 30077 w 515852"/>
                  <a:gd name="connsiteY11" fmla="*/ 387187 h 999247"/>
                  <a:gd name="connsiteX12" fmla="*/ 0 w 515852"/>
                  <a:gd name="connsiteY12" fmla="*/ 39693 h 999247"/>
                  <a:gd name="connsiteX0" fmla="*/ 0 w 515852"/>
                  <a:gd name="connsiteY0" fmla="*/ 39693 h 1040879"/>
                  <a:gd name="connsiteX1" fmla="*/ 34561 w 515852"/>
                  <a:gd name="connsiteY1" fmla="*/ 0 h 1040879"/>
                  <a:gd name="connsiteX2" fmla="*/ 318208 w 515852"/>
                  <a:gd name="connsiteY2" fmla="*/ 3806 h 1040879"/>
                  <a:gd name="connsiteX3" fmla="*/ 515852 w 515852"/>
                  <a:gd name="connsiteY3" fmla="*/ 153825 h 1040879"/>
                  <a:gd name="connsiteX4" fmla="*/ 411077 w 515852"/>
                  <a:gd name="connsiteY4" fmla="*/ 391949 h 1040879"/>
                  <a:gd name="connsiteX5" fmla="*/ 392707 w 515852"/>
                  <a:gd name="connsiteY5" fmla="*/ 1040879 h 1040879"/>
                  <a:gd name="connsiteX6" fmla="*/ 328776 w 515852"/>
                  <a:gd name="connsiteY6" fmla="*/ 996785 h 1040879"/>
                  <a:gd name="connsiteX7" fmla="*/ 265820 w 515852"/>
                  <a:gd name="connsiteY7" fmla="*/ 420524 h 1040879"/>
                  <a:gd name="connsiteX8" fmla="*/ 349165 w 515852"/>
                  <a:gd name="connsiteY8" fmla="*/ 165731 h 1040879"/>
                  <a:gd name="connsiteX9" fmla="*/ 120564 w 515852"/>
                  <a:gd name="connsiteY9" fmla="*/ 122869 h 1040879"/>
                  <a:gd name="connsiteX10" fmla="*/ 120564 w 515852"/>
                  <a:gd name="connsiteY10" fmla="*/ 468149 h 1040879"/>
                  <a:gd name="connsiteX11" fmla="*/ 30077 w 515852"/>
                  <a:gd name="connsiteY11" fmla="*/ 387187 h 1040879"/>
                  <a:gd name="connsiteX12" fmla="*/ 0 w 515852"/>
                  <a:gd name="connsiteY12" fmla="*/ 39693 h 1040879"/>
                  <a:gd name="connsiteX0" fmla="*/ 0 w 515852"/>
                  <a:gd name="connsiteY0" fmla="*/ 39693 h 1040879"/>
                  <a:gd name="connsiteX1" fmla="*/ 34561 w 515852"/>
                  <a:gd name="connsiteY1" fmla="*/ 0 h 1040879"/>
                  <a:gd name="connsiteX2" fmla="*/ 318208 w 515852"/>
                  <a:gd name="connsiteY2" fmla="*/ 3806 h 1040879"/>
                  <a:gd name="connsiteX3" fmla="*/ 515852 w 515852"/>
                  <a:gd name="connsiteY3" fmla="*/ 153825 h 1040879"/>
                  <a:gd name="connsiteX4" fmla="*/ 411077 w 515852"/>
                  <a:gd name="connsiteY4" fmla="*/ 391949 h 1040879"/>
                  <a:gd name="connsiteX5" fmla="*/ 392707 w 515852"/>
                  <a:gd name="connsiteY5" fmla="*/ 1040879 h 1040879"/>
                  <a:gd name="connsiteX6" fmla="*/ 328776 w 515852"/>
                  <a:gd name="connsiteY6" fmla="*/ 996785 h 1040879"/>
                  <a:gd name="connsiteX7" fmla="*/ 272417 w 515852"/>
                  <a:gd name="connsiteY7" fmla="*/ 498635 h 1040879"/>
                  <a:gd name="connsiteX8" fmla="*/ 349165 w 515852"/>
                  <a:gd name="connsiteY8" fmla="*/ 165731 h 1040879"/>
                  <a:gd name="connsiteX9" fmla="*/ 120564 w 515852"/>
                  <a:gd name="connsiteY9" fmla="*/ 122869 h 1040879"/>
                  <a:gd name="connsiteX10" fmla="*/ 120564 w 515852"/>
                  <a:gd name="connsiteY10" fmla="*/ 468149 h 1040879"/>
                  <a:gd name="connsiteX11" fmla="*/ 30077 w 515852"/>
                  <a:gd name="connsiteY11" fmla="*/ 387187 h 1040879"/>
                  <a:gd name="connsiteX12" fmla="*/ 0 w 515852"/>
                  <a:gd name="connsiteY12" fmla="*/ 39693 h 1040879"/>
                  <a:gd name="connsiteX0" fmla="*/ 0 w 515852"/>
                  <a:gd name="connsiteY0" fmla="*/ 39693 h 1040879"/>
                  <a:gd name="connsiteX1" fmla="*/ 34561 w 515852"/>
                  <a:gd name="connsiteY1" fmla="*/ 0 h 1040879"/>
                  <a:gd name="connsiteX2" fmla="*/ 318208 w 515852"/>
                  <a:gd name="connsiteY2" fmla="*/ 3806 h 1040879"/>
                  <a:gd name="connsiteX3" fmla="*/ 515852 w 515852"/>
                  <a:gd name="connsiteY3" fmla="*/ 153825 h 1040879"/>
                  <a:gd name="connsiteX4" fmla="*/ 393837 w 515852"/>
                  <a:gd name="connsiteY4" fmla="*/ 498297 h 1040879"/>
                  <a:gd name="connsiteX5" fmla="*/ 392707 w 515852"/>
                  <a:gd name="connsiteY5" fmla="*/ 1040879 h 1040879"/>
                  <a:gd name="connsiteX6" fmla="*/ 328776 w 515852"/>
                  <a:gd name="connsiteY6" fmla="*/ 996785 h 1040879"/>
                  <a:gd name="connsiteX7" fmla="*/ 272417 w 515852"/>
                  <a:gd name="connsiteY7" fmla="*/ 498635 h 1040879"/>
                  <a:gd name="connsiteX8" fmla="*/ 349165 w 515852"/>
                  <a:gd name="connsiteY8" fmla="*/ 165731 h 1040879"/>
                  <a:gd name="connsiteX9" fmla="*/ 120564 w 515852"/>
                  <a:gd name="connsiteY9" fmla="*/ 122869 h 1040879"/>
                  <a:gd name="connsiteX10" fmla="*/ 120564 w 515852"/>
                  <a:gd name="connsiteY10" fmla="*/ 468149 h 1040879"/>
                  <a:gd name="connsiteX11" fmla="*/ 30077 w 515852"/>
                  <a:gd name="connsiteY11" fmla="*/ 387187 h 1040879"/>
                  <a:gd name="connsiteX12" fmla="*/ 0 w 515852"/>
                  <a:gd name="connsiteY12" fmla="*/ 39693 h 1040879"/>
                  <a:gd name="connsiteX0" fmla="*/ 0 w 515852"/>
                  <a:gd name="connsiteY0" fmla="*/ 39693 h 1040879"/>
                  <a:gd name="connsiteX1" fmla="*/ 34561 w 515852"/>
                  <a:gd name="connsiteY1" fmla="*/ 0 h 1040879"/>
                  <a:gd name="connsiteX2" fmla="*/ 318208 w 515852"/>
                  <a:gd name="connsiteY2" fmla="*/ 3806 h 1040879"/>
                  <a:gd name="connsiteX3" fmla="*/ 515852 w 515852"/>
                  <a:gd name="connsiteY3" fmla="*/ 153825 h 1040879"/>
                  <a:gd name="connsiteX4" fmla="*/ 393837 w 515852"/>
                  <a:gd name="connsiteY4" fmla="*/ 498297 h 1040879"/>
                  <a:gd name="connsiteX5" fmla="*/ 392707 w 515852"/>
                  <a:gd name="connsiteY5" fmla="*/ 1040879 h 1040879"/>
                  <a:gd name="connsiteX6" fmla="*/ 328776 w 515852"/>
                  <a:gd name="connsiteY6" fmla="*/ 996785 h 1040879"/>
                  <a:gd name="connsiteX7" fmla="*/ 272417 w 515852"/>
                  <a:gd name="connsiteY7" fmla="*/ 498635 h 1040879"/>
                  <a:gd name="connsiteX8" fmla="*/ 349165 w 515852"/>
                  <a:gd name="connsiteY8" fmla="*/ 165731 h 1040879"/>
                  <a:gd name="connsiteX9" fmla="*/ 120564 w 515852"/>
                  <a:gd name="connsiteY9" fmla="*/ 122869 h 1040879"/>
                  <a:gd name="connsiteX10" fmla="*/ 120564 w 515852"/>
                  <a:gd name="connsiteY10" fmla="*/ 468149 h 1040879"/>
                  <a:gd name="connsiteX11" fmla="*/ 30077 w 515852"/>
                  <a:gd name="connsiteY11" fmla="*/ 387187 h 1040879"/>
                  <a:gd name="connsiteX12" fmla="*/ 0 w 515852"/>
                  <a:gd name="connsiteY12" fmla="*/ 39693 h 1040879"/>
                  <a:gd name="connsiteX0" fmla="*/ 0 w 515852"/>
                  <a:gd name="connsiteY0" fmla="*/ 39693 h 1051716"/>
                  <a:gd name="connsiteX1" fmla="*/ 34561 w 515852"/>
                  <a:gd name="connsiteY1" fmla="*/ 0 h 1051716"/>
                  <a:gd name="connsiteX2" fmla="*/ 318208 w 515852"/>
                  <a:gd name="connsiteY2" fmla="*/ 3806 h 1051716"/>
                  <a:gd name="connsiteX3" fmla="*/ 515852 w 515852"/>
                  <a:gd name="connsiteY3" fmla="*/ 153825 h 1051716"/>
                  <a:gd name="connsiteX4" fmla="*/ 393837 w 515852"/>
                  <a:gd name="connsiteY4" fmla="*/ 498297 h 1051716"/>
                  <a:gd name="connsiteX5" fmla="*/ 404110 w 515852"/>
                  <a:gd name="connsiteY5" fmla="*/ 1051716 h 1051716"/>
                  <a:gd name="connsiteX6" fmla="*/ 328776 w 515852"/>
                  <a:gd name="connsiteY6" fmla="*/ 996785 h 1051716"/>
                  <a:gd name="connsiteX7" fmla="*/ 272417 w 515852"/>
                  <a:gd name="connsiteY7" fmla="*/ 498635 h 1051716"/>
                  <a:gd name="connsiteX8" fmla="*/ 349165 w 515852"/>
                  <a:gd name="connsiteY8" fmla="*/ 165731 h 1051716"/>
                  <a:gd name="connsiteX9" fmla="*/ 120564 w 515852"/>
                  <a:gd name="connsiteY9" fmla="*/ 122869 h 1051716"/>
                  <a:gd name="connsiteX10" fmla="*/ 120564 w 515852"/>
                  <a:gd name="connsiteY10" fmla="*/ 468149 h 1051716"/>
                  <a:gd name="connsiteX11" fmla="*/ 30077 w 515852"/>
                  <a:gd name="connsiteY11" fmla="*/ 387187 h 1051716"/>
                  <a:gd name="connsiteX12" fmla="*/ 0 w 515852"/>
                  <a:gd name="connsiteY12" fmla="*/ 39693 h 1051716"/>
                  <a:gd name="connsiteX0" fmla="*/ 0 w 515852"/>
                  <a:gd name="connsiteY0" fmla="*/ 39693 h 1070712"/>
                  <a:gd name="connsiteX1" fmla="*/ 34561 w 515852"/>
                  <a:gd name="connsiteY1" fmla="*/ 0 h 1070712"/>
                  <a:gd name="connsiteX2" fmla="*/ 318208 w 515852"/>
                  <a:gd name="connsiteY2" fmla="*/ 3806 h 1070712"/>
                  <a:gd name="connsiteX3" fmla="*/ 515852 w 515852"/>
                  <a:gd name="connsiteY3" fmla="*/ 153825 h 1070712"/>
                  <a:gd name="connsiteX4" fmla="*/ 393837 w 515852"/>
                  <a:gd name="connsiteY4" fmla="*/ 498297 h 1070712"/>
                  <a:gd name="connsiteX5" fmla="*/ 396537 w 515852"/>
                  <a:gd name="connsiteY5" fmla="*/ 1070712 h 1070712"/>
                  <a:gd name="connsiteX6" fmla="*/ 328776 w 515852"/>
                  <a:gd name="connsiteY6" fmla="*/ 996785 h 1070712"/>
                  <a:gd name="connsiteX7" fmla="*/ 272417 w 515852"/>
                  <a:gd name="connsiteY7" fmla="*/ 498635 h 1070712"/>
                  <a:gd name="connsiteX8" fmla="*/ 349165 w 515852"/>
                  <a:gd name="connsiteY8" fmla="*/ 165731 h 1070712"/>
                  <a:gd name="connsiteX9" fmla="*/ 120564 w 515852"/>
                  <a:gd name="connsiteY9" fmla="*/ 122869 h 1070712"/>
                  <a:gd name="connsiteX10" fmla="*/ 120564 w 515852"/>
                  <a:gd name="connsiteY10" fmla="*/ 468149 h 1070712"/>
                  <a:gd name="connsiteX11" fmla="*/ 30077 w 515852"/>
                  <a:gd name="connsiteY11" fmla="*/ 387187 h 1070712"/>
                  <a:gd name="connsiteX12" fmla="*/ 0 w 515852"/>
                  <a:gd name="connsiteY12" fmla="*/ 39693 h 1070712"/>
                  <a:gd name="connsiteX0" fmla="*/ 0 w 515852"/>
                  <a:gd name="connsiteY0" fmla="*/ 39693 h 1070712"/>
                  <a:gd name="connsiteX1" fmla="*/ 34561 w 515852"/>
                  <a:gd name="connsiteY1" fmla="*/ 0 h 1070712"/>
                  <a:gd name="connsiteX2" fmla="*/ 318208 w 515852"/>
                  <a:gd name="connsiteY2" fmla="*/ 3806 h 1070712"/>
                  <a:gd name="connsiteX3" fmla="*/ 515852 w 515852"/>
                  <a:gd name="connsiteY3" fmla="*/ 153825 h 1070712"/>
                  <a:gd name="connsiteX4" fmla="*/ 393837 w 515852"/>
                  <a:gd name="connsiteY4" fmla="*/ 498297 h 1070712"/>
                  <a:gd name="connsiteX5" fmla="*/ 396537 w 515852"/>
                  <a:gd name="connsiteY5" fmla="*/ 1070712 h 1070712"/>
                  <a:gd name="connsiteX6" fmla="*/ 255507 w 515852"/>
                  <a:gd name="connsiteY6" fmla="*/ 967573 h 1070712"/>
                  <a:gd name="connsiteX7" fmla="*/ 272417 w 515852"/>
                  <a:gd name="connsiteY7" fmla="*/ 498635 h 1070712"/>
                  <a:gd name="connsiteX8" fmla="*/ 349165 w 515852"/>
                  <a:gd name="connsiteY8" fmla="*/ 165731 h 1070712"/>
                  <a:gd name="connsiteX9" fmla="*/ 120564 w 515852"/>
                  <a:gd name="connsiteY9" fmla="*/ 122869 h 1070712"/>
                  <a:gd name="connsiteX10" fmla="*/ 120564 w 515852"/>
                  <a:gd name="connsiteY10" fmla="*/ 468149 h 1070712"/>
                  <a:gd name="connsiteX11" fmla="*/ 30077 w 515852"/>
                  <a:gd name="connsiteY11" fmla="*/ 387187 h 1070712"/>
                  <a:gd name="connsiteX12" fmla="*/ 0 w 515852"/>
                  <a:gd name="connsiteY12" fmla="*/ 39693 h 1070712"/>
                  <a:gd name="connsiteX0" fmla="*/ 0 w 515852"/>
                  <a:gd name="connsiteY0" fmla="*/ 39693 h 1020890"/>
                  <a:gd name="connsiteX1" fmla="*/ 34561 w 515852"/>
                  <a:gd name="connsiteY1" fmla="*/ 0 h 1020890"/>
                  <a:gd name="connsiteX2" fmla="*/ 318208 w 515852"/>
                  <a:gd name="connsiteY2" fmla="*/ 3806 h 1020890"/>
                  <a:gd name="connsiteX3" fmla="*/ 515852 w 515852"/>
                  <a:gd name="connsiteY3" fmla="*/ 153825 h 1020890"/>
                  <a:gd name="connsiteX4" fmla="*/ 393837 w 515852"/>
                  <a:gd name="connsiteY4" fmla="*/ 498297 h 1020890"/>
                  <a:gd name="connsiteX5" fmla="*/ 318904 w 515852"/>
                  <a:gd name="connsiteY5" fmla="*/ 1020890 h 1020890"/>
                  <a:gd name="connsiteX6" fmla="*/ 255507 w 515852"/>
                  <a:gd name="connsiteY6" fmla="*/ 967573 h 1020890"/>
                  <a:gd name="connsiteX7" fmla="*/ 272417 w 515852"/>
                  <a:gd name="connsiteY7" fmla="*/ 498635 h 1020890"/>
                  <a:gd name="connsiteX8" fmla="*/ 349165 w 515852"/>
                  <a:gd name="connsiteY8" fmla="*/ 165731 h 1020890"/>
                  <a:gd name="connsiteX9" fmla="*/ 120564 w 515852"/>
                  <a:gd name="connsiteY9" fmla="*/ 122869 h 1020890"/>
                  <a:gd name="connsiteX10" fmla="*/ 120564 w 515852"/>
                  <a:gd name="connsiteY10" fmla="*/ 468149 h 1020890"/>
                  <a:gd name="connsiteX11" fmla="*/ 30077 w 515852"/>
                  <a:gd name="connsiteY11" fmla="*/ 387187 h 1020890"/>
                  <a:gd name="connsiteX12" fmla="*/ 0 w 515852"/>
                  <a:gd name="connsiteY12" fmla="*/ 39693 h 1020890"/>
                  <a:gd name="connsiteX0" fmla="*/ 0 w 515852"/>
                  <a:gd name="connsiteY0" fmla="*/ 39693 h 1020890"/>
                  <a:gd name="connsiteX1" fmla="*/ 34561 w 515852"/>
                  <a:gd name="connsiteY1" fmla="*/ 0 h 1020890"/>
                  <a:gd name="connsiteX2" fmla="*/ 318208 w 515852"/>
                  <a:gd name="connsiteY2" fmla="*/ 3806 h 1020890"/>
                  <a:gd name="connsiteX3" fmla="*/ 515852 w 515852"/>
                  <a:gd name="connsiteY3" fmla="*/ 153825 h 1020890"/>
                  <a:gd name="connsiteX4" fmla="*/ 393837 w 515852"/>
                  <a:gd name="connsiteY4" fmla="*/ 498297 h 1020890"/>
                  <a:gd name="connsiteX5" fmla="*/ 318904 w 515852"/>
                  <a:gd name="connsiteY5" fmla="*/ 1020890 h 1020890"/>
                  <a:gd name="connsiteX6" fmla="*/ 255507 w 515852"/>
                  <a:gd name="connsiteY6" fmla="*/ 967573 h 1020890"/>
                  <a:gd name="connsiteX7" fmla="*/ 349165 w 515852"/>
                  <a:gd name="connsiteY7" fmla="*/ 165731 h 1020890"/>
                  <a:gd name="connsiteX8" fmla="*/ 120564 w 515852"/>
                  <a:gd name="connsiteY8" fmla="*/ 122869 h 1020890"/>
                  <a:gd name="connsiteX9" fmla="*/ 120564 w 515852"/>
                  <a:gd name="connsiteY9" fmla="*/ 468149 h 1020890"/>
                  <a:gd name="connsiteX10" fmla="*/ 30077 w 515852"/>
                  <a:gd name="connsiteY10" fmla="*/ 387187 h 1020890"/>
                  <a:gd name="connsiteX11" fmla="*/ 0 w 515852"/>
                  <a:gd name="connsiteY11" fmla="*/ 39693 h 1020890"/>
                  <a:gd name="connsiteX0" fmla="*/ 0 w 515852"/>
                  <a:gd name="connsiteY0" fmla="*/ 39693 h 1020890"/>
                  <a:gd name="connsiteX1" fmla="*/ 34561 w 515852"/>
                  <a:gd name="connsiteY1" fmla="*/ 0 h 1020890"/>
                  <a:gd name="connsiteX2" fmla="*/ 318208 w 515852"/>
                  <a:gd name="connsiteY2" fmla="*/ 3806 h 1020890"/>
                  <a:gd name="connsiteX3" fmla="*/ 515852 w 515852"/>
                  <a:gd name="connsiteY3" fmla="*/ 153825 h 1020890"/>
                  <a:gd name="connsiteX4" fmla="*/ 393837 w 515852"/>
                  <a:gd name="connsiteY4" fmla="*/ 498297 h 1020890"/>
                  <a:gd name="connsiteX5" fmla="*/ 318904 w 515852"/>
                  <a:gd name="connsiteY5" fmla="*/ 1020890 h 1020890"/>
                  <a:gd name="connsiteX6" fmla="*/ 255507 w 515852"/>
                  <a:gd name="connsiteY6" fmla="*/ 967573 h 1020890"/>
                  <a:gd name="connsiteX7" fmla="*/ 349165 w 515852"/>
                  <a:gd name="connsiteY7" fmla="*/ 165731 h 1020890"/>
                  <a:gd name="connsiteX8" fmla="*/ 120564 w 515852"/>
                  <a:gd name="connsiteY8" fmla="*/ 122869 h 1020890"/>
                  <a:gd name="connsiteX9" fmla="*/ 120564 w 515852"/>
                  <a:gd name="connsiteY9" fmla="*/ 468149 h 1020890"/>
                  <a:gd name="connsiteX10" fmla="*/ 30077 w 515852"/>
                  <a:gd name="connsiteY10" fmla="*/ 387187 h 1020890"/>
                  <a:gd name="connsiteX11" fmla="*/ 0 w 515852"/>
                  <a:gd name="connsiteY11" fmla="*/ 39693 h 1020890"/>
                  <a:gd name="connsiteX0" fmla="*/ 0 w 515852"/>
                  <a:gd name="connsiteY0" fmla="*/ 39693 h 1020890"/>
                  <a:gd name="connsiteX1" fmla="*/ 34561 w 515852"/>
                  <a:gd name="connsiteY1" fmla="*/ 0 h 1020890"/>
                  <a:gd name="connsiteX2" fmla="*/ 318208 w 515852"/>
                  <a:gd name="connsiteY2" fmla="*/ 3806 h 1020890"/>
                  <a:gd name="connsiteX3" fmla="*/ 515852 w 515852"/>
                  <a:gd name="connsiteY3" fmla="*/ 153825 h 1020890"/>
                  <a:gd name="connsiteX4" fmla="*/ 393837 w 515852"/>
                  <a:gd name="connsiteY4" fmla="*/ 498297 h 1020890"/>
                  <a:gd name="connsiteX5" fmla="*/ 318904 w 515852"/>
                  <a:gd name="connsiteY5" fmla="*/ 1020890 h 1020890"/>
                  <a:gd name="connsiteX6" fmla="*/ 255507 w 515852"/>
                  <a:gd name="connsiteY6" fmla="*/ 967573 h 1020890"/>
                  <a:gd name="connsiteX7" fmla="*/ 349165 w 515852"/>
                  <a:gd name="connsiteY7" fmla="*/ 165731 h 1020890"/>
                  <a:gd name="connsiteX8" fmla="*/ 120564 w 515852"/>
                  <a:gd name="connsiteY8" fmla="*/ 122869 h 1020890"/>
                  <a:gd name="connsiteX9" fmla="*/ 120564 w 515852"/>
                  <a:gd name="connsiteY9" fmla="*/ 468149 h 1020890"/>
                  <a:gd name="connsiteX10" fmla="*/ 30077 w 515852"/>
                  <a:gd name="connsiteY10" fmla="*/ 387187 h 1020890"/>
                  <a:gd name="connsiteX11" fmla="*/ 0 w 515852"/>
                  <a:gd name="connsiteY11" fmla="*/ 39693 h 1020890"/>
                  <a:gd name="connsiteX0" fmla="*/ 0 w 515852"/>
                  <a:gd name="connsiteY0" fmla="*/ 39693 h 1020890"/>
                  <a:gd name="connsiteX1" fmla="*/ 34561 w 515852"/>
                  <a:gd name="connsiteY1" fmla="*/ 0 h 1020890"/>
                  <a:gd name="connsiteX2" fmla="*/ 318208 w 515852"/>
                  <a:gd name="connsiteY2" fmla="*/ 3806 h 1020890"/>
                  <a:gd name="connsiteX3" fmla="*/ 515852 w 515852"/>
                  <a:gd name="connsiteY3" fmla="*/ 153825 h 1020890"/>
                  <a:gd name="connsiteX4" fmla="*/ 379771 w 515852"/>
                  <a:gd name="connsiteY4" fmla="*/ 533576 h 1020890"/>
                  <a:gd name="connsiteX5" fmla="*/ 318904 w 515852"/>
                  <a:gd name="connsiteY5" fmla="*/ 1020890 h 1020890"/>
                  <a:gd name="connsiteX6" fmla="*/ 255507 w 515852"/>
                  <a:gd name="connsiteY6" fmla="*/ 967573 h 1020890"/>
                  <a:gd name="connsiteX7" fmla="*/ 349165 w 515852"/>
                  <a:gd name="connsiteY7" fmla="*/ 165731 h 1020890"/>
                  <a:gd name="connsiteX8" fmla="*/ 120564 w 515852"/>
                  <a:gd name="connsiteY8" fmla="*/ 122869 h 1020890"/>
                  <a:gd name="connsiteX9" fmla="*/ 120564 w 515852"/>
                  <a:gd name="connsiteY9" fmla="*/ 468149 h 1020890"/>
                  <a:gd name="connsiteX10" fmla="*/ 30077 w 515852"/>
                  <a:gd name="connsiteY10" fmla="*/ 387187 h 1020890"/>
                  <a:gd name="connsiteX11" fmla="*/ 0 w 515852"/>
                  <a:gd name="connsiteY11" fmla="*/ 39693 h 1020890"/>
                  <a:gd name="connsiteX0" fmla="*/ 0 w 515852"/>
                  <a:gd name="connsiteY0" fmla="*/ 39693 h 1020890"/>
                  <a:gd name="connsiteX1" fmla="*/ 34561 w 515852"/>
                  <a:gd name="connsiteY1" fmla="*/ 0 h 1020890"/>
                  <a:gd name="connsiteX2" fmla="*/ 318208 w 515852"/>
                  <a:gd name="connsiteY2" fmla="*/ 3806 h 1020890"/>
                  <a:gd name="connsiteX3" fmla="*/ 515852 w 515852"/>
                  <a:gd name="connsiteY3" fmla="*/ 153825 h 1020890"/>
                  <a:gd name="connsiteX4" fmla="*/ 379771 w 515852"/>
                  <a:gd name="connsiteY4" fmla="*/ 533576 h 1020890"/>
                  <a:gd name="connsiteX5" fmla="*/ 318904 w 515852"/>
                  <a:gd name="connsiteY5" fmla="*/ 1020890 h 1020890"/>
                  <a:gd name="connsiteX6" fmla="*/ 255507 w 515852"/>
                  <a:gd name="connsiteY6" fmla="*/ 967573 h 1020890"/>
                  <a:gd name="connsiteX7" fmla="*/ 349165 w 515852"/>
                  <a:gd name="connsiteY7" fmla="*/ 165731 h 1020890"/>
                  <a:gd name="connsiteX8" fmla="*/ 120564 w 515852"/>
                  <a:gd name="connsiteY8" fmla="*/ 122869 h 1020890"/>
                  <a:gd name="connsiteX9" fmla="*/ 120564 w 515852"/>
                  <a:gd name="connsiteY9" fmla="*/ 468149 h 1020890"/>
                  <a:gd name="connsiteX10" fmla="*/ 30077 w 515852"/>
                  <a:gd name="connsiteY10" fmla="*/ 387187 h 1020890"/>
                  <a:gd name="connsiteX11" fmla="*/ 0 w 515852"/>
                  <a:gd name="connsiteY11" fmla="*/ 39693 h 1020890"/>
                  <a:gd name="connsiteX0" fmla="*/ 0 w 515852"/>
                  <a:gd name="connsiteY0" fmla="*/ 39693 h 1040967"/>
                  <a:gd name="connsiteX1" fmla="*/ 34561 w 515852"/>
                  <a:gd name="connsiteY1" fmla="*/ 0 h 1040967"/>
                  <a:gd name="connsiteX2" fmla="*/ 318208 w 515852"/>
                  <a:gd name="connsiteY2" fmla="*/ 3806 h 1040967"/>
                  <a:gd name="connsiteX3" fmla="*/ 515852 w 515852"/>
                  <a:gd name="connsiteY3" fmla="*/ 153825 h 1040967"/>
                  <a:gd name="connsiteX4" fmla="*/ 379771 w 515852"/>
                  <a:gd name="connsiteY4" fmla="*/ 533576 h 1040967"/>
                  <a:gd name="connsiteX5" fmla="*/ 314044 w 515852"/>
                  <a:gd name="connsiteY5" fmla="*/ 1040967 h 1040967"/>
                  <a:gd name="connsiteX6" fmla="*/ 255507 w 515852"/>
                  <a:gd name="connsiteY6" fmla="*/ 967573 h 1040967"/>
                  <a:gd name="connsiteX7" fmla="*/ 349165 w 515852"/>
                  <a:gd name="connsiteY7" fmla="*/ 165731 h 1040967"/>
                  <a:gd name="connsiteX8" fmla="*/ 120564 w 515852"/>
                  <a:gd name="connsiteY8" fmla="*/ 122869 h 1040967"/>
                  <a:gd name="connsiteX9" fmla="*/ 120564 w 515852"/>
                  <a:gd name="connsiteY9" fmla="*/ 468149 h 1040967"/>
                  <a:gd name="connsiteX10" fmla="*/ 30077 w 515852"/>
                  <a:gd name="connsiteY10" fmla="*/ 387187 h 1040967"/>
                  <a:gd name="connsiteX11" fmla="*/ 0 w 515852"/>
                  <a:gd name="connsiteY11" fmla="*/ 39693 h 1040967"/>
                  <a:gd name="connsiteX0" fmla="*/ 0 w 515852"/>
                  <a:gd name="connsiteY0" fmla="*/ 39693 h 1040967"/>
                  <a:gd name="connsiteX1" fmla="*/ 34561 w 515852"/>
                  <a:gd name="connsiteY1" fmla="*/ 0 h 1040967"/>
                  <a:gd name="connsiteX2" fmla="*/ 318208 w 515852"/>
                  <a:gd name="connsiteY2" fmla="*/ 3806 h 1040967"/>
                  <a:gd name="connsiteX3" fmla="*/ 515852 w 515852"/>
                  <a:gd name="connsiteY3" fmla="*/ 153825 h 1040967"/>
                  <a:gd name="connsiteX4" fmla="*/ 388462 w 515852"/>
                  <a:gd name="connsiteY4" fmla="*/ 543332 h 1040967"/>
                  <a:gd name="connsiteX5" fmla="*/ 314044 w 515852"/>
                  <a:gd name="connsiteY5" fmla="*/ 1040967 h 1040967"/>
                  <a:gd name="connsiteX6" fmla="*/ 255507 w 515852"/>
                  <a:gd name="connsiteY6" fmla="*/ 967573 h 1040967"/>
                  <a:gd name="connsiteX7" fmla="*/ 349165 w 515852"/>
                  <a:gd name="connsiteY7" fmla="*/ 165731 h 1040967"/>
                  <a:gd name="connsiteX8" fmla="*/ 120564 w 515852"/>
                  <a:gd name="connsiteY8" fmla="*/ 122869 h 1040967"/>
                  <a:gd name="connsiteX9" fmla="*/ 120564 w 515852"/>
                  <a:gd name="connsiteY9" fmla="*/ 468149 h 1040967"/>
                  <a:gd name="connsiteX10" fmla="*/ 30077 w 515852"/>
                  <a:gd name="connsiteY10" fmla="*/ 387187 h 1040967"/>
                  <a:gd name="connsiteX11" fmla="*/ 0 w 515852"/>
                  <a:gd name="connsiteY11" fmla="*/ 39693 h 1040967"/>
                  <a:gd name="connsiteX0" fmla="*/ 0 w 515852"/>
                  <a:gd name="connsiteY0" fmla="*/ 39693 h 1040967"/>
                  <a:gd name="connsiteX1" fmla="*/ 34561 w 515852"/>
                  <a:gd name="connsiteY1" fmla="*/ 0 h 1040967"/>
                  <a:gd name="connsiteX2" fmla="*/ 318208 w 515852"/>
                  <a:gd name="connsiteY2" fmla="*/ 3806 h 1040967"/>
                  <a:gd name="connsiteX3" fmla="*/ 515852 w 515852"/>
                  <a:gd name="connsiteY3" fmla="*/ 153825 h 1040967"/>
                  <a:gd name="connsiteX4" fmla="*/ 388462 w 515852"/>
                  <a:gd name="connsiteY4" fmla="*/ 543332 h 1040967"/>
                  <a:gd name="connsiteX5" fmla="*/ 314044 w 515852"/>
                  <a:gd name="connsiteY5" fmla="*/ 1040967 h 1040967"/>
                  <a:gd name="connsiteX6" fmla="*/ 255507 w 515852"/>
                  <a:gd name="connsiteY6" fmla="*/ 967573 h 1040967"/>
                  <a:gd name="connsiteX7" fmla="*/ 349165 w 515852"/>
                  <a:gd name="connsiteY7" fmla="*/ 165731 h 1040967"/>
                  <a:gd name="connsiteX8" fmla="*/ 120564 w 515852"/>
                  <a:gd name="connsiteY8" fmla="*/ 122869 h 1040967"/>
                  <a:gd name="connsiteX9" fmla="*/ 120564 w 515852"/>
                  <a:gd name="connsiteY9" fmla="*/ 468149 h 1040967"/>
                  <a:gd name="connsiteX10" fmla="*/ 25306 w 515852"/>
                  <a:gd name="connsiteY10" fmla="*/ 319507 h 1040967"/>
                  <a:gd name="connsiteX11" fmla="*/ 0 w 515852"/>
                  <a:gd name="connsiteY11" fmla="*/ 39693 h 1040967"/>
                  <a:gd name="connsiteX0" fmla="*/ 0 w 515852"/>
                  <a:gd name="connsiteY0" fmla="*/ 39693 h 1040967"/>
                  <a:gd name="connsiteX1" fmla="*/ 34561 w 515852"/>
                  <a:gd name="connsiteY1" fmla="*/ 0 h 1040967"/>
                  <a:gd name="connsiteX2" fmla="*/ 318208 w 515852"/>
                  <a:gd name="connsiteY2" fmla="*/ 3806 h 1040967"/>
                  <a:gd name="connsiteX3" fmla="*/ 515852 w 515852"/>
                  <a:gd name="connsiteY3" fmla="*/ 153825 h 1040967"/>
                  <a:gd name="connsiteX4" fmla="*/ 388462 w 515852"/>
                  <a:gd name="connsiteY4" fmla="*/ 543332 h 1040967"/>
                  <a:gd name="connsiteX5" fmla="*/ 314044 w 515852"/>
                  <a:gd name="connsiteY5" fmla="*/ 1040967 h 1040967"/>
                  <a:gd name="connsiteX6" fmla="*/ 255507 w 515852"/>
                  <a:gd name="connsiteY6" fmla="*/ 967573 h 1040967"/>
                  <a:gd name="connsiteX7" fmla="*/ 349165 w 515852"/>
                  <a:gd name="connsiteY7" fmla="*/ 165731 h 1040967"/>
                  <a:gd name="connsiteX8" fmla="*/ 120564 w 515852"/>
                  <a:gd name="connsiteY8" fmla="*/ 122869 h 1040967"/>
                  <a:gd name="connsiteX9" fmla="*/ 116521 w 515852"/>
                  <a:gd name="connsiteY9" fmla="*/ 353127 h 1040967"/>
                  <a:gd name="connsiteX10" fmla="*/ 25306 w 515852"/>
                  <a:gd name="connsiteY10" fmla="*/ 319507 h 1040967"/>
                  <a:gd name="connsiteX11" fmla="*/ 0 w 515852"/>
                  <a:gd name="connsiteY11" fmla="*/ 39693 h 1040967"/>
                  <a:gd name="connsiteX0" fmla="*/ 0 w 515852"/>
                  <a:gd name="connsiteY0" fmla="*/ 39693 h 1040967"/>
                  <a:gd name="connsiteX1" fmla="*/ 34561 w 515852"/>
                  <a:gd name="connsiteY1" fmla="*/ 0 h 1040967"/>
                  <a:gd name="connsiteX2" fmla="*/ 318208 w 515852"/>
                  <a:gd name="connsiteY2" fmla="*/ 3806 h 1040967"/>
                  <a:gd name="connsiteX3" fmla="*/ 515852 w 515852"/>
                  <a:gd name="connsiteY3" fmla="*/ 153825 h 1040967"/>
                  <a:gd name="connsiteX4" fmla="*/ 388462 w 515852"/>
                  <a:gd name="connsiteY4" fmla="*/ 543332 h 1040967"/>
                  <a:gd name="connsiteX5" fmla="*/ 314044 w 515852"/>
                  <a:gd name="connsiteY5" fmla="*/ 1040967 h 1040967"/>
                  <a:gd name="connsiteX6" fmla="*/ 255507 w 515852"/>
                  <a:gd name="connsiteY6" fmla="*/ 967573 h 1040967"/>
                  <a:gd name="connsiteX7" fmla="*/ 349165 w 515852"/>
                  <a:gd name="connsiteY7" fmla="*/ 165731 h 1040967"/>
                  <a:gd name="connsiteX8" fmla="*/ 120564 w 515852"/>
                  <a:gd name="connsiteY8" fmla="*/ 122869 h 1040967"/>
                  <a:gd name="connsiteX9" fmla="*/ 103640 w 515852"/>
                  <a:gd name="connsiteY9" fmla="*/ 379747 h 1040967"/>
                  <a:gd name="connsiteX10" fmla="*/ 25306 w 515852"/>
                  <a:gd name="connsiteY10" fmla="*/ 319507 h 1040967"/>
                  <a:gd name="connsiteX11" fmla="*/ 0 w 515852"/>
                  <a:gd name="connsiteY11" fmla="*/ 39693 h 1040967"/>
                  <a:gd name="connsiteX0" fmla="*/ 0 w 515852"/>
                  <a:gd name="connsiteY0" fmla="*/ 39693 h 1040967"/>
                  <a:gd name="connsiteX1" fmla="*/ 34561 w 515852"/>
                  <a:gd name="connsiteY1" fmla="*/ 0 h 1040967"/>
                  <a:gd name="connsiteX2" fmla="*/ 318208 w 515852"/>
                  <a:gd name="connsiteY2" fmla="*/ 3806 h 1040967"/>
                  <a:gd name="connsiteX3" fmla="*/ 515852 w 515852"/>
                  <a:gd name="connsiteY3" fmla="*/ 153825 h 1040967"/>
                  <a:gd name="connsiteX4" fmla="*/ 388462 w 515852"/>
                  <a:gd name="connsiteY4" fmla="*/ 543332 h 1040967"/>
                  <a:gd name="connsiteX5" fmla="*/ 314044 w 515852"/>
                  <a:gd name="connsiteY5" fmla="*/ 1040967 h 1040967"/>
                  <a:gd name="connsiteX6" fmla="*/ 255507 w 515852"/>
                  <a:gd name="connsiteY6" fmla="*/ 967573 h 1040967"/>
                  <a:gd name="connsiteX7" fmla="*/ 349165 w 515852"/>
                  <a:gd name="connsiteY7" fmla="*/ 165731 h 1040967"/>
                  <a:gd name="connsiteX8" fmla="*/ 120564 w 515852"/>
                  <a:gd name="connsiteY8" fmla="*/ 122869 h 1040967"/>
                  <a:gd name="connsiteX9" fmla="*/ 103640 w 515852"/>
                  <a:gd name="connsiteY9" fmla="*/ 379747 h 1040967"/>
                  <a:gd name="connsiteX10" fmla="*/ 20215 w 515852"/>
                  <a:gd name="connsiteY10" fmla="*/ 315209 h 1040967"/>
                  <a:gd name="connsiteX11" fmla="*/ 0 w 515852"/>
                  <a:gd name="connsiteY11" fmla="*/ 39693 h 1040967"/>
                  <a:gd name="connsiteX0" fmla="*/ 0 w 515852"/>
                  <a:gd name="connsiteY0" fmla="*/ 39693 h 1040967"/>
                  <a:gd name="connsiteX1" fmla="*/ 34561 w 515852"/>
                  <a:gd name="connsiteY1" fmla="*/ 0 h 1040967"/>
                  <a:gd name="connsiteX2" fmla="*/ 318208 w 515852"/>
                  <a:gd name="connsiteY2" fmla="*/ 3806 h 1040967"/>
                  <a:gd name="connsiteX3" fmla="*/ 515852 w 515852"/>
                  <a:gd name="connsiteY3" fmla="*/ 153825 h 1040967"/>
                  <a:gd name="connsiteX4" fmla="*/ 388462 w 515852"/>
                  <a:gd name="connsiteY4" fmla="*/ 543332 h 1040967"/>
                  <a:gd name="connsiteX5" fmla="*/ 314044 w 515852"/>
                  <a:gd name="connsiteY5" fmla="*/ 1040967 h 1040967"/>
                  <a:gd name="connsiteX6" fmla="*/ 255507 w 515852"/>
                  <a:gd name="connsiteY6" fmla="*/ 967573 h 1040967"/>
                  <a:gd name="connsiteX7" fmla="*/ 349165 w 515852"/>
                  <a:gd name="connsiteY7" fmla="*/ 165731 h 1040967"/>
                  <a:gd name="connsiteX8" fmla="*/ 120564 w 515852"/>
                  <a:gd name="connsiteY8" fmla="*/ 122869 h 1040967"/>
                  <a:gd name="connsiteX9" fmla="*/ 91117 w 515852"/>
                  <a:gd name="connsiteY9" fmla="*/ 377023 h 1040967"/>
                  <a:gd name="connsiteX10" fmla="*/ 20215 w 515852"/>
                  <a:gd name="connsiteY10" fmla="*/ 315209 h 1040967"/>
                  <a:gd name="connsiteX11" fmla="*/ 0 w 515852"/>
                  <a:gd name="connsiteY11" fmla="*/ 39693 h 1040967"/>
                  <a:gd name="connsiteX0" fmla="*/ 0 w 508395"/>
                  <a:gd name="connsiteY0" fmla="*/ 60812 h 1040967"/>
                  <a:gd name="connsiteX1" fmla="*/ 27104 w 508395"/>
                  <a:gd name="connsiteY1" fmla="*/ 0 h 1040967"/>
                  <a:gd name="connsiteX2" fmla="*/ 310751 w 508395"/>
                  <a:gd name="connsiteY2" fmla="*/ 3806 h 1040967"/>
                  <a:gd name="connsiteX3" fmla="*/ 508395 w 508395"/>
                  <a:gd name="connsiteY3" fmla="*/ 153825 h 1040967"/>
                  <a:gd name="connsiteX4" fmla="*/ 381005 w 508395"/>
                  <a:gd name="connsiteY4" fmla="*/ 543332 h 1040967"/>
                  <a:gd name="connsiteX5" fmla="*/ 306587 w 508395"/>
                  <a:gd name="connsiteY5" fmla="*/ 1040967 h 1040967"/>
                  <a:gd name="connsiteX6" fmla="*/ 248050 w 508395"/>
                  <a:gd name="connsiteY6" fmla="*/ 967573 h 1040967"/>
                  <a:gd name="connsiteX7" fmla="*/ 341708 w 508395"/>
                  <a:gd name="connsiteY7" fmla="*/ 165731 h 1040967"/>
                  <a:gd name="connsiteX8" fmla="*/ 113107 w 508395"/>
                  <a:gd name="connsiteY8" fmla="*/ 122869 h 1040967"/>
                  <a:gd name="connsiteX9" fmla="*/ 83660 w 508395"/>
                  <a:gd name="connsiteY9" fmla="*/ 377023 h 1040967"/>
                  <a:gd name="connsiteX10" fmla="*/ 12758 w 508395"/>
                  <a:gd name="connsiteY10" fmla="*/ 315209 h 1040967"/>
                  <a:gd name="connsiteX11" fmla="*/ 0 w 508395"/>
                  <a:gd name="connsiteY11" fmla="*/ 60812 h 1040967"/>
                  <a:gd name="connsiteX0" fmla="*/ 0 w 508395"/>
                  <a:gd name="connsiteY0" fmla="*/ 57006 h 1037161"/>
                  <a:gd name="connsiteX1" fmla="*/ 38463 w 508395"/>
                  <a:gd name="connsiteY1" fmla="*/ 7526 h 1037161"/>
                  <a:gd name="connsiteX2" fmla="*/ 310751 w 508395"/>
                  <a:gd name="connsiteY2" fmla="*/ 0 h 1037161"/>
                  <a:gd name="connsiteX3" fmla="*/ 508395 w 508395"/>
                  <a:gd name="connsiteY3" fmla="*/ 150019 h 1037161"/>
                  <a:gd name="connsiteX4" fmla="*/ 381005 w 508395"/>
                  <a:gd name="connsiteY4" fmla="*/ 539526 h 1037161"/>
                  <a:gd name="connsiteX5" fmla="*/ 306587 w 508395"/>
                  <a:gd name="connsiteY5" fmla="*/ 1037161 h 1037161"/>
                  <a:gd name="connsiteX6" fmla="*/ 248050 w 508395"/>
                  <a:gd name="connsiteY6" fmla="*/ 963767 h 1037161"/>
                  <a:gd name="connsiteX7" fmla="*/ 341708 w 508395"/>
                  <a:gd name="connsiteY7" fmla="*/ 161925 h 1037161"/>
                  <a:gd name="connsiteX8" fmla="*/ 113107 w 508395"/>
                  <a:gd name="connsiteY8" fmla="*/ 119063 h 1037161"/>
                  <a:gd name="connsiteX9" fmla="*/ 83660 w 508395"/>
                  <a:gd name="connsiteY9" fmla="*/ 373217 h 1037161"/>
                  <a:gd name="connsiteX10" fmla="*/ 12758 w 508395"/>
                  <a:gd name="connsiteY10" fmla="*/ 311403 h 1037161"/>
                  <a:gd name="connsiteX11" fmla="*/ 0 w 508395"/>
                  <a:gd name="connsiteY11" fmla="*/ 57006 h 1037161"/>
                  <a:gd name="connsiteX0" fmla="*/ 0 w 508395"/>
                  <a:gd name="connsiteY0" fmla="*/ 57006 h 1037161"/>
                  <a:gd name="connsiteX1" fmla="*/ 38463 w 508395"/>
                  <a:gd name="connsiteY1" fmla="*/ 7526 h 1037161"/>
                  <a:gd name="connsiteX2" fmla="*/ 310751 w 508395"/>
                  <a:gd name="connsiteY2" fmla="*/ 0 h 1037161"/>
                  <a:gd name="connsiteX3" fmla="*/ 508395 w 508395"/>
                  <a:gd name="connsiteY3" fmla="*/ 150019 h 1037161"/>
                  <a:gd name="connsiteX4" fmla="*/ 381005 w 508395"/>
                  <a:gd name="connsiteY4" fmla="*/ 539526 h 1037161"/>
                  <a:gd name="connsiteX5" fmla="*/ 306587 w 508395"/>
                  <a:gd name="connsiteY5" fmla="*/ 1037161 h 1037161"/>
                  <a:gd name="connsiteX6" fmla="*/ 248050 w 508395"/>
                  <a:gd name="connsiteY6" fmla="*/ 963767 h 1037161"/>
                  <a:gd name="connsiteX7" fmla="*/ 341708 w 508395"/>
                  <a:gd name="connsiteY7" fmla="*/ 161925 h 1037161"/>
                  <a:gd name="connsiteX8" fmla="*/ 120513 w 508395"/>
                  <a:gd name="connsiteY8" fmla="*/ 94797 h 1037161"/>
                  <a:gd name="connsiteX9" fmla="*/ 83660 w 508395"/>
                  <a:gd name="connsiteY9" fmla="*/ 373217 h 1037161"/>
                  <a:gd name="connsiteX10" fmla="*/ 12758 w 508395"/>
                  <a:gd name="connsiteY10" fmla="*/ 311403 h 1037161"/>
                  <a:gd name="connsiteX11" fmla="*/ 0 w 508395"/>
                  <a:gd name="connsiteY11" fmla="*/ 57006 h 1037161"/>
                  <a:gd name="connsiteX0" fmla="*/ 0 w 508395"/>
                  <a:gd name="connsiteY0" fmla="*/ 57006 h 1037161"/>
                  <a:gd name="connsiteX1" fmla="*/ 38463 w 508395"/>
                  <a:gd name="connsiteY1" fmla="*/ 7526 h 1037161"/>
                  <a:gd name="connsiteX2" fmla="*/ 310751 w 508395"/>
                  <a:gd name="connsiteY2" fmla="*/ 0 h 1037161"/>
                  <a:gd name="connsiteX3" fmla="*/ 508395 w 508395"/>
                  <a:gd name="connsiteY3" fmla="*/ 150019 h 1037161"/>
                  <a:gd name="connsiteX4" fmla="*/ 381005 w 508395"/>
                  <a:gd name="connsiteY4" fmla="*/ 539526 h 1037161"/>
                  <a:gd name="connsiteX5" fmla="*/ 306587 w 508395"/>
                  <a:gd name="connsiteY5" fmla="*/ 1037161 h 1037161"/>
                  <a:gd name="connsiteX6" fmla="*/ 248050 w 508395"/>
                  <a:gd name="connsiteY6" fmla="*/ 963767 h 1037161"/>
                  <a:gd name="connsiteX7" fmla="*/ 341708 w 508395"/>
                  <a:gd name="connsiteY7" fmla="*/ 161925 h 1037161"/>
                  <a:gd name="connsiteX8" fmla="*/ 120513 w 508395"/>
                  <a:gd name="connsiteY8" fmla="*/ 94797 h 1037161"/>
                  <a:gd name="connsiteX9" fmla="*/ 83660 w 508395"/>
                  <a:gd name="connsiteY9" fmla="*/ 373217 h 1037161"/>
                  <a:gd name="connsiteX10" fmla="*/ 12758 w 508395"/>
                  <a:gd name="connsiteY10" fmla="*/ 311403 h 1037161"/>
                  <a:gd name="connsiteX11" fmla="*/ 0 w 508395"/>
                  <a:gd name="connsiteY11" fmla="*/ 57006 h 1037161"/>
                  <a:gd name="connsiteX0" fmla="*/ 0 w 508395"/>
                  <a:gd name="connsiteY0" fmla="*/ 57006 h 1037161"/>
                  <a:gd name="connsiteX1" fmla="*/ 38463 w 508395"/>
                  <a:gd name="connsiteY1" fmla="*/ 7526 h 1037161"/>
                  <a:gd name="connsiteX2" fmla="*/ 310751 w 508395"/>
                  <a:gd name="connsiteY2" fmla="*/ 0 h 1037161"/>
                  <a:gd name="connsiteX3" fmla="*/ 508395 w 508395"/>
                  <a:gd name="connsiteY3" fmla="*/ 150019 h 1037161"/>
                  <a:gd name="connsiteX4" fmla="*/ 381005 w 508395"/>
                  <a:gd name="connsiteY4" fmla="*/ 539526 h 1037161"/>
                  <a:gd name="connsiteX5" fmla="*/ 306587 w 508395"/>
                  <a:gd name="connsiteY5" fmla="*/ 1037161 h 1037161"/>
                  <a:gd name="connsiteX6" fmla="*/ 248050 w 508395"/>
                  <a:gd name="connsiteY6" fmla="*/ 963767 h 1037161"/>
                  <a:gd name="connsiteX7" fmla="*/ 341708 w 508395"/>
                  <a:gd name="connsiteY7" fmla="*/ 161925 h 1037161"/>
                  <a:gd name="connsiteX8" fmla="*/ 108374 w 508395"/>
                  <a:gd name="connsiteY8" fmla="*/ 85421 h 1037161"/>
                  <a:gd name="connsiteX9" fmla="*/ 83660 w 508395"/>
                  <a:gd name="connsiteY9" fmla="*/ 373217 h 1037161"/>
                  <a:gd name="connsiteX10" fmla="*/ 12758 w 508395"/>
                  <a:gd name="connsiteY10" fmla="*/ 311403 h 1037161"/>
                  <a:gd name="connsiteX11" fmla="*/ 0 w 508395"/>
                  <a:gd name="connsiteY11" fmla="*/ 57006 h 1037161"/>
                  <a:gd name="connsiteX0" fmla="*/ 0 w 508395"/>
                  <a:gd name="connsiteY0" fmla="*/ 69051 h 1049206"/>
                  <a:gd name="connsiteX1" fmla="*/ 46266 w 508395"/>
                  <a:gd name="connsiteY1" fmla="*/ 0 h 1049206"/>
                  <a:gd name="connsiteX2" fmla="*/ 310751 w 508395"/>
                  <a:gd name="connsiteY2" fmla="*/ 12045 h 1049206"/>
                  <a:gd name="connsiteX3" fmla="*/ 508395 w 508395"/>
                  <a:gd name="connsiteY3" fmla="*/ 162064 h 1049206"/>
                  <a:gd name="connsiteX4" fmla="*/ 381005 w 508395"/>
                  <a:gd name="connsiteY4" fmla="*/ 551571 h 1049206"/>
                  <a:gd name="connsiteX5" fmla="*/ 306587 w 508395"/>
                  <a:gd name="connsiteY5" fmla="*/ 1049206 h 1049206"/>
                  <a:gd name="connsiteX6" fmla="*/ 248050 w 508395"/>
                  <a:gd name="connsiteY6" fmla="*/ 975812 h 1049206"/>
                  <a:gd name="connsiteX7" fmla="*/ 341708 w 508395"/>
                  <a:gd name="connsiteY7" fmla="*/ 173970 h 1049206"/>
                  <a:gd name="connsiteX8" fmla="*/ 108374 w 508395"/>
                  <a:gd name="connsiteY8" fmla="*/ 97466 h 1049206"/>
                  <a:gd name="connsiteX9" fmla="*/ 83660 w 508395"/>
                  <a:gd name="connsiteY9" fmla="*/ 385262 h 1049206"/>
                  <a:gd name="connsiteX10" fmla="*/ 12758 w 508395"/>
                  <a:gd name="connsiteY10" fmla="*/ 323448 h 1049206"/>
                  <a:gd name="connsiteX11" fmla="*/ 0 w 508395"/>
                  <a:gd name="connsiteY11" fmla="*/ 69051 h 1049206"/>
                  <a:gd name="connsiteX0" fmla="*/ 0 w 507243"/>
                  <a:gd name="connsiteY0" fmla="*/ 49095 h 1049206"/>
                  <a:gd name="connsiteX1" fmla="*/ 45114 w 507243"/>
                  <a:gd name="connsiteY1" fmla="*/ 0 h 1049206"/>
                  <a:gd name="connsiteX2" fmla="*/ 309599 w 507243"/>
                  <a:gd name="connsiteY2" fmla="*/ 12045 h 1049206"/>
                  <a:gd name="connsiteX3" fmla="*/ 507243 w 507243"/>
                  <a:gd name="connsiteY3" fmla="*/ 162064 h 1049206"/>
                  <a:gd name="connsiteX4" fmla="*/ 379853 w 507243"/>
                  <a:gd name="connsiteY4" fmla="*/ 551571 h 1049206"/>
                  <a:gd name="connsiteX5" fmla="*/ 305435 w 507243"/>
                  <a:gd name="connsiteY5" fmla="*/ 1049206 h 1049206"/>
                  <a:gd name="connsiteX6" fmla="*/ 246898 w 507243"/>
                  <a:gd name="connsiteY6" fmla="*/ 975812 h 1049206"/>
                  <a:gd name="connsiteX7" fmla="*/ 340556 w 507243"/>
                  <a:gd name="connsiteY7" fmla="*/ 173970 h 1049206"/>
                  <a:gd name="connsiteX8" fmla="*/ 107222 w 507243"/>
                  <a:gd name="connsiteY8" fmla="*/ 97466 h 1049206"/>
                  <a:gd name="connsiteX9" fmla="*/ 82508 w 507243"/>
                  <a:gd name="connsiteY9" fmla="*/ 385262 h 1049206"/>
                  <a:gd name="connsiteX10" fmla="*/ 11606 w 507243"/>
                  <a:gd name="connsiteY10" fmla="*/ 323448 h 1049206"/>
                  <a:gd name="connsiteX11" fmla="*/ 0 w 507243"/>
                  <a:gd name="connsiteY11" fmla="*/ 49095 h 104920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507243" h="1049206">
                    <a:moveTo>
                      <a:pt x="0" y="49095"/>
                    </a:moveTo>
                    <a:cubicBezTo>
                      <a:pt x="875" y="9087"/>
                      <a:pt x="26211" y="1742"/>
                      <a:pt x="45114" y="0"/>
                    </a:cubicBezTo>
                    <a:lnTo>
                      <a:pt x="309599" y="12045"/>
                    </a:lnTo>
                    <a:lnTo>
                      <a:pt x="507243" y="162064"/>
                    </a:lnTo>
                    <a:cubicBezTo>
                      <a:pt x="502084" y="206911"/>
                      <a:pt x="374096" y="491997"/>
                      <a:pt x="379853" y="551571"/>
                    </a:cubicBezTo>
                    <a:cubicBezTo>
                      <a:pt x="363978" y="672618"/>
                      <a:pt x="306626" y="927366"/>
                      <a:pt x="305435" y="1049206"/>
                    </a:cubicBezTo>
                    <a:cubicBezTo>
                      <a:pt x="275978" y="1026018"/>
                      <a:pt x="276355" y="999000"/>
                      <a:pt x="246898" y="975812"/>
                    </a:cubicBezTo>
                    <a:cubicBezTo>
                      <a:pt x="201392" y="747086"/>
                      <a:pt x="268779" y="424987"/>
                      <a:pt x="340556" y="173970"/>
                    </a:cubicBezTo>
                    <a:cubicBezTo>
                      <a:pt x="324396" y="131173"/>
                      <a:pt x="114366" y="77225"/>
                      <a:pt x="107222" y="97466"/>
                    </a:cubicBezTo>
                    <a:cubicBezTo>
                      <a:pt x="97697" y="155807"/>
                      <a:pt x="96002" y="357084"/>
                      <a:pt x="82508" y="385262"/>
                    </a:cubicBezTo>
                    <a:cubicBezTo>
                      <a:pt x="56314" y="373754"/>
                      <a:pt x="11606" y="341704"/>
                      <a:pt x="11606" y="323448"/>
                    </a:cubicBezTo>
                    <a:cubicBezTo>
                      <a:pt x="-2682" y="243279"/>
                      <a:pt x="1984" y="107039"/>
                      <a:pt x="0" y="49095"/>
                    </a:cubicBezTo>
                    <a:close/>
                  </a:path>
                </a:pathLst>
              </a:custGeom>
              <a:solidFill>
                <a:srgbClr val="C7EDFB">
                  <a:lumMod val="50000"/>
                </a:srgb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31" name="Rectangle 20"/>
              <p:cNvSpPr/>
              <p:nvPr/>
            </p:nvSpPr>
            <p:spPr>
              <a:xfrm>
                <a:off x="6081573" y="2203544"/>
                <a:ext cx="218392" cy="318192"/>
              </a:xfrm>
              <a:custGeom>
                <a:avLst/>
                <a:gdLst>
                  <a:gd name="connsiteX0" fmla="*/ 0 w 4649273"/>
                  <a:gd name="connsiteY0" fmla="*/ 0 h 5087155"/>
                  <a:gd name="connsiteX1" fmla="*/ 4649273 w 4649273"/>
                  <a:gd name="connsiteY1" fmla="*/ 0 h 5087155"/>
                  <a:gd name="connsiteX2" fmla="*/ 4649273 w 4649273"/>
                  <a:gd name="connsiteY2" fmla="*/ 5087155 h 5087155"/>
                  <a:gd name="connsiteX3" fmla="*/ 0 w 4649273"/>
                  <a:gd name="connsiteY3" fmla="*/ 5087155 h 5087155"/>
                  <a:gd name="connsiteX4" fmla="*/ 0 w 4649273"/>
                  <a:gd name="connsiteY4" fmla="*/ 0 h 5087155"/>
                  <a:gd name="connsiteX0" fmla="*/ 0 w 4649273"/>
                  <a:gd name="connsiteY0" fmla="*/ 0 h 5087155"/>
                  <a:gd name="connsiteX1" fmla="*/ 4649273 w 4649273"/>
                  <a:gd name="connsiteY1" fmla="*/ 0 h 5087155"/>
                  <a:gd name="connsiteX2" fmla="*/ 4649273 w 4649273"/>
                  <a:gd name="connsiteY2" fmla="*/ 5087155 h 5087155"/>
                  <a:gd name="connsiteX3" fmla="*/ 2050781 w 4649273"/>
                  <a:gd name="connsiteY3" fmla="*/ 5071950 h 5087155"/>
                  <a:gd name="connsiteX4" fmla="*/ 0 w 4649273"/>
                  <a:gd name="connsiteY4" fmla="*/ 5087155 h 5087155"/>
                  <a:gd name="connsiteX5" fmla="*/ 0 w 4649273"/>
                  <a:gd name="connsiteY5" fmla="*/ 0 h 5087155"/>
                  <a:gd name="connsiteX0" fmla="*/ 0 w 4649273"/>
                  <a:gd name="connsiteY0" fmla="*/ 0 h 5087155"/>
                  <a:gd name="connsiteX1" fmla="*/ 4649273 w 4649273"/>
                  <a:gd name="connsiteY1" fmla="*/ 0 h 5087155"/>
                  <a:gd name="connsiteX2" fmla="*/ 4649273 w 4649273"/>
                  <a:gd name="connsiteY2" fmla="*/ 5087155 h 5087155"/>
                  <a:gd name="connsiteX3" fmla="*/ 2050781 w 4649273"/>
                  <a:gd name="connsiteY3" fmla="*/ 4805250 h 5087155"/>
                  <a:gd name="connsiteX4" fmla="*/ 0 w 4649273"/>
                  <a:gd name="connsiteY4" fmla="*/ 5087155 h 5087155"/>
                  <a:gd name="connsiteX5" fmla="*/ 0 w 4649273"/>
                  <a:gd name="connsiteY5" fmla="*/ 0 h 5087155"/>
                  <a:gd name="connsiteX0" fmla="*/ 0 w 4649273"/>
                  <a:gd name="connsiteY0" fmla="*/ 0 h 5087155"/>
                  <a:gd name="connsiteX1" fmla="*/ 4649273 w 4649273"/>
                  <a:gd name="connsiteY1" fmla="*/ 0 h 5087155"/>
                  <a:gd name="connsiteX2" fmla="*/ 4649273 w 4649273"/>
                  <a:gd name="connsiteY2" fmla="*/ 5087155 h 5087155"/>
                  <a:gd name="connsiteX3" fmla="*/ 4247881 w 4649273"/>
                  <a:gd name="connsiteY3" fmla="*/ 5021150 h 5087155"/>
                  <a:gd name="connsiteX4" fmla="*/ 2050781 w 4649273"/>
                  <a:gd name="connsiteY4" fmla="*/ 4805250 h 5087155"/>
                  <a:gd name="connsiteX5" fmla="*/ 0 w 4649273"/>
                  <a:gd name="connsiteY5" fmla="*/ 5087155 h 5087155"/>
                  <a:gd name="connsiteX6" fmla="*/ 0 w 4649273"/>
                  <a:gd name="connsiteY6" fmla="*/ 0 h 5087155"/>
                  <a:gd name="connsiteX0" fmla="*/ 0 w 4649273"/>
                  <a:gd name="connsiteY0" fmla="*/ 0 h 5087155"/>
                  <a:gd name="connsiteX1" fmla="*/ 4649273 w 4649273"/>
                  <a:gd name="connsiteY1" fmla="*/ 0 h 5087155"/>
                  <a:gd name="connsiteX2" fmla="*/ 4649273 w 4649273"/>
                  <a:gd name="connsiteY2" fmla="*/ 5087155 h 5087155"/>
                  <a:gd name="connsiteX3" fmla="*/ 3739881 w 4649273"/>
                  <a:gd name="connsiteY3" fmla="*/ 3649550 h 5087155"/>
                  <a:gd name="connsiteX4" fmla="*/ 2050781 w 4649273"/>
                  <a:gd name="connsiteY4" fmla="*/ 4805250 h 5087155"/>
                  <a:gd name="connsiteX5" fmla="*/ 0 w 4649273"/>
                  <a:gd name="connsiteY5" fmla="*/ 5087155 h 5087155"/>
                  <a:gd name="connsiteX6" fmla="*/ 0 w 4649273"/>
                  <a:gd name="connsiteY6" fmla="*/ 0 h 5087155"/>
                  <a:gd name="connsiteX0" fmla="*/ 0 w 4649273"/>
                  <a:gd name="connsiteY0" fmla="*/ 0 h 5087155"/>
                  <a:gd name="connsiteX1" fmla="*/ 4649273 w 4649273"/>
                  <a:gd name="connsiteY1" fmla="*/ 0 h 5087155"/>
                  <a:gd name="connsiteX2" fmla="*/ 4649273 w 4649273"/>
                  <a:gd name="connsiteY2" fmla="*/ 5087155 h 5087155"/>
                  <a:gd name="connsiteX3" fmla="*/ 3739881 w 4649273"/>
                  <a:gd name="connsiteY3" fmla="*/ 3649550 h 5087155"/>
                  <a:gd name="connsiteX4" fmla="*/ 2901681 w 4649273"/>
                  <a:gd name="connsiteY4" fmla="*/ 4233750 h 5087155"/>
                  <a:gd name="connsiteX5" fmla="*/ 2050781 w 4649273"/>
                  <a:gd name="connsiteY5" fmla="*/ 4805250 h 5087155"/>
                  <a:gd name="connsiteX6" fmla="*/ 0 w 4649273"/>
                  <a:gd name="connsiteY6" fmla="*/ 5087155 h 5087155"/>
                  <a:gd name="connsiteX7" fmla="*/ 0 w 4649273"/>
                  <a:gd name="connsiteY7" fmla="*/ 0 h 5087155"/>
                  <a:gd name="connsiteX0" fmla="*/ 0 w 4649273"/>
                  <a:gd name="connsiteY0" fmla="*/ 0 h 5087155"/>
                  <a:gd name="connsiteX1" fmla="*/ 4649273 w 4649273"/>
                  <a:gd name="connsiteY1" fmla="*/ 0 h 5087155"/>
                  <a:gd name="connsiteX2" fmla="*/ 4649273 w 4649273"/>
                  <a:gd name="connsiteY2" fmla="*/ 5087155 h 5087155"/>
                  <a:gd name="connsiteX3" fmla="*/ 3739881 w 4649273"/>
                  <a:gd name="connsiteY3" fmla="*/ 3649550 h 5087155"/>
                  <a:gd name="connsiteX4" fmla="*/ 2800081 w 4649273"/>
                  <a:gd name="connsiteY4" fmla="*/ 4081350 h 5087155"/>
                  <a:gd name="connsiteX5" fmla="*/ 2050781 w 4649273"/>
                  <a:gd name="connsiteY5" fmla="*/ 4805250 h 5087155"/>
                  <a:gd name="connsiteX6" fmla="*/ 0 w 4649273"/>
                  <a:gd name="connsiteY6" fmla="*/ 5087155 h 5087155"/>
                  <a:gd name="connsiteX7" fmla="*/ 0 w 4649273"/>
                  <a:gd name="connsiteY7" fmla="*/ 0 h 5087155"/>
                  <a:gd name="connsiteX0" fmla="*/ 0 w 4654281"/>
                  <a:gd name="connsiteY0" fmla="*/ 0 h 5087155"/>
                  <a:gd name="connsiteX1" fmla="*/ 4649273 w 4654281"/>
                  <a:gd name="connsiteY1" fmla="*/ 0 h 5087155"/>
                  <a:gd name="connsiteX2" fmla="*/ 4654281 w 4654281"/>
                  <a:gd name="connsiteY2" fmla="*/ 3306650 h 5087155"/>
                  <a:gd name="connsiteX3" fmla="*/ 4649273 w 4654281"/>
                  <a:gd name="connsiteY3" fmla="*/ 5087155 h 5087155"/>
                  <a:gd name="connsiteX4" fmla="*/ 3739881 w 4654281"/>
                  <a:gd name="connsiteY4" fmla="*/ 3649550 h 5087155"/>
                  <a:gd name="connsiteX5" fmla="*/ 2800081 w 4654281"/>
                  <a:gd name="connsiteY5" fmla="*/ 4081350 h 5087155"/>
                  <a:gd name="connsiteX6" fmla="*/ 2050781 w 4654281"/>
                  <a:gd name="connsiteY6" fmla="*/ 4805250 h 5087155"/>
                  <a:gd name="connsiteX7" fmla="*/ 0 w 4654281"/>
                  <a:gd name="connsiteY7" fmla="*/ 5087155 h 5087155"/>
                  <a:gd name="connsiteX8" fmla="*/ 0 w 4654281"/>
                  <a:gd name="connsiteY8" fmla="*/ 0 h 5087155"/>
                  <a:gd name="connsiteX0" fmla="*/ 0 w 4649275"/>
                  <a:gd name="connsiteY0" fmla="*/ 0 h 5087155"/>
                  <a:gd name="connsiteX1" fmla="*/ 4649273 w 4649275"/>
                  <a:gd name="connsiteY1" fmla="*/ 0 h 5087155"/>
                  <a:gd name="connsiteX2" fmla="*/ 3638281 w 4649275"/>
                  <a:gd name="connsiteY2" fmla="*/ 3268550 h 5087155"/>
                  <a:gd name="connsiteX3" fmla="*/ 4649273 w 4649275"/>
                  <a:gd name="connsiteY3" fmla="*/ 5087155 h 5087155"/>
                  <a:gd name="connsiteX4" fmla="*/ 3739881 w 4649275"/>
                  <a:gd name="connsiteY4" fmla="*/ 3649550 h 5087155"/>
                  <a:gd name="connsiteX5" fmla="*/ 2800081 w 4649275"/>
                  <a:gd name="connsiteY5" fmla="*/ 4081350 h 5087155"/>
                  <a:gd name="connsiteX6" fmla="*/ 2050781 w 4649275"/>
                  <a:gd name="connsiteY6" fmla="*/ 4805250 h 5087155"/>
                  <a:gd name="connsiteX7" fmla="*/ 0 w 4649275"/>
                  <a:gd name="connsiteY7" fmla="*/ 5087155 h 5087155"/>
                  <a:gd name="connsiteX8" fmla="*/ 0 w 4649275"/>
                  <a:gd name="connsiteY8" fmla="*/ 0 h 5087155"/>
                  <a:gd name="connsiteX0" fmla="*/ 0 w 4649275"/>
                  <a:gd name="connsiteY0" fmla="*/ 0 h 5087155"/>
                  <a:gd name="connsiteX1" fmla="*/ 4649273 w 4649275"/>
                  <a:gd name="connsiteY1" fmla="*/ 0 h 5087155"/>
                  <a:gd name="connsiteX2" fmla="*/ 3638281 w 4649275"/>
                  <a:gd name="connsiteY2" fmla="*/ 3268550 h 5087155"/>
                  <a:gd name="connsiteX3" fmla="*/ 3739881 w 4649275"/>
                  <a:gd name="connsiteY3" fmla="*/ 3649550 h 5087155"/>
                  <a:gd name="connsiteX4" fmla="*/ 2800081 w 4649275"/>
                  <a:gd name="connsiteY4" fmla="*/ 4081350 h 5087155"/>
                  <a:gd name="connsiteX5" fmla="*/ 2050781 w 4649275"/>
                  <a:gd name="connsiteY5" fmla="*/ 4805250 h 5087155"/>
                  <a:gd name="connsiteX6" fmla="*/ 0 w 4649275"/>
                  <a:gd name="connsiteY6" fmla="*/ 5087155 h 5087155"/>
                  <a:gd name="connsiteX7" fmla="*/ 0 w 4649275"/>
                  <a:gd name="connsiteY7" fmla="*/ 0 h 5087155"/>
                  <a:gd name="connsiteX0" fmla="*/ 0 w 4649275"/>
                  <a:gd name="connsiteY0" fmla="*/ 0 h 5087155"/>
                  <a:gd name="connsiteX1" fmla="*/ 4649273 w 4649275"/>
                  <a:gd name="connsiteY1" fmla="*/ 0 h 5087155"/>
                  <a:gd name="connsiteX2" fmla="*/ 3612881 w 4649275"/>
                  <a:gd name="connsiteY2" fmla="*/ 3154250 h 5087155"/>
                  <a:gd name="connsiteX3" fmla="*/ 3739881 w 4649275"/>
                  <a:gd name="connsiteY3" fmla="*/ 3649550 h 5087155"/>
                  <a:gd name="connsiteX4" fmla="*/ 2800081 w 4649275"/>
                  <a:gd name="connsiteY4" fmla="*/ 4081350 h 5087155"/>
                  <a:gd name="connsiteX5" fmla="*/ 2050781 w 4649275"/>
                  <a:gd name="connsiteY5" fmla="*/ 4805250 h 5087155"/>
                  <a:gd name="connsiteX6" fmla="*/ 0 w 4649275"/>
                  <a:gd name="connsiteY6" fmla="*/ 5087155 h 5087155"/>
                  <a:gd name="connsiteX7" fmla="*/ 0 w 4649275"/>
                  <a:gd name="connsiteY7" fmla="*/ 0 h 5087155"/>
                  <a:gd name="connsiteX0" fmla="*/ 0 w 4649275"/>
                  <a:gd name="connsiteY0" fmla="*/ 0 h 5087155"/>
                  <a:gd name="connsiteX1" fmla="*/ 4649273 w 4649275"/>
                  <a:gd name="connsiteY1" fmla="*/ 0 h 5087155"/>
                  <a:gd name="connsiteX2" fmla="*/ 3612881 w 4649275"/>
                  <a:gd name="connsiteY2" fmla="*/ 3154250 h 5087155"/>
                  <a:gd name="connsiteX3" fmla="*/ 3739881 w 4649275"/>
                  <a:gd name="connsiteY3" fmla="*/ 3649550 h 5087155"/>
                  <a:gd name="connsiteX4" fmla="*/ 2800081 w 4649275"/>
                  <a:gd name="connsiteY4" fmla="*/ 4081350 h 5087155"/>
                  <a:gd name="connsiteX5" fmla="*/ 2050781 w 4649275"/>
                  <a:gd name="connsiteY5" fmla="*/ 4805250 h 5087155"/>
                  <a:gd name="connsiteX6" fmla="*/ 0 w 4649275"/>
                  <a:gd name="connsiteY6" fmla="*/ 5087155 h 5087155"/>
                  <a:gd name="connsiteX7" fmla="*/ 0 w 4649275"/>
                  <a:gd name="connsiteY7" fmla="*/ 0 h 5087155"/>
                  <a:gd name="connsiteX0" fmla="*/ 0 w 4649275"/>
                  <a:gd name="connsiteY0" fmla="*/ 0 h 5087155"/>
                  <a:gd name="connsiteX1" fmla="*/ 4649273 w 4649275"/>
                  <a:gd name="connsiteY1" fmla="*/ 0 h 5087155"/>
                  <a:gd name="connsiteX2" fmla="*/ 3612881 w 4649275"/>
                  <a:gd name="connsiteY2" fmla="*/ 3154250 h 5087155"/>
                  <a:gd name="connsiteX3" fmla="*/ 3739881 w 4649275"/>
                  <a:gd name="connsiteY3" fmla="*/ 3649550 h 5087155"/>
                  <a:gd name="connsiteX4" fmla="*/ 2800081 w 4649275"/>
                  <a:gd name="connsiteY4" fmla="*/ 4081350 h 5087155"/>
                  <a:gd name="connsiteX5" fmla="*/ 2050781 w 4649275"/>
                  <a:gd name="connsiteY5" fmla="*/ 4805250 h 5087155"/>
                  <a:gd name="connsiteX6" fmla="*/ 0 w 4649275"/>
                  <a:gd name="connsiteY6" fmla="*/ 5087155 h 5087155"/>
                  <a:gd name="connsiteX7" fmla="*/ 0 w 4649275"/>
                  <a:gd name="connsiteY7" fmla="*/ 0 h 5087155"/>
                  <a:gd name="connsiteX0" fmla="*/ 0 w 4827715"/>
                  <a:gd name="connsiteY0" fmla="*/ 0 h 5087155"/>
                  <a:gd name="connsiteX1" fmla="*/ 4649273 w 4827715"/>
                  <a:gd name="connsiteY1" fmla="*/ 0 h 5087155"/>
                  <a:gd name="connsiteX2" fmla="*/ 3841481 w 4827715"/>
                  <a:gd name="connsiteY2" fmla="*/ 2176350 h 5087155"/>
                  <a:gd name="connsiteX3" fmla="*/ 3612881 w 4827715"/>
                  <a:gd name="connsiteY3" fmla="*/ 3154250 h 5087155"/>
                  <a:gd name="connsiteX4" fmla="*/ 3739881 w 4827715"/>
                  <a:gd name="connsiteY4" fmla="*/ 3649550 h 5087155"/>
                  <a:gd name="connsiteX5" fmla="*/ 2800081 w 4827715"/>
                  <a:gd name="connsiteY5" fmla="*/ 4081350 h 5087155"/>
                  <a:gd name="connsiteX6" fmla="*/ 2050781 w 4827715"/>
                  <a:gd name="connsiteY6" fmla="*/ 4805250 h 5087155"/>
                  <a:gd name="connsiteX7" fmla="*/ 0 w 4827715"/>
                  <a:gd name="connsiteY7" fmla="*/ 5087155 h 5087155"/>
                  <a:gd name="connsiteX8" fmla="*/ 0 w 4827715"/>
                  <a:gd name="connsiteY8" fmla="*/ 0 h 5087155"/>
                  <a:gd name="connsiteX0" fmla="*/ 0 w 4840184"/>
                  <a:gd name="connsiteY0" fmla="*/ 0 h 5087155"/>
                  <a:gd name="connsiteX1" fmla="*/ 4649273 w 4840184"/>
                  <a:gd name="connsiteY1" fmla="*/ 0 h 5087155"/>
                  <a:gd name="connsiteX2" fmla="*/ 3955781 w 4840184"/>
                  <a:gd name="connsiteY2" fmla="*/ 2366850 h 5087155"/>
                  <a:gd name="connsiteX3" fmla="*/ 3612881 w 4840184"/>
                  <a:gd name="connsiteY3" fmla="*/ 3154250 h 5087155"/>
                  <a:gd name="connsiteX4" fmla="*/ 3739881 w 4840184"/>
                  <a:gd name="connsiteY4" fmla="*/ 3649550 h 5087155"/>
                  <a:gd name="connsiteX5" fmla="*/ 2800081 w 4840184"/>
                  <a:gd name="connsiteY5" fmla="*/ 4081350 h 5087155"/>
                  <a:gd name="connsiteX6" fmla="*/ 2050781 w 4840184"/>
                  <a:gd name="connsiteY6" fmla="*/ 4805250 h 5087155"/>
                  <a:gd name="connsiteX7" fmla="*/ 0 w 4840184"/>
                  <a:gd name="connsiteY7" fmla="*/ 5087155 h 5087155"/>
                  <a:gd name="connsiteX8" fmla="*/ 0 w 4840184"/>
                  <a:gd name="connsiteY8" fmla="*/ 0 h 5087155"/>
                  <a:gd name="connsiteX0" fmla="*/ 0 w 4048435"/>
                  <a:gd name="connsiteY0" fmla="*/ 0 h 5087155"/>
                  <a:gd name="connsiteX1" fmla="*/ 3468173 w 4048435"/>
                  <a:gd name="connsiteY1" fmla="*/ 558800 h 5087155"/>
                  <a:gd name="connsiteX2" fmla="*/ 3955781 w 4048435"/>
                  <a:gd name="connsiteY2" fmla="*/ 2366850 h 5087155"/>
                  <a:gd name="connsiteX3" fmla="*/ 3612881 w 4048435"/>
                  <a:gd name="connsiteY3" fmla="*/ 3154250 h 5087155"/>
                  <a:gd name="connsiteX4" fmla="*/ 3739881 w 4048435"/>
                  <a:gd name="connsiteY4" fmla="*/ 3649550 h 5087155"/>
                  <a:gd name="connsiteX5" fmla="*/ 2800081 w 4048435"/>
                  <a:gd name="connsiteY5" fmla="*/ 4081350 h 5087155"/>
                  <a:gd name="connsiteX6" fmla="*/ 2050781 w 4048435"/>
                  <a:gd name="connsiteY6" fmla="*/ 4805250 h 5087155"/>
                  <a:gd name="connsiteX7" fmla="*/ 0 w 4048435"/>
                  <a:gd name="connsiteY7" fmla="*/ 5087155 h 5087155"/>
                  <a:gd name="connsiteX8" fmla="*/ 0 w 4048435"/>
                  <a:gd name="connsiteY8" fmla="*/ 0 h 5087155"/>
                  <a:gd name="connsiteX0" fmla="*/ 0 w 4048435"/>
                  <a:gd name="connsiteY0" fmla="*/ 0 h 5087155"/>
                  <a:gd name="connsiteX1" fmla="*/ 3468173 w 4048435"/>
                  <a:gd name="connsiteY1" fmla="*/ 558800 h 5087155"/>
                  <a:gd name="connsiteX2" fmla="*/ 3955781 w 4048435"/>
                  <a:gd name="connsiteY2" fmla="*/ 2366850 h 5087155"/>
                  <a:gd name="connsiteX3" fmla="*/ 3612881 w 4048435"/>
                  <a:gd name="connsiteY3" fmla="*/ 3154250 h 5087155"/>
                  <a:gd name="connsiteX4" fmla="*/ 3739881 w 4048435"/>
                  <a:gd name="connsiteY4" fmla="*/ 3649550 h 5087155"/>
                  <a:gd name="connsiteX5" fmla="*/ 2800081 w 4048435"/>
                  <a:gd name="connsiteY5" fmla="*/ 4081350 h 5087155"/>
                  <a:gd name="connsiteX6" fmla="*/ 2050781 w 4048435"/>
                  <a:gd name="connsiteY6" fmla="*/ 4805250 h 5087155"/>
                  <a:gd name="connsiteX7" fmla="*/ 0 w 4048435"/>
                  <a:gd name="connsiteY7" fmla="*/ 5087155 h 5087155"/>
                  <a:gd name="connsiteX8" fmla="*/ 0 w 4048435"/>
                  <a:gd name="connsiteY8" fmla="*/ 0 h 5087155"/>
                  <a:gd name="connsiteX0" fmla="*/ 0 w 4031100"/>
                  <a:gd name="connsiteY0" fmla="*/ 0 h 5087155"/>
                  <a:gd name="connsiteX1" fmla="*/ 3468173 w 4031100"/>
                  <a:gd name="connsiteY1" fmla="*/ 558800 h 5087155"/>
                  <a:gd name="connsiteX2" fmla="*/ 3955781 w 4031100"/>
                  <a:gd name="connsiteY2" fmla="*/ 2366850 h 5087155"/>
                  <a:gd name="connsiteX3" fmla="*/ 3612881 w 4031100"/>
                  <a:gd name="connsiteY3" fmla="*/ 3154250 h 5087155"/>
                  <a:gd name="connsiteX4" fmla="*/ 3739881 w 4031100"/>
                  <a:gd name="connsiteY4" fmla="*/ 3649550 h 5087155"/>
                  <a:gd name="connsiteX5" fmla="*/ 2800081 w 4031100"/>
                  <a:gd name="connsiteY5" fmla="*/ 4081350 h 5087155"/>
                  <a:gd name="connsiteX6" fmla="*/ 2050781 w 4031100"/>
                  <a:gd name="connsiteY6" fmla="*/ 4805250 h 5087155"/>
                  <a:gd name="connsiteX7" fmla="*/ 0 w 4031100"/>
                  <a:gd name="connsiteY7" fmla="*/ 5087155 h 5087155"/>
                  <a:gd name="connsiteX8" fmla="*/ 0 w 4031100"/>
                  <a:gd name="connsiteY8" fmla="*/ 0 h 5087155"/>
                  <a:gd name="connsiteX0" fmla="*/ 0 w 4031100"/>
                  <a:gd name="connsiteY0" fmla="*/ 0 h 4805250"/>
                  <a:gd name="connsiteX1" fmla="*/ 3468173 w 4031100"/>
                  <a:gd name="connsiteY1" fmla="*/ 558800 h 4805250"/>
                  <a:gd name="connsiteX2" fmla="*/ 3955781 w 4031100"/>
                  <a:gd name="connsiteY2" fmla="*/ 2366850 h 4805250"/>
                  <a:gd name="connsiteX3" fmla="*/ 3612881 w 4031100"/>
                  <a:gd name="connsiteY3" fmla="*/ 3154250 h 4805250"/>
                  <a:gd name="connsiteX4" fmla="*/ 3739881 w 4031100"/>
                  <a:gd name="connsiteY4" fmla="*/ 3649550 h 4805250"/>
                  <a:gd name="connsiteX5" fmla="*/ 2800081 w 4031100"/>
                  <a:gd name="connsiteY5" fmla="*/ 4081350 h 4805250"/>
                  <a:gd name="connsiteX6" fmla="*/ 2050781 w 4031100"/>
                  <a:gd name="connsiteY6" fmla="*/ 4805250 h 4805250"/>
                  <a:gd name="connsiteX7" fmla="*/ 723900 w 4031100"/>
                  <a:gd name="connsiteY7" fmla="*/ 3817155 h 4805250"/>
                  <a:gd name="connsiteX8" fmla="*/ 0 w 4031100"/>
                  <a:gd name="connsiteY8" fmla="*/ 0 h 4805250"/>
                  <a:gd name="connsiteX0" fmla="*/ 0 w 4031100"/>
                  <a:gd name="connsiteY0" fmla="*/ 0 h 4805250"/>
                  <a:gd name="connsiteX1" fmla="*/ 3468173 w 4031100"/>
                  <a:gd name="connsiteY1" fmla="*/ 558800 h 4805250"/>
                  <a:gd name="connsiteX2" fmla="*/ 3955781 w 4031100"/>
                  <a:gd name="connsiteY2" fmla="*/ 2366850 h 4805250"/>
                  <a:gd name="connsiteX3" fmla="*/ 3612881 w 4031100"/>
                  <a:gd name="connsiteY3" fmla="*/ 3154250 h 4805250"/>
                  <a:gd name="connsiteX4" fmla="*/ 3739881 w 4031100"/>
                  <a:gd name="connsiteY4" fmla="*/ 3649550 h 4805250"/>
                  <a:gd name="connsiteX5" fmla="*/ 2800081 w 4031100"/>
                  <a:gd name="connsiteY5" fmla="*/ 4081350 h 4805250"/>
                  <a:gd name="connsiteX6" fmla="*/ 2050781 w 4031100"/>
                  <a:gd name="connsiteY6" fmla="*/ 4805250 h 4805250"/>
                  <a:gd name="connsiteX7" fmla="*/ 1377681 w 4031100"/>
                  <a:gd name="connsiteY7" fmla="*/ 4271850 h 4805250"/>
                  <a:gd name="connsiteX8" fmla="*/ 723900 w 4031100"/>
                  <a:gd name="connsiteY8" fmla="*/ 3817155 h 4805250"/>
                  <a:gd name="connsiteX9" fmla="*/ 0 w 4031100"/>
                  <a:gd name="connsiteY9" fmla="*/ 0 h 4805250"/>
                  <a:gd name="connsiteX0" fmla="*/ 0 w 4031100"/>
                  <a:gd name="connsiteY0" fmla="*/ 0 h 4805250"/>
                  <a:gd name="connsiteX1" fmla="*/ 3468173 w 4031100"/>
                  <a:gd name="connsiteY1" fmla="*/ 558800 h 4805250"/>
                  <a:gd name="connsiteX2" fmla="*/ 3955781 w 4031100"/>
                  <a:gd name="connsiteY2" fmla="*/ 2366850 h 4805250"/>
                  <a:gd name="connsiteX3" fmla="*/ 3612881 w 4031100"/>
                  <a:gd name="connsiteY3" fmla="*/ 3154250 h 4805250"/>
                  <a:gd name="connsiteX4" fmla="*/ 3739881 w 4031100"/>
                  <a:gd name="connsiteY4" fmla="*/ 3649550 h 4805250"/>
                  <a:gd name="connsiteX5" fmla="*/ 2800081 w 4031100"/>
                  <a:gd name="connsiteY5" fmla="*/ 4081350 h 4805250"/>
                  <a:gd name="connsiteX6" fmla="*/ 2050781 w 4031100"/>
                  <a:gd name="connsiteY6" fmla="*/ 4805250 h 4805250"/>
                  <a:gd name="connsiteX7" fmla="*/ 844281 w 4031100"/>
                  <a:gd name="connsiteY7" fmla="*/ 4322650 h 4805250"/>
                  <a:gd name="connsiteX8" fmla="*/ 723900 w 4031100"/>
                  <a:gd name="connsiteY8" fmla="*/ 3817155 h 4805250"/>
                  <a:gd name="connsiteX9" fmla="*/ 0 w 4031100"/>
                  <a:gd name="connsiteY9" fmla="*/ 0 h 4805250"/>
                  <a:gd name="connsiteX0" fmla="*/ 0 w 4031100"/>
                  <a:gd name="connsiteY0" fmla="*/ 0 h 4805250"/>
                  <a:gd name="connsiteX1" fmla="*/ 3468173 w 4031100"/>
                  <a:gd name="connsiteY1" fmla="*/ 558800 h 4805250"/>
                  <a:gd name="connsiteX2" fmla="*/ 3955781 w 4031100"/>
                  <a:gd name="connsiteY2" fmla="*/ 2366850 h 4805250"/>
                  <a:gd name="connsiteX3" fmla="*/ 3612881 w 4031100"/>
                  <a:gd name="connsiteY3" fmla="*/ 3154250 h 4805250"/>
                  <a:gd name="connsiteX4" fmla="*/ 3739881 w 4031100"/>
                  <a:gd name="connsiteY4" fmla="*/ 3649550 h 4805250"/>
                  <a:gd name="connsiteX5" fmla="*/ 2800081 w 4031100"/>
                  <a:gd name="connsiteY5" fmla="*/ 4081350 h 4805250"/>
                  <a:gd name="connsiteX6" fmla="*/ 2050781 w 4031100"/>
                  <a:gd name="connsiteY6" fmla="*/ 4805250 h 4805250"/>
                  <a:gd name="connsiteX7" fmla="*/ 844281 w 4031100"/>
                  <a:gd name="connsiteY7" fmla="*/ 4322650 h 4805250"/>
                  <a:gd name="connsiteX8" fmla="*/ 723900 w 4031100"/>
                  <a:gd name="connsiteY8" fmla="*/ 3817155 h 4805250"/>
                  <a:gd name="connsiteX9" fmla="*/ 0 w 4031100"/>
                  <a:gd name="connsiteY9" fmla="*/ 0 h 4805250"/>
                  <a:gd name="connsiteX0" fmla="*/ 0 w 4031100"/>
                  <a:gd name="connsiteY0" fmla="*/ 0 h 4815880"/>
                  <a:gd name="connsiteX1" fmla="*/ 3468173 w 4031100"/>
                  <a:gd name="connsiteY1" fmla="*/ 558800 h 4815880"/>
                  <a:gd name="connsiteX2" fmla="*/ 3955781 w 4031100"/>
                  <a:gd name="connsiteY2" fmla="*/ 2366850 h 4815880"/>
                  <a:gd name="connsiteX3" fmla="*/ 3612881 w 4031100"/>
                  <a:gd name="connsiteY3" fmla="*/ 3154250 h 4815880"/>
                  <a:gd name="connsiteX4" fmla="*/ 3739881 w 4031100"/>
                  <a:gd name="connsiteY4" fmla="*/ 3649550 h 4815880"/>
                  <a:gd name="connsiteX5" fmla="*/ 2800081 w 4031100"/>
                  <a:gd name="connsiteY5" fmla="*/ 4081350 h 4815880"/>
                  <a:gd name="connsiteX6" fmla="*/ 2050781 w 4031100"/>
                  <a:gd name="connsiteY6" fmla="*/ 4805250 h 4815880"/>
                  <a:gd name="connsiteX7" fmla="*/ 1707881 w 4031100"/>
                  <a:gd name="connsiteY7" fmla="*/ 4500450 h 4815880"/>
                  <a:gd name="connsiteX8" fmla="*/ 844281 w 4031100"/>
                  <a:gd name="connsiteY8" fmla="*/ 4322650 h 4815880"/>
                  <a:gd name="connsiteX9" fmla="*/ 723900 w 4031100"/>
                  <a:gd name="connsiteY9" fmla="*/ 3817155 h 4815880"/>
                  <a:gd name="connsiteX10" fmla="*/ 0 w 4031100"/>
                  <a:gd name="connsiteY10" fmla="*/ 0 h 4815880"/>
                  <a:gd name="connsiteX0" fmla="*/ 0 w 4031100"/>
                  <a:gd name="connsiteY0" fmla="*/ 0 h 4813031"/>
                  <a:gd name="connsiteX1" fmla="*/ 3468173 w 4031100"/>
                  <a:gd name="connsiteY1" fmla="*/ 558800 h 4813031"/>
                  <a:gd name="connsiteX2" fmla="*/ 3955781 w 4031100"/>
                  <a:gd name="connsiteY2" fmla="*/ 2366850 h 4813031"/>
                  <a:gd name="connsiteX3" fmla="*/ 3612881 w 4031100"/>
                  <a:gd name="connsiteY3" fmla="*/ 3154250 h 4813031"/>
                  <a:gd name="connsiteX4" fmla="*/ 3739881 w 4031100"/>
                  <a:gd name="connsiteY4" fmla="*/ 3649550 h 4813031"/>
                  <a:gd name="connsiteX5" fmla="*/ 2800081 w 4031100"/>
                  <a:gd name="connsiteY5" fmla="*/ 4081350 h 4813031"/>
                  <a:gd name="connsiteX6" fmla="*/ 2050781 w 4031100"/>
                  <a:gd name="connsiteY6" fmla="*/ 4805250 h 4813031"/>
                  <a:gd name="connsiteX7" fmla="*/ 1847581 w 4031100"/>
                  <a:gd name="connsiteY7" fmla="*/ 4373450 h 4813031"/>
                  <a:gd name="connsiteX8" fmla="*/ 844281 w 4031100"/>
                  <a:gd name="connsiteY8" fmla="*/ 4322650 h 4813031"/>
                  <a:gd name="connsiteX9" fmla="*/ 723900 w 4031100"/>
                  <a:gd name="connsiteY9" fmla="*/ 3817155 h 4813031"/>
                  <a:gd name="connsiteX10" fmla="*/ 0 w 4031100"/>
                  <a:gd name="connsiteY10" fmla="*/ 0 h 4813031"/>
                  <a:gd name="connsiteX0" fmla="*/ 0 w 4031100"/>
                  <a:gd name="connsiteY0" fmla="*/ 0 h 4808719"/>
                  <a:gd name="connsiteX1" fmla="*/ 3468173 w 4031100"/>
                  <a:gd name="connsiteY1" fmla="*/ 558800 h 4808719"/>
                  <a:gd name="connsiteX2" fmla="*/ 3955781 w 4031100"/>
                  <a:gd name="connsiteY2" fmla="*/ 2366850 h 4808719"/>
                  <a:gd name="connsiteX3" fmla="*/ 3612881 w 4031100"/>
                  <a:gd name="connsiteY3" fmla="*/ 3154250 h 4808719"/>
                  <a:gd name="connsiteX4" fmla="*/ 3739881 w 4031100"/>
                  <a:gd name="connsiteY4" fmla="*/ 3649550 h 4808719"/>
                  <a:gd name="connsiteX5" fmla="*/ 2800081 w 4031100"/>
                  <a:gd name="connsiteY5" fmla="*/ 4081350 h 4808719"/>
                  <a:gd name="connsiteX6" fmla="*/ 2050781 w 4031100"/>
                  <a:gd name="connsiteY6" fmla="*/ 4805250 h 4808719"/>
                  <a:gd name="connsiteX7" fmla="*/ 1847581 w 4031100"/>
                  <a:gd name="connsiteY7" fmla="*/ 4373450 h 4808719"/>
                  <a:gd name="connsiteX8" fmla="*/ 844281 w 4031100"/>
                  <a:gd name="connsiteY8" fmla="*/ 4322650 h 4808719"/>
                  <a:gd name="connsiteX9" fmla="*/ 723900 w 4031100"/>
                  <a:gd name="connsiteY9" fmla="*/ 3817155 h 4808719"/>
                  <a:gd name="connsiteX10" fmla="*/ 0 w 4031100"/>
                  <a:gd name="connsiteY10" fmla="*/ 0 h 4808719"/>
                  <a:gd name="connsiteX0" fmla="*/ 0 w 4031100"/>
                  <a:gd name="connsiteY0" fmla="*/ 0 h 4808719"/>
                  <a:gd name="connsiteX1" fmla="*/ 3468173 w 4031100"/>
                  <a:gd name="connsiteY1" fmla="*/ 558800 h 4808719"/>
                  <a:gd name="connsiteX2" fmla="*/ 3955781 w 4031100"/>
                  <a:gd name="connsiteY2" fmla="*/ 2366850 h 4808719"/>
                  <a:gd name="connsiteX3" fmla="*/ 3612881 w 4031100"/>
                  <a:gd name="connsiteY3" fmla="*/ 3154250 h 4808719"/>
                  <a:gd name="connsiteX4" fmla="*/ 3739881 w 4031100"/>
                  <a:gd name="connsiteY4" fmla="*/ 3649550 h 4808719"/>
                  <a:gd name="connsiteX5" fmla="*/ 2800081 w 4031100"/>
                  <a:gd name="connsiteY5" fmla="*/ 4081350 h 4808719"/>
                  <a:gd name="connsiteX6" fmla="*/ 2050781 w 4031100"/>
                  <a:gd name="connsiteY6" fmla="*/ 4805250 h 4808719"/>
                  <a:gd name="connsiteX7" fmla="*/ 1847581 w 4031100"/>
                  <a:gd name="connsiteY7" fmla="*/ 4373450 h 4808719"/>
                  <a:gd name="connsiteX8" fmla="*/ 882381 w 4031100"/>
                  <a:gd name="connsiteY8" fmla="*/ 4157550 h 4808719"/>
                  <a:gd name="connsiteX9" fmla="*/ 723900 w 4031100"/>
                  <a:gd name="connsiteY9" fmla="*/ 3817155 h 4808719"/>
                  <a:gd name="connsiteX10" fmla="*/ 0 w 4031100"/>
                  <a:gd name="connsiteY10" fmla="*/ 0 h 4808719"/>
                  <a:gd name="connsiteX0" fmla="*/ 0 w 4031100"/>
                  <a:gd name="connsiteY0" fmla="*/ 0 h 4808436"/>
                  <a:gd name="connsiteX1" fmla="*/ 3468173 w 4031100"/>
                  <a:gd name="connsiteY1" fmla="*/ 558800 h 4808436"/>
                  <a:gd name="connsiteX2" fmla="*/ 3955781 w 4031100"/>
                  <a:gd name="connsiteY2" fmla="*/ 2366850 h 4808436"/>
                  <a:gd name="connsiteX3" fmla="*/ 3612881 w 4031100"/>
                  <a:gd name="connsiteY3" fmla="*/ 3154250 h 4808436"/>
                  <a:gd name="connsiteX4" fmla="*/ 3739881 w 4031100"/>
                  <a:gd name="connsiteY4" fmla="*/ 3649550 h 4808436"/>
                  <a:gd name="connsiteX5" fmla="*/ 2800081 w 4031100"/>
                  <a:gd name="connsiteY5" fmla="*/ 4081350 h 4808436"/>
                  <a:gd name="connsiteX6" fmla="*/ 2050781 w 4031100"/>
                  <a:gd name="connsiteY6" fmla="*/ 4805250 h 4808436"/>
                  <a:gd name="connsiteX7" fmla="*/ 1796781 w 4031100"/>
                  <a:gd name="connsiteY7" fmla="*/ 4335350 h 4808436"/>
                  <a:gd name="connsiteX8" fmla="*/ 882381 w 4031100"/>
                  <a:gd name="connsiteY8" fmla="*/ 4157550 h 4808436"/>
                  <a:gd name="connsiteX9" fmla="*/ 723900 w 4031100"/>
                  <a:gd name="connsiteY9" fmla="*/ 3817155 h 4808436"/>
                  <a:gd name="connsiteX10" fmla="*/ 0 w 4031100"/>
                  <a:gd name="connsiteY10" fmla="*/ 0 h 4808436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882381 w 4031100"/>
                  <a:gd name="connsiteY8" fmla="*/ 4157550 h 4808127"/>
                  <a:gd name="connsiteX9" fmla="*/ 723900 w 4031100"/>
                  <a:gd name="connsiteY9" fmla="*/ 3817155 h 4808127"/>
                  <a:gd name="connsiteX10" fmla="*/ 0 w 4031100"/>
                  <a:gd name="connsiteY10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882381 w 4031100"/>
                  <a:gd name="connsiteY8" fmla="*/ 4157550 h 4808127"/>
                  <a:gd name="connsiteX9" fmla="*/ 736600 w 4031100"/>
                  <a:gd name="connsiteY9" fmla="*/ 3448855 h 4808127"/>
                  <a:gd name="connsiteX10" fmla="*/ 0 w 4031100"/>
                  <a:gd name="connsiteY10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33181 w 4031100"/>
                  <a:gd name="connsiteY8" fmla="*/ 4119450 h 4808127"/>
                  <a:gd name="connsiteX9" fmla="*/ 736600 w 4031100"/>
                  <a:gd name="connsiteY9" fmla="*/ 3448855 h 4808127"/>
                  <a:gd name="connsiteX10" fmla="*/ 0 w 4031100"/>
                  <a:gd name="connsiteY10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33181 w 4031100"/>
                  <a:gd name="connsiteY8" fmla="*/ 4119450 h 4808127"/>
                  <a:gd name="connsiteX9" fmla="*/ 736600 w 4031100"/>
                  <a:gd name="connsiteY9" fmla="*/ 3448855 h 4808127"/>
                  <a:gd name="connsiteX10" fmla="*/ 0 w 4031100"/>
                  <a:gd name="connsiteY10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33181 w 4031100"/>
                  <a:gd name="connsiteY8" fmla="*/ 4119450 h 4808127"/>
                  <a:gd name="connsiteX9" fmla="*/ 495300 w 4031100"/>
                  <a:gd name="connsiteY9" fmla="*/ 3029755 h 4808127"/>
                  <a:gd name="connsiteX10" fmla="*/ 0 w 4031100"/>
                  <a:gd name="connsiteY10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495300 w 4031100"/>
                  <a:gd name="connsiteY9" fmla="*/ 3029755 h 4808127"/>
                  <a:gd name="connsiteX10" fmla="*/ 0 w 4031100"/>
                  <a:gd name="connsiteY10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495300 w 4031100"/>
                  <a:gd name="connsiteY9" fmla="*/ 3029755 h 4808127"/>
                  <a:gd name="connsiteX10" fmla="*/ 0 w 4031100"/>
                  <a:gd name="connsiteY10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823644 w 4031100"/>
                  <a:gd name="connsiteY9" fmla="*/ 3844815 h 4808127"/>
                  <a:gd name="connsiteX10" fmla="*/ 495300 w 4031100"/>
                  <a:gd name="connsiteY10" fmla="*/ 3029755 h 4808127"/>
                  <a:gd name="connsiteX11" fmla="*/ 0 w 4031100"/>
                  <a:gd name="connsiteY11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899844 w 4031100"/>
                  <a:gd name="connsiteY9" fmla="*/ 3768615 h 4808127"/>
                  <a:gd name="connsiteX10" fmla="*/ 495300 w 4031100"/>
                  <a:gd name="connsiteY10" fmla="*/ 3029755 h 4808127"/>
                  <a:gd name="connsiteX11" fmla="*/ 0 w 4031100"/>
                  <a:gd name="connsiteY11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899844 w 4031100"/>
                  <a:gd name="connsiteY9" fmla="*/ 3768615 h 4808127"/>
                  <a:gd name="connsiteX10" fmla="*/ 495300 w 4031100"/>
                  <a:gd name="connsiteY10" fmla="*/ 3029755 h 4808127"/>
                  <a:gd name="connsiteX11" fmla="*/ 0 w 4031100"/>
                  <a:gd name="connsiteY11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495300 w 4031100"/>
                  <a:gd name="connsiteY10" fmla="*/ 3029755 h 4808127"/>
                  <a:gd name="connsiteX11" fmla="*/ 0 w 4031100"/>
                  <a:gd name="connsiteY11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495300 w 4031100"/>
                  <a:gd name="connsiteY10" fmla="*/ 3029755 h 4808127"/>
                  <a:gd name="connsiteX11" fmla="*/ 0 w 4031100"/>
                  <a:gd name="connsiteY11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647431 w 4031100"/>
                  <a:gd name="connsiteY10" fmla="*/ 3463815 h 4808127"/>
                  <a:gd name="connsiteX11" fmla="*/ 495300 w 4031100"/>
                  <a:gd name="connsiteY11" fmla="*/ 3029755 h 4808127"/>
                  <a:gd name="connsiteX12" fmla="*/ 0 w 4031100"/>
                  <a:gd name="connsiteY12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495300 w 4031100"/>
                  <a:gd name="connsiteY11" fmla="*/ 3029755 h 4808127"/>
                  <a:gd name="connsiteX12" fmla="*/ 0 w 4031100"/>
                  <a:gd name="connsiteY12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495300 w 4031100"/>
                  <a:gd name="connsiteY11" fmla="*/ 3029755 h 4808127"/>
                  <a:gd name="connsiteX12" fmla="*/ 0 w 4031100"/>
                  <a:gd name="connsiteY12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537894 w 4031100"/>
                  <a:gd name="connsiteY11" fmla="*/ 3220927 h 4808127"/>
                  <a:gd name="connsiteX12" fmla="*/ 495300 w 4031100"/>
                  <a:gd name="connsiteY12" fmla="*/ 3029755 h 4808127"/>
                  <a:gd name="connsiteX13" fmla="*/ 0 w 4031100"/>
                  <a:gd name="connsiteY13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56956 w 4031100"/>
                  <a:gd name="connsiteY11" fmla="*/ 3206640 h 4808127"/>
                  <a:gd name="connsiteX12" fmla="*/ 495300 w 4031100"/>
                  <a:gd name="connsiteY12" fmla="*/ 3029755 h 4808127"/>
                  <a:gd name="connsiteX13" fmla="*/ 0 w 4031100"/>
                  <a:gd name="connsiteY13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85531 w 4031100"/>
                  <a:gd name="connsiteY11" fmla="*/ 3159015 h 4808127"/>
                  <a:gd name="connsiteX12" fmla="*/ 495300 w 4031100"/>
                  <a:gd name="connsiteY12" fmla="*/ 3029755 h 4808127"/>
                  <a:gd name="connsiteX13" fmla="*/ 0 w 4031100"/>
                  <a:gd name="connsiteY13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85531 w 4031100"/>
                  <a:gd name="connsiteY11" fmla="*/ 3159015 h 4808127"/>
                  <a:gd name="connsiteX12" fmla="*/ 495300 w 4031100"/>
                  <a:gd name="connsiteY12" fmla="*/ 3029755 h 4808127"/>
                  <a:gd name="connsiteX13" fmla="*/ 0 w 4031100"/>
                  <a:gd name="connsiteY13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718869 w 4031100"/>
                  <a:gd name="connsiteY11" fmla="*/ 3339990 h 4808127"/>
                  <a:gd name="connsiteX12" fmla="*/ 685531 w 4031100"/>
                  <a:gd name="connsiteY12" fmla="*/ 3159015 h 4808127"/>
                  <a:gd name="connsiteX13" fmla="*/ 495300 w 4031100"/>
                  <a:gd name="connsiteY13" fmla="*/ 3029755 h 4808127"/>
                  <a:gd name="connsiteX14" fmla="*/ 0 w 4031100"/>
                  <a:gd name="connsiteY14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71244 w 4031100"/>
                  <a:gd name="connsiteY11" fmla="*/ 3354277 h 4808127"/>
                  <a:gd name="connsiteX12" fmla="*/ 685531 w 4031100"/>
                  <a:gd name="connsiteY12" fmla="*/ 3159015 h 4808127"/>
                  <a:gd name="connsiteX13" fmla="*/ 495300 w 4031100"/>
                  <a:gd name="connsiteY13" fmla="*/ 3029755 h 4808127"/>
                  <a:gd name="connsiteX14" fmla="*/ 0 w 4031100"/>
                  <a:gd name="connsiteY14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9606 w 4031100"/>
                  <a:gd name="connsiteY5" fmla="*/ 4114687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71244 w 4031100"/>
                  <a:gd name="connsiteY11" fmla="*/ 3354277 h 4808127"/>
                  <a:gd name="connsiteX12" fmla="*/ 685531 w 4031100"/>
                  <a:gd name="connsiteY12" fmla="*/ 3159015 h 4808127"/>
                  <a:gd name="connsiteX13" fmla="*/ 495300 w 4031100"/>
                  <a:gd name="connsiteY13" fmla="*/ 3029755 h 4808127"/>
                  <a:gd name="connsiteX14" fmla="*/ 0 w 4031100"/>
                  <a:gd name="connsiteY14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9606 w 4031100"/>
                  <a:gd name="connsiteY5" fmla="*/ 4114687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71244 w 4031100"/>
                  <a:gd name="connsiteY11" fmla="*/ 3354277 h 4808127"/>
                  <a:gd name="connsiteX12" fmla="*/ 685531 w 4031100"/>
                  <a:gd name="connsiteY12" fmla="*/ 3159015 h 4808127"/>
                  <a:gd name="connsiteX13" fmla="*/ 495300 w 4031100"/>
                  <a:gd name="connsiteY13" fmla="*/ 3029755 h 4808127"/>
                  <a:gd name="connsiteX14" fmla="*/ 0 w 4031100"/>
                  <a:gd name="connsiteY14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14369 w 4031100"/>
                  <a:gd name="connsiteY5" fmla="*/ 4124212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71244 w 4031100"/>
                  <a:gd name="connsiteY11" fmla="*/ 3354277 h 4808127"/>
                  <a:gd name="connsiteX12" fmla="*/ 685531 w 4031100"/>
                  <a:gd name="connsiteY12" fmla="*/ 3159015 h 4808127"/>
                  <a:gd name="connsiteX13" fmla="*/ 495300 w 4031100"/>
                  <a:gd name="connsiteY13" fmla="*/ 3029755 h 4808127"/>
                  <a:gd name="connsiteX14" fmla="*/ 0 w 4031100"/>
                  <a:gd name="connsiteY14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14369 w 4031100"/>
                  <a:gd name="connsiteY5" fmla="*/ 4124212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71244 w 4031100"/>
                  <a:gd name="connsiteY11" fmla="*/ 3354277 h 4808127"/>
                  <a:gd name="connsiteX12" fmla="*/ 685531 w 4031100"/>
                  <a:gd name="connsiteY12" fmla="*/ 3159015 h 4808127"/>
                  <a:gd name="connsiteX13" fmla="*/ 495300 w 4031100"/>
                  <a:gd name="connsiteY13" fmla="*/ 3029755 h 4808127"/>
                  <a:gd name="connsiteX14" fmla="*/ 0 w 4031100"/>
                  <a:gd name="connsiteY14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14369 w 4031100"/>
                  <a:gd name="connsiteY5" fmla="*/ 4124212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80769 w 4031100"/>
                  <a:gd name="connsiteY11" fmla="*/ 3373327 h 4808127"/>
                  <a:gd name="connsiteX12" fmla="*/ 685531 w 4031100"/>
                  <a:gd name="connsiteY12" fmla="*/ 3159015 h 4808127"/>
                  <a:gd name="connsiteX13" fmla="*/ 495300 w 4031100"/>
                  <a:gd name="connsiteY13" fmla="*/ 3029755 h 4808127"/>
                  <a:gd name="connsiteX14" fmla="*/ 0 w 4031100"/>
                  <a:gd name="connsiteY14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14369 w 4031100"/>
                  <a:gd name="connsiteY5" fmla="*/ 4124212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80769 w 4031100"/>
                  <a:gd name="connsiteY11" fmla="*/ 3373327 h 4808127"/>
                  <a:gd name="connsiteX12" fmla="*/ 685531 w 4031100"/>
                  <a:gd name="connsiteY12" fmla="*/ 3159015 h 4808127"/>
                  <a:gd name="connsiteX13" fmla="*/ 414337 w 4031100"/>
                  <a:gd name="connsiteY13" fmla="*/ 2934505 h 4808127"/>
                  <a:gd name="connsiteX14" fmla="*/ 0 w 4031100"/>
                  <a:gd name="connsiteY14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14369 w 4031100"/>
                  <a:gd name="connsiteY5" fmla="*/ 4124212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80769 w 4031100"/>
                  <a:gd name="connsiteY11" fmla="*/ 3373327 h 4808127"/>
                  <a:gd name="connsiteX12" fmla="*/ 685531 w 4031100"/>
                  <a:gd name="connsiteY12" fmla="*/ 3159015 h 4808127"/>
                  <a:gd name="connsiteX13" fmla="*/ 414337 w 4031100"/>
                  <a:gd name="connsiteY13" fmla="*/ 2934505 h 4808127"/>
                  <a:gd name="connsiteX14" fmla="*/ 260081 w 4031100"/>
                  <a:gd name="connsiteY14" fmla="*/ 1903302 h 4808127"/>
                  <a:gd name="connsiteX15" fmla="*/ 0 w 4031100"/>
                  <a:gd name="connsiteY15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14369 w 4031100"/>
                  <a:gd name="connsiteY5" fmla="*/ 4124212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80769 w 4031100"/>
                  <a:gd name="connsiteY11" fmla="*/ 3373327 h 4808127"/>
                  <a:gd name="connsiteX12" fmla="*/ 685531 w 4031100"/>
                  <a:gd name="connsiteY12" fmla="*/ 3159015 h 4808127"/>
                  <a:gd name="connsiteX13" fmla="*/ 414337 w 4031100"/>
                  <a:gd name="connsiteY13" fmla="*/ 2934505 h 4808127"/>
                  <a:gd name="connsiteX14" fmla="*/ 526781 w 4031100"/>
                  <a:gd name="connsiteY14" fmla="*/ 2011252 h 4808127"/>
                  <a:gd name="connsiteX15" fmla="*/ 0 w 4031100"/>
                  <a:gd name="connsiteY15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14369 w 4031100"/>
                  <a:gd name="connsiteY5" fmla="*/ 4124212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80769 w 4031100"/>
                  <a:gd name="connsiteY11" fmla="*/ 3373327 h 4808127"/>
                  <a:gd name="connsiteX12" fmla="*/ 685531 w 4031100"/>
                  <a:gd name="connsiteY12" fmla="*/ 3159015 h 4808127"/>
                  <a:gd name="connsiteX13" fmla="*/ 414337 w 4031100"/>
                  <a:gd name="connsiteY13" fmla="*/ 2934505 h 4808127"/>
                  <a:gd name="connsiteX14" fmla="*/ 526781 w 4031100"/>
                  <a:gd name="connsiteY14" fmla="*/ 2011252 h 4808127"/>
                  <a:gd name="connsiteX15" fmla="*/ 0 w 4031100"/>
                  <a:gd name="connsiteY15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14369 w 4031100"/>
                  <a:gd name="connsiteY5" fmla="*/ 4124212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80769 w 4031100"/>
                  <a:gd name="connsiteY11" fmla="*/ 3373327 h 4808127"/>
                  <a:gd name="connsiteX12" fmla="*/ 685531 w 4031100"/>
                  <a:gd name="connsiteY12" fmla="*/ 3159015 h 4808127"/>
                  <a:gd name="connsiteX13" fmla="*/ 414337 w 4031100"/>
                  <a:gd name="connsiteY13" fmla="*/ 2934505 h 4808127"/>
                  <a:gd name="connsiteX14" fmla="*/ 526781 w 4031100"/>
                  <a:gd name="connsiteY14" fmla="*/ 2011252 h 4808127"/>
                  <a:gd name="connsiteX15" fmla="*/ 336281 w 4031100"/>
                  <a:gd name="connsiteY15" fmla="*/ 1293702 h 4808127"/>
                  <a:gd name="connsiteX16" fmla="*/ 0 w 4031100"/>
                  <a:gd name="connsiteY16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14369 w 4031100"/>
                  <a:gd name="connsiteY5" fmla="*/ 4124212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80769 w 4031100"/>
                  <a:gd name="connsiteY11" fmla="*/ 3373327 h 4808127"/>
                  <a:gd name="connsiteX12" fmla="*/ 685531 w 4031100"/>
                  <a:gd name="connsiteY12" fmla="*/ 3159015 h 4808127"/>
                  <a:gd name="connsiteX13" fmla="*/ 414337 w 4031100"/>
                  <a:gd name="connsiteY13" fmla="*/ 2934505 h 4808127"/>
                  <a:gd name="connsiteX14" fmla="*/ 526781 w 4031100"/>
                  <a:gd name="connsiteY14" fmla="*/ 2011252 h 4808127"/>
                  <a:gd name="connsiteX15" fmla="*/ 755381 w 4031100"/>
                  <a:gd name="connsiteY15" fmla="*/ 1173052 h 4808127"/>
                  <a:gd name="connsiteX16" fmla="*/ 0 w 4031100"/>
                  <a:gd name="connsiteY16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14369 w 4031100"/>
                  <a:gd name="connsiteY5" fmla="*/ 4124212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80769 w 4031100"/>
                  <a:gd name="connsiteY11" fmla="*/ 3373327 h 4808127"/>
                  <a:gd name="connsiteX12" fmla="*/ 685531 w 4031100"/>
                  <a:gd name="connsiteY12" fmla="*/ 3159015 h 4808127"/>
                  <a:gd name="connsiteX13" fmla="*/ 414337 w 4031100"/>
                  <a:gd name="connsiteY13" fmla="*/ 2934505 h 4808127"/>
                  <a:gd name="connsiteX14" fmla="*/ 526781 w 4031100"/>
                  <a:gd name="connsiteY14" fmla="*/ 2011252 h 4808127"/>
                  <a:gd name="connsiteX15" fmla="*/ 755381 w 4031100"/>
                  <a:gd name="connsiteY15" fmla="*/ 1173052 h 4808127"/>
                  <a:gd name="connsiteX16" fmla="*/ 0 w 4031100"/>
                  <a:gd name="connsiteY16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14369 w 4031100"/>
                  <a:gd name="connsiteY5" fmla="*/ 4124212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80769 w 4031100"/>
                  <a:gd name="connsiteY11" fmla="*/ 3373327 h 4808127"/>
                  <a:gd name="connsiteX12" fmla="*/ 685531 w 4031100"/>
                  <a:gd name="connsiteY12" fmla="*/ 3159015 h 4808127"/>
                  <a:gd name="connsiteX13" fmla="*/ 414337 w 4031100"/>
                  <a:gd name="connsiteY13" fmla="*/ 2934505 h 4808127"/>
                  <a:gd name="connsiteX14" fmla="*/ 526781 w 4031100"/>
                  <a:gd name="connsiteY14" fmla="*/ 2011252 h 4808127"/>
                  <a:gd name="connsiteX15" fmla="*/ 755381 w 4031100"/>
                  <a:gd name="connsiteY15" fmla="*/ 1173052 h 4808127"/>
                  <a:gd name="connsiteX16" fmla="*/ 0 w 4031100"/>
                  <a:gd name="connsiteY16" fmla="*/ 0 h 4808127"/>
                  <a:gd name="connsiteX0" fmla="*/ 354523 w 3630242"/>
                  <a:gd name="connsiteY0" fmla="*/ 614252 h 4249327"/>
                  <a:gd name="connsiteX1" fmla="*/ 3067315 w 3630242"/>
                  <a:gd name="connsiteY1" fmla="*/ 0 h 4249327"/>
                  <a:gd name="connsiteX2" fmla="*/ 3554923 w 3630242"/>
                  <a:gd name="connsiteY2" fmla="*/ 1808050 h 4249327"/>
                  <a:gd name="connsiteX3" fmla="*/ 3212023 w 3630242"/>
                  <a:gd name="connsiteY3" fmla="*/ 2595450 h 4249327"/>
                  <a:gd name="connsiteX4" fmla="*/ 3339023 w 3630242"/>
                  <a:gd name="connsiteY4" fmla="*/ 3090750 h 4249327"/>
                  <a:gd name="connsiteX5" fmla="*/ 2413511 w 3630242"/>
                  <a:gd name="connsiteY5" fmla="*/ 3565412 h 4249327"/>
                  <a:gd name="connsiteX6" fmla="*/ 1649923 w 3630242"/>
                  <a:gd name="connsiteY6" fmla="*/ 4246450 h 4249327"/>
                  <a:gd name="connsiteX7" fmla="*/ 1395923 w 3630242"/>
                  <a:gd name="connsiteY7" fmla="*/ 3776550 h 4249327"/>
                  <a:gd name="connsiteX8" fmla="*/ 570423 w 3630242"/>
                  <a:gd name="connsiteY8" fmla="*/ 3611450 h 4249327"/>
                  <a:gd name="connsiteX9" fmla="*/ 508511 w 3630242"/>
                  <a:gd name="connsiteY9" fmla="*/ 3200290 h 4249327"/>
                  <a:gd name="connsiteX10" fmla="*/ 360873 w 3630242"/>
                  <a:gd name="connsiteY10" fmla="*/ 2943115 h 4249327"/>
                  <a:gd name="connsiteX11" fmla="*/ 279911 w 3630242"/>
                  <a:gd name="connsiteY11" fmla="*/ 2814527 h 4249327"/>
                  <a:gd name="connsiteX12" fmla="*/ 284673 w 3630242"/>
                  <a:gd name="connsiteY12" fmla="*/ 2600215 h 4249327"/>
                  <a:gd name="connsiteX13" fmla="*/ 13479 w 3630242"/>
                  <a:gd name="connsiteY13" fmla="*/ 2375705 h 4249327"/>
                  <a:gd name="connsiteX14" fmla="*/ 125923 w 3630242"/>
                  <a:gd name="connsiteY14" fmla="*/ 1452452 h 4249327"/>
                  <a:gd name="connsiteX15" fmla="*/ 354523 w 3630242"/>
                  <a:gd name="connsiteY15" fmla="*/ 614252 h 4249327"/>
                  <a:gd name="connsiteX0" fmla="*/ 354523 w 3630242"/>
                  <a:gd name="connsiteY0" fmla="*/ 614252 h 4249327"/>
                  <a:gd name="connsiteX1" fmla="*/ 1345123 w 3630242"/>
                  <a:gd name="connsiteY1" fmla="*/ 385652 h 4249327"/>
                  <a:gd name="connsiteX2" fmla="*/ 3067315 w 3630242"/>
                  <a:gd name="connsiteY2" fmla="*/ 0 h 4249327"/>
                  <a:gd name="connsiteX3" fmla="*/ 3554923 w 3630242"/>
                  <a:gd name="connsiteY3" fmla="*/ 1808050 h 4249327"/>
                  <a:gd name="connsiteX4" fmla="*/ 3212023 w 3630242"/>
                  <a:gd name="connsiteY4" fmla="*/ 2595450 h 4249327"/>
                  <a:gd name="connsiteX5" fmla="*/ 3339023 w 3630242"/>
                  <a:gd name="connsiteY5" fmla="*/ 3090750 h 4249327"/>
                  <a:gd name="connsiteX6" fmla="*/ 2413511 w 3630242"/>
                  <a:gd name="connsiteY6" fmla="*/ 3565412 h 4249327"/>
                  <a:gd name="connsiteX7" fmla="*/ 1649923 w 3630242"/>
                  <a:gd name="connsiteY7" fmla="*/ 4246450 h 4249327"/>
                  <a:gd name="connsiteX8" fmla="*/ 1395923 w 3630242"/>
                  <a:gd name="connsiteY8" fmla="*/ 3776550 h 4249327"/>
                  <a:gd name="connsiteX9" fmla="*/ 570423 w 3630242"/>
                  <a:gd name="connsiteY9" fmla="*/ 3611450 h 4249327"/>
                  <a:gd name="connsiteX10" fmla="*/ 508511 w 3630242"/>
                  <a:gd name="connsiteY10" fmla="*/ 3200290 h 4249327"/>
                  <a:gd name="connsiteX11" fmla="*/ 360873 w 3630242"/>
                  <a:gd name="connsiteY11" fmla="*/ 2943115 h 4249327"/>
                  <a:gd name="connsiteX12" fmla="*/ 279911 w 3630242"/>
                  <a:gd name="connsiteY12" fmla="*/ 2814527 h 4249327"/>
                  <a:gd name="connsiteX13" fmla="*/ 284673 w 3630242"/>
                  <a:gd name="connsiteY13" fmla="*/ 2600215 h 4249327"/>
                  <a:gd name="connsiteX14" fmla="*/ 13479 w 3630242"/>
                  <a:gd name="connsiteY14" fmla="*/ 2375705 h 4249327"/>
                  <a:gd name="connsiteX15" fmla="*/ 125923 w 3630242"/>
                  <a:gd name="connsiteY15" fmla="*/ 1452452 h 4249327"/>
                  <a:gd name="connsiteX16" fmla="*/ 354523 w 3630242"/>
                  <a:gd name="connsiteY16" fmla="*/ 614252 h 4249327"/>
                  <a:gd name="connsiteX0" fmla="*/ 354523 w 3630242"/>
                  <a:gd name="connsiteY0" fmla="*/ 723900 h 4358975"/>
                  <a:gd name="connsiteX1" fmla="*/ 341823 w 3630242"/>
                  <a:gd name="connsiteY1" fmla="*/ 0 h 4358975"/>
                  <a:gd name="connsiteX2" fmla="*/ 3067315 w 3630242"/>
                  <a:gd name="connsiteY2" fmla="*/ 109648 h 4358975"/>
                  <a:gd name="connsiteX3" fmla="*/ 3554923 w 3630242"/>
                  <a:gd name="connsiteY3" fmla="*/ 1917698 h 4358975"/>
                  <a:gd name="connsiteX4" fmla="*/ 3212023 w 3630242"/>
                  <a:gd name="connsiteY4" fmla="*/ 2705098 h 4358975"/>
                  <a:gd name="connsiteX5" fmla="*/ 3339023 w 3630242"/>
                  <a:gd name="connsiteY5" fmla="*/ 3200398 h 4358975"/>
                  <a:gd name="connsiteX6" fmla="*/ 2413511 w 3630242"/>
                  <a:gd name="connsiteY6" fmla="*/ 3675060 h 4358975"/>
                  <a:gd name="connsiteX7" fmla="*/ 1649923 w 3630242"/>
                  <a:gd name="connsiteY7" fmla="*/ 4356098 h 4358975"/>
                  <a:gd name="connsiteX8" fmla="*/ 1395923 w 3630242"/>
                  <a:gd name="connsiteY8" fmla="*/ 3886198 h 4358975"/>
                  <a:gd name="connsiteX9" fmla="*/ 570423 w 3630242"/>
                  <a:gd name="connsiteY9" fmla="*/ 3721098 h 4358975"/>
                  <a:gd name="connsiteX10" fmla="*/ 508511 w 3630242"/>
                  <a:gd name="connsiteY10" fmla="*/ 3309938 h 4358975"/>
                  <a:gd name="connsiteX11" fmla="*/ 360873 w 3630242"/>
                  <a:gd name="connsiteY11" fmla="*/ 3052763 h 4358975"/>
                  <a:gd name="connsiteX12" fmla="*/ 279911 w 3630242"/>
                  <a:gd name="connsiteY12" fmla="*/ 2924175 h 4358975"/>
                  <a:gd name="connsiteX13" fmla="*/ 284673 w 3630242"/>
                  <a:gd name="connsiteY13" fmla="*/ 2709863 h 4358975"/>
                  <a:gd name="connsiteX14" fmla="*/ 13479 w 3630242"/>
                  <a:gd name="connsiteY14" fmla="*/ 2485353 h 4358975"/>
                  <a:gd name="connsiteX15" fmla="*/ 125923 w 3630242"/>
                  <a:gd name="connsiteY15" fmla="*/ 1562100 h 4358975"/>
                  <a:gd name="connsiteX16" fmla="*/ 354523 w 3630242"/>
                  <a:gd name="connsiteY16" fmla="*/ 723900 h 4358975"/>
                  <a:gd name="connsiteX0" fmla="*/ 354523 w 3630242"/>
                  <a:gd name="connsiteY0" fmla="*/ 1080752 h 4715827"/>
                  <a:gd name="connsiteX1" fmla="*/ 341823 w 3630242"/>
                  <a:gd name="connsiteY1" fmla="*/ 356852 h 4715827"/>
                  <a:gd name="connsiteX2" fmla="*/ 3067315 w 3630242"/>
                  <a:gd name="connsiteY2" fmla="*/ 466500 h 4715827"/>
                  <a:gd name="connsiteX3" fmla="*/ 3554923 w 3630242"/>
                  <a:gd name="connsiteY3" fmla="*/ 2274550 h 4715827"/>
                  <a:gd name="connsiteX4" fmla="*/ 3212023 w 3630242"/>
                  <a:gd name="connsiteY4" fmla="*/ 3061950 h 4715827"/>
                  <a:gd name="connsiteX5" fmla="*/ 3339023 w 3630242"/>
                  <a:gd name="connsiteY5" fmla="*/ 3557250 h 4715827"/>
                  <a:gd name="connsiteX6" fmla="*/ 2413511 w 3630242"/>
                  <a:gd name="connsiteY6" fmla="*/ 4031912 h 4715827"/>
                  <a:gd name="connsiteX7" fmla="*/ 1649923 w 3630242"/>
                  <a:gd name="connsiteY7" fmla="*/ 4712950 h 4715827"/>
                  <a:gd name="connsiteX8" fmla="*/ 1395923 w 3630242"/>
                  <a:gd name="connsiteY8" fmla="*/ 4243050 h 4715827"/>
                  <a:gd name="connsiteX9" fmla="*/ 570423 w 3630242"/>
                  <a:gd name="connsiteY9" fmla="*/ 4077950 h 4715827"/>
                  <a:gd name="connsiteX10" fmla="*/ 508511 w 3630242"/>
                  <a:gd name="connsiteY10" fmla="*/ 3666790 h 4715827"/>
                  <a:gd name="connsiteX11" fmla="*/ 360873 w 3630242"/>
                  <a:gd name="connsiteY11" fmla="*/ 3409615 h 4715827"/>
                  <a:gd name="connsiteX12" fmla="*/ 279911 w 3630242"/>
                  <a:gd name="connsiteY12" fmla="*/ 3281027 h 4715827"/>
                  <a:gd name="connsiteX13" fmla="*/ 284673 w 3630242"/>
                  <a:gd name="connsiteY13" fmla="*/ 3066715 h 4715827"/>
                  <a:gd name="connsiteX14" fmla="*/ 13479 w 3630242"/>
                  <a:gd name="connsiteY14" fmla="*/ 2842205 h 4715827"/>
                  <a:gd name="connsiteX15" fmla="*/ 125923 w 3630242"/>
                  <a:gd name="connsiteY15" fmla="*/ 1918952 h 4715827"/>
                  <a:gd name="connsiteX16" fmla="*/ 354523 w 3630242"/>
                  <a:gd name="connsiteY16" fmla="*/ 1080752 h 4715827"/>
                  <a:gd name="connsiteX0" fmla="*/ 354523 w 3630242"/>
                  <a:gd name="connsiteY0" fmla="*/ 1080752 h 4715827"/>
                  <a:gd name="connsiteX1" fmla="*/ 418023 w 3630242"/>
                  <a:gd name="connsiteY1" fmla="*/ 356852 h 4715827"/>
                  <a:gd name="connsiteX2" fmla="*/ 3067315 w 3630242"/>
                  <a:gd name="connsiteY2" fmla="*/ 466500 h 4715827"/>
                  <a:gd name="connsiteX3" fmla="*/ 3554923 w 3630242"/>
                  <a:gd name="connsiteY3" fmla="*/ 2274550 h 4715827"/>
                  <a:gd name="connsiteX4" fmla="*/ 3212023 w 3630242"/>
                  <a:gd name="connsiteY4" fmla="*/ 3061950 h 4715827"/>
                  <a:gd name="connsiteX5" fmla="*/ 3339023 w 3630242"/>
                  <a:gd name="connsiteY5" fmla="*/ 3557250 h 4715827"/>
                  <a:gd name="connsiteX6" fmla="*/ 2413511 w 3630242"/>
                  <a:gd name="connsiteY6" fmla="*/ 4031912 h 4715827"/>
                  <a:gd name="connsiteX7" fmla="*/ 1649923 w 3630242"/>
                  <a:gd name="connsiteY7" fmla="*/ 4712950 h 4715827"/>
                  <a:gd name="connsiteX8" fmla="*/ 1395923 w 3630242"/>
                  <a:gd name="connsiteY8" fmla="*/ 4243050 h 4715827"/>
                  <a:gd name="connsiteX9" fmla="*/ 570423 w 3630242"/>
                  <a:gd name="connsiteY9" fmla="*/ 4077950 h 4715827"/>
                  <a:gd name="connsiteX10" fmla="*/ 508511 w 3630242"/>
                  <a:gd name="connsiteY10" fmla="*/ 3666790 h 4715827"/>
                  <a:gd name="connsiteX11" fmla="*/ 360873 w 3630242"/>
                  <a:gd name="connsiteY11" fmla="*/ 3409615 h 4715827"/>
                  <a:gd name="connsiteX12" fmla="*/ 279911 w 3630242"/>
                  <a:gd name="connsiteY12" fmla="*/ 3281027 h 4715827"/>
                  <a:gd name="connsiteX13" fmla="*/ 284673 w 3630242"/>
                  <a:gd name="connsiteY13" fmla="*/ 3066715 h 4715827"/>
                  <a:gd name="connsiteX14" fmla="*/ 13479 w 3630242"/>
                  <a:gd name="connsiteY14" fmla="*/ 2842205 h 4715827"/>
                  <a:gd name="connsiteX15" fmla="*/ 125923 w 3630242"/>
                  <a:gd name="connsiteY15" fmla="*/ 1918952 h 4715827"/>
                  <a:gd name="connsiteX16" fmla="*/ 354523 w 3630242"/>
                  <a:gd name="connsiteY16" fmla="*/ 1080752 h 4715827"/>
                  <a:gd name="connsiteX0" fmla="*/ 354523 w 3630242"/>
                  <a:gd name="connsiteY0" fmla="*/ 1141285 h 4776360"/>
                  <a:gd name="connsiteX1" fmla="*/ 418023 w 3630242"/>
                  <a:gd name="connsiteY1" fmla="*/ 417385 h 4776360"/>
                  <a:gd name="connsiteX2" fmla="*/ 3067315 w 3630242"/>
                  <a:gd name="connsiteY2" fmla="*/ 527033 h 4776360"/>
                  <a:gd name="connsiteX3" fmla="*/ 3554923 w 3630242"/>
                  <a:gd name="connsiteY3" fmla="*/ 2335083 h 4776360"/>
                  <a:gd name="connsiteX4" fmla="*/ 3212023 w 3630242"/>
                  <a:gd name="connsiteY4" fmla="*/ 3122483 h 4776360"/>
                  <a:gd name="connsiteX5" fmla="*/ 3339023 w 3630242"/>
                  <a:gd name="connsiteY5" fmla="*/ 3617783 h 4776360"/>
                  <a:gd name="connsiteX6" fmla="*/ 2413511 w 3630242"/>
                  <a:gd name="connsiteY6" fmla="*/ 4092445 h 4776360"/>
                  <a:gd name="connsiteX7" fmla="*/ 1649923 w 3630242"/>
                  <a:gd name="connsiteY7" fmla="*/ 4773483 h 4776360"/>
                  <a:gd name="connsiteX8" fmla="*/ 1395923 w 3630242"/>
                  <a:gd name="connsiteY8" fmla="*/ 4303583 h 4776360"/>
                  <a:gd name="connsiteX9" fmla="*/ 570423 w 3630242"/>
                  <a:gd name="connsiteY9" fmla="*/ 4138483 h 4776360"/>
                  <a:gd name="connsiteX10" fmla="*/ 508511 w 3630242"/>
                  <a:gd name="connsiteY10" fmla="*/ 3727323 h 4776360"/>
                  <a:gd name="connsiteX11" fmla="*/ 360873 w 3630242"/>
                  <a:gd name="connsiteY11" fmla="*/ 3470148 h 4776360"/>
                  <a:gd name="connsiteX12" fmla="*/ 279911 w 3630242"/>
                  <a:gd name="connsiteY12" fmla="*/ 3341560 h 4776360"/>
                  <a:gd name="connsiteX13" fmla="*/ 284673 w 3630242"/>
                  <a:gd name="connsiteY13" fmla="*/ 3127248 h 4776360"/>
                  <a:gd name="connsiteX14" fmla="*/ 13479 w 3630242"/>
                  <a:gd name="connsiteY14" fmla="*/ 2902738 h 4776360"/>
                  <a:gd name="connsiteX15" fmla="*/ 125923 w 3630242"/>
                  <a:gd name="connsiteY15" fmla="*/ 1979485 h 4776360"/>
                  <a:gd name="connsiteX16" fmla="*/ 354523 w 3630242"/>
                  <a:gd name="connsiteY16" fmla="*/ 1141285 h 4776360"/>
                  <a:gd name="connsiteX0" fmla="*/ 354523 w 3641221"/>
                  <a:gd name="connsiteY0" fmla="*/ 1149058 h 4784133"/>
                  <a:gd name="connsiteX1" fmla="*/ 418023 w 3641221"/>
                  <a:gd name="connsiteY1" fmla="*/ 425158 h 4784133"/>
                  <a:gd name="connsiteX2" fmla="*/ 3118115 w 3641221"/>
                  <a:gd name="connsiteY2" fmla="*/ 509406 h 4784133"/>
                  <a:gd name="connsiteX3" fmla="*/ 3554923 w 3641221"/>
                  <a:gd name="connsiteY3" fmla="*/ 2342856 h 4784133"/>
                  <a:gd name="connsiteX4" fmla="*/ 3212023 w 3641221"/>
                  <a:gd name="connsiteY4" fmla="*/ 3130256 h 4784133"/>
                  <a:gd name="connsiteX5" fmla="*/ 3339023 w 3641221"/>
                  <a:gd name="connsiteY5" fmla="*/ 3625556 h 4784133"/>
                  <a:gd name="connsiteX6" fmla="*/ 2413511 w 3641221"/>
                  <a:gd name="connsiteY6" fmla="*/ 4100218 h 4784133"/>
                  <a:gd name="connsiteX7" fmla="*/ 1649923 w 3641221"/>
                  <a:gd name="connsiteY7" fmla="*/ 4781256 h 4784133"/>
                  <a:gd name="connsiteX8" fmla="*/ 1395923 w 3641221"/>
                  <a:gd name="connsiteY8" fmla="*/ 4311356 h 4784133"/>
                  <a:gd name="connsiteX9" fmla="*/ 570423 w 3641221"/>
                  <a:gd name="connsiteY9" fmla="*/ 4146256 h 4784133"/>
                  <a:gd name="connsiteX10" fmla="*/ 508511 w 3641221"/>
                  <a:gd name="connsiteY10" fmla="*/ 3735096 h 4784133"/>
                  <a:gd name="connsiteX11" fmla="*/ 360873 w 3641221"/>
                  <a:gd name="connsiteY11" fmla="*/ 3477921 h 4784133"/>
                  <a:gd name="connsiteX12" fmla="*/ 279911 w 3641221"/>
                  <a:gd name="connsiteY12" fmla="*/ 3349333 h 4784133"/>
                  <a:gd name="connsiteX13" fmla="*/ 284673 w 3641221"/>
                  <a:gd name="connsiteY13" fmla="*/ 3135021 h 4784133"/>
                  <a:gd name="connsiteX14" fmla="*/ 13479 w 3641221"/>
                  <a:gd name="connsiteY14" fmla="*/ 2910511 h 4784133"/>
                  <a:gd name="connsiteX15" fmla="*/ 125923 w 3641221"/>
                  <a:gd name="connsiteY15" fmla="*/ 1987258 h 4784133"/>
                  <a:gd name="connsiteX16" fmla="*/ 354523 w 3641221"/>
                  <a:gd name="connsiteY16" fmla="*/ 1149058 h 4784133"/>
                  <a:gd name="connsiteX0" fmla="*/ 354523 w 3639924"/>
                  <a:gd name="connsiteY0" fmla="*/ 1149058 h 4784133"/>
                  <a:gd name="connsiteX1" fmla="*/ 418023 w 3639924"/>
                  <a:gd name="connsiteY1" fmla="*/ 425158 h 4784133"/>
                  <a:gd name="connsiteX2" fmla="*/ 3118115 w 3639924"/>
                  <a:gd name="connsiteY2" fmla="*/ 509406 h 4784133"/>
                  <a:gd name="connsiteX3" fmla="*/ 3554923 w 3639924"/>
                  <a:gd name="connsiteY3" fmla="*/ 2342856 h 4784133"/>
                  <a:gd name="connsiteX4" fmla="*/ 3212023 w 3639924"/>
                  <a:gd name="connsiteY4" fmla="*/ 3130256 h 4784133"/>
                  <a:gd name="connsiteX5" fmla="*/ 3339023 w 3639924"/>
                  <a:gd name="connsiteY5" fmla="*/ 3625556 h 4784133"/>
                  <a:gd name="connsiteX6" fmla="*/ 2413511 w 3639924"/>
                  <a:gd name="connsiteY6" fmla="*/ 4100218 h 4784133"/>
                  <a:gd name="connsiteX7" fmla="*/ 1649923 w 3639924"/>
                  <a:gd name="connsiteY7" fmla="*/ 4781256 h 4784133"/>
                  <a:gd name="connsiteX8" fmla="*/ 1395923 w 3639924"/>
                  <a:gd name="connsiteY8" fmla="*/ 4311356 h 4784133"/>
                  <a:gd name="connsiteX9" fmla="*/ 570423 w 3639924"/>
                  <a:gd name="connsiteY9" fmla="*/ 4146256 h 4784133"/>
                  <a:gd name="connsiteX10" fmla="*/ 508511 w 3639924"/>
                  <a:gd name="connsiteY10" fmla="*/ 3735096 h 4784133"/>
                  <a:gd name="connsiteX11" fmla="*/ 360873 w 3639924"/>
                  <a:gd name="connsiteY11" fmla="*/ 3477921 h 4784133"/>
                  <a:gd name="connsiteX12" fmla="*/ 279911 w 3639924"/>
                  <a:gd name="connsiteY12" fmla="*/ 3349333 h 4784133"/>
                  <a:gd name="connsiteX13" fmla="*/ 284673 w 3639924"/>
                  <a:gd name="connsiteY13" fmla="*/ 3135021 h 4784133"/>
                  <a:gd name="connsiteX14" fmla="*/ 13479 w 3639924"/>
                  <a:gd name="connsiteY14" fmla="*/ 2910511 h 4784133"/>
                  <a:gd name="connsiteX15" fmla="*/ 125923 w 3639924"/>
                  <a:gd name="connsiteY15" fmla="*/ 1987258 h 4784133"/>
                  <a:gd name="connsiteX16" fmla="*/ 354523 w 3639924"/>
                  <a:gd name="connsiteY16" fmla="*/ 1149058 h 4784133"/>
                  <a:gd name="connsiteX0" fmla="*/ 354523 w 3639924"/>
                  <a:gd name="connsiteY0" fmla="*/ 1149058 h 4784133"/>
                  <a:gd name="connsiteX1" fmla="*/ 418023 w 3639924"/>
                  <a:gd name="connsiteY1" fmla="*/ 425158 h 4784133"/>
                  <a:gd name="connsiteX2" fmla="*/ 3118115 w 3639924"/>
                  <a:gd name="connsiteY2" fmla="*/ 509406 h 4784133"/>
                  <a:gd name="connsiteX3" fmla="*/ 3554923 w 3639924"/>
                  <a:gd name="connsiteY3" fmla="*/ 2342856 h 4784133"/>
                  <a:gd name="connsiteX4" fmla="*/ 3212023 w 3639924"/>
                  <a:gd name="connsiteY4" fmla="*/ 3130256 h 4784133"/>
                  <a:gd name="connsiteX5" fmla="*/ 3339023 w 3639924"/>
                  <a:gd name="connsiteY5" fmla="*/ 3625556 h 4784133"/>
                  <a:gd name="connsiteX6" fmla="*/ 2413511 w 3639924"/>
                  <a:gd name="connsiteY6" fmla="*/ 4100218 h 4784133"/>
                  <a:gd name="connsiteX7" fmla="*/ 1649923 w 3639924"/>
                  <a:gd name="connsiteY7" fmla="*/ 4781256 h 4784133"/>
                  <a:gd name="connsiteX8" fmla="*/ 1395923 w 3639924"/>
                  <a:gd name="connsiteY8" fmla="*/ 4311356 h 4784133"/>
                  <a:gd name="connsiteX9" fmla="*/ 570423 w 3639924"/>
                  <a:gd name="connsiteY9" fmla="*/ 4146256 h 4784133"/>
                  <a:gd name="connsiteX10" fmla="*/ 508511 w 3639924"/>
                  <a:gd name="connsiteY10" fmla="*/ 3735096 h 4784133"/>
                  <a:gd name="connsiteX11" fmla="*/ 360873 w 3639924"/>
                  <a:gd name="connsiteY11" fmla="*/ 3477921 h 4784133"/>
                  <a:gd name="connsiteX12" fmla="*/ 279911 w 3639924"/>
                  <a:gd name="connsiteY12" fmla="*/ 3349333 h 4784133"/>
                  <a:gd name="connsiteX13" fmla="*/ 284673 w 3639924"/>
                  <a:gd name="connsiteY13" fmla="*/ 3135021 h 4784133"/>
                  <a:gd name="connsiteX14" fmla="*/ 13479 w 3639924"/>
                  <a:gd name="connsiteY14" fmla="*/ 2910511 h 4784133"/>
                  <a:gd name="connsiteX15" fmla="*/ 125923 w 3639924"/>
                  <a:gd name="connsiteY15" fmla="*/ 1987258 h 4784133"/>
                  <a:gd name="connsiteX16" fmla="*/ 354523 w 3639924"/>
                  <a:gd name="connsiteY16" fmla="*/ 1149058 h 4784133"/>
                  <a:gd name="connsiteX0" fmla="*/ 354523 w 3639924"/>
                  <a:gd name="connsiteY0" fmla="*/ 1155725 h 4790800"/>
                  <a:gd name="connsiteX1" fmla="*/ 418023 w 3639924"/>
                  <a:gd name="connsiteY1" fmla="*/ 431825 h 4790800"/>
                  <a:gd name="connsiteX2" fmla="*/ 3118115 w 3639924"/>
                  <a:gd name="connsiteY2" fmla="*/ 516073 h 4790800"/>
                  <a:gd name="connsiteX3" fmla="*/ 3554923 w 3639924"/>
                  <a:gd name="connsiteY3" fmla="*/ 2349523 h 4790800"/>
                  <a:gd name="connsiteX4" fmla="*/ 3212023 w 3639924"/>
                  <a:gd name="connsiteY4" fmla="*/ 3136923 h 4790800"/>
                  <a:gd name="connsiteX5" fmla="*/ 3339023 w 3639924"/>
                  <a:gd name="connsiteY5" fmla="*/ 3632223 h 4790800"/>
                  <a:gd name="connsiteX6" fmla="*/ 2413511 w 3639924"/>
                  <a:gd name="connsiteY6" fmla="*/ 4106885 h 4790800"/>
                  <a:gd name="connsiteX7" fmla="*/ 1649923 w 3639924"/>
                  <a:gd name="connsiteY7" fmla="*/ 4787923 h 4790800"/>
                  <a:gd name="connsiteX8" fmla="*/ 1395923 w 3639924"/>
                  <a:gd name="connsiteY8" fmla="*/ 4318023 h 4790800"/>
                  <a:gd name="connsiteX9" fmla="*/ 570423 w 3639924"/>
                  <a:gd name="connsiteY9" fmla="*/ 4152923 h 4790800"/>
                  <a:gd name="connsiteX10" fmla="*/ 508511 w 3639924"/>
                  <a:gd name="connsiteY10" fmla="*/ 3741763 h 4790800"/>
                  <a:gd name="connsiteX11" fmla="*/ 360873 w 3639924"/>
                  <a:gd name="connsiteY11" fmla="*/ 3484588 h 4790800"/>
                  <a:gd name="connsiteX12" fmla="*/ 279911 w 3639924"/>
                  <a:gd name="connsiteY12" fmla="*/ 3356000 h 4790800"/>
                  <a:gd name="connsiteX13" fmla="*/ 284673 w 3639924"/>
                  <a:gd name="connsiteY13" fmla="*/ 3141688 h 4790800"/>
                  <a:gd name="connsiteX14" fmla="*/ 13479 w 3639924"/>
                  <a:gd name="connsiteY14" fmla="*/ 2917178 h 4790800"/>
                  <a:gd name="connsiteX15" fmla="*/ 125923 w 3639924"/>
                  <a:gd name="connsiteY15" fmla="*/ 1993925 h 4790800"/>
                  <a:gd name="connsiteX16" fmla="*/ 354523 w 3639924"/>
                  <a:gd name="connsiteY16" fmla="*/ 1155725 h 4790800"/>
                  <a:gd name="connsiteX0" fmla="*/ 354523 w 3639924"/>
                  <a:gd name="connsiteY0" fmla="*/ 1155725 h 4790800"/>
                  <a:gd name="connsiteX1" fmla="*/ 418023 w 3639924"/>
                  <a:gd name="connsiteY1" fmla="*/ 431825 h 4790800"/>
                  <a:gd name="connsiteX2" fmla="*/ 3118115 w 3639924"/>
                  <a:gd name="connsiteY2" fmla="*/ 516073 h 4790800"/>
                  <a:gd name="connsiteX3" fmla="*/ 3554923 w 3639924"/>
                  <a:gd name="connsiteY3" fmla="*/ 2349523 h 4790800"/>
                  <a:gd name="connsiteX4" fmla="*/ 3212023 w 3639924"/>
                  <a:gd name="connsiteY4" fmla="*/ 3136923 h 4790800"/>
                  <a:gd name="connsiteX5" fmla="*/ 3339023 w 3639924"/>
                  <a:gd name="connsiteY5" fmla="*/ 3632223 h 4790800"/>
                  <a:gd name="connsiteX6" fmla="*/ 2413511 w 3639924"/>
                  <a:gd name="connsiteY6" fmla="*/ 4106885 h 4790800"/>
                  <a:gd name="connsiteX7" fmla="*/ 1649923 w 3639924"/>
                  <a:gd name="connsiteY7" fmla="*/ 4787923 h 4790800"/>
                  <a:gd name="connsiteX8" fmla="*/ 1395923 w 3639924"/>
                  <a:gd name="connsiteY8" fmla="*/ 4318023 h 4790800"/>
                  <a:gd name="connsiteX9" fmla="*/ 570423 w 3639924"/>
                  <a:gd name="connsiteY9" fmla="*/ 4152923 h 4790800"/>
                  <a:gd name="connsiteX10" fmla="*/ 508511 w 3639924"/>
                  <a:gd name="connsiteY10" fmla="*/ 3741763 h 4790800"/>
                  <a:gd name="connsiteX11" fmla="*/ 360873 w 3639924"/>
                  <a:gd name="connsiteY11" fmla="*/ 3484588 h 4790800"/>
                  <a:gd name="connsiteX12" fmla="*/ 279911 w 3639924"/>
                  <a:gd name="connsiteY12" fmla="*/ 3356000 h 4790800"/>
                  <a:gd name="connsiteX13" fmla="*/ 284673 w 3639924"/>
                  <a:gd name="connsiteY13" fmla="*/ 3141688 h 4790800"/>
                  <a:gd name="connsiteX14" fmla="*/ 13479 w 3639924"/>
                  <a:gd name="connsiteY14" fmla="*/ 2917178 h 4790800"/>
                  <a:gd name="connsiteX15" fmla="*/ 125923 w 3639924"/>
                  <a:gd name="connsiteY15" fmla="*/ 1993925 h 4790800"/>
                  <a:gd name="connsiteX16" fmla="*/ 354523 w 3639924"/>
                  <a:gd name="connsiteY16" fmla="*/ 1155725 h 4790800"/>
                  <a:gd name="connsiteX0" fmla="*/ 354523 w 3639924"/>
                  <a:gd name="connsiteY0" fmla="*/ 1155725 h 4790800"/>
                  <a:gd name="connsiteX1" fmla="*/ 418023 w 3639924"/>
                  <a:gd name="connsiteY1" fmla="*/ 431825 h 4790800"/>
                  <a:gd name="connsiteX2" fmla="*/ 3118115 w 3639924"/>
                  <a:gd name="connsiteY2" fmla="*/ 516073 h 4790800"/>
                  <a:gd name="connsiteX3" fmla="*/ 3554923 w 3639924"/>
                  <a:gd name="connsiteY3" fmla="*/ 2349523 h 4790800"/>
                  <a:gd name="connsiteX4" fmla="*/ 3212023 w 3639924"/>
                  <a:gd name="connsiteY4" fmla="*/ 3136923 h 4790800"/>
                  <a:gd name="connsiteX5" fmla="*/ 3339023 w 3639924"/>
                  <a:gd name="connsiteY5" fmla="*/ 3632223 h 4790800"/>
                  <a:gd name="connsiteX6" fmla="*/ 2413511 w 3639924"/>
                  <a:gd name="connsiteY6" fmla="*/ 4106885 h 4790800"/>
                  <a:gd name="connsiteX7" fmla="*/ 1649923 w 3639924"/>
                  <a:gd name="connsiteY7" fmla="*/ 4787923 h 4790800"/>
                  <a:gd name="connsiteX8" fmla="*/ 1395923 w 3639924"/>
                  <a:gd name="connsiteY8" fmla="*/ 4318023 h 4790800"/>
                  <a:gd name="connsiteX9" fmla="*/ 570423 w 3639924"/>
                  <a:gd name="connsiteY9" fmla="*/ 4152923 h 4790800"/>
                  <a:gd name="connsiteX10" fmla="*/ 508511 w 3639924"/>
                  <a:gd name="connsiteY10" fmla="*/ 3741763 h 4790800"/>
                  <a:gd name="connsiteX11" fmla="*/ 360873 w 3639924"/>
                  <a:gd name="connsiteY11" fmla="*/ 3484588 h 4790800"/>
                  <a:gd name="connsiteX12" fmla="*/ 279911 w 3639924"/>
                  <a:gd name="connsiteY12" fmla="*/ 3356000 h 4790800"/>
                  <a:gd name="connsiteX13" fmla="*/ 284673 w 3639924"/>
                  <a:gd name="connsiteY13" fmla="*/ 3141688 h 4790800"/>
                  <a:gd name="connsiteX14" fmla="*/ 13479 w 3639924"/>
                  <a:gd name="connsiteY14" fmla="*/ 2917178 h 4790800"/>
                  <a:gd name="connsiteX15" fmla="*/ 125923 w 3639924"/>
                  <a:gd name="connsiteY15" fmla="*/ 1993925 h 4790800"/>
                  <a:gd name="connsiteX16" fmla="*/ 354523 w 3639924"/>
                  <a:gd name="connsiteY16" fmla="*/ 1155725 h 4790800"/>
                  <a:gd name="connsiteX0" fmla="*/ 354523 w 3639924"/>
                  <a:gd name="connsiteY0" fmla="*/ 1186422 h 4821497"/>
                  <a:gd name="connsiteX1" fmla="*/ 424373 w 3639924"/>
                  <a:gd name="connsiteY1" fmla="*/ 418072 h 4821497"/>
                  <a:gd name="connsiteX2" fmla="*/ 3118115 w 3639924"/>
                  <a:gd name="connsiteY2" fmla="*/ 546770 h 4821497"/>
                  <a:gd name="connsiteX3" fmla="*/ 3554923 w 3639924"/>
                  <a:gd name="connsiteY3" fmla="*/ 2380220 h 4821497"/>
                  <a:gd name="connsiteX4" fmla="*/ 3212023 w 3639924"/>
                  <a:gd name="connsiteY4" fmla="*/ 3167620 h 4821497"/>
                  <a:gd name="connsiteX5" fmla="*/ 3339023 w 3639924"/>
                  <a:gd name="connsiteY5" fmla="*/ 3662920 h 4821497"/>
                  <a:gd name="connsiteX6" fmla="*/ 2413511 w 3639924"/>
                  <a:gd name="connsiteY6" fmla="*/ 4137582 h 4821497"/>
                  <a:gd name="connsiteX7" fmla="*/ 1649923 w 3639924"/>
                  <a:gd name="connsiteY7" fmla="*/ 4818620 h 4821497"/>
                  <a:gd name="connsiteX8" fmla="*/ 1395923 w 3639924"/>
                  <a:gd name="connsiteY8" fmla="*/ 4348720 h 4821497"/>
                  <a:gd name="connsiteX9" fmla="*/ 570423 w 3639924"/>
                  <a:gd name="connsiteY9" fmla="*/ 4183620 h 4821497"/>
                  <a:gd name="connsiteX10" fmla="*/ 508511 w 3639924"/>
                  <a:gd name="connsiteY10" fmla="*/ 3772460 h 4821497"/>
                  <a:gd name="connsiteX11" fmla="*/ 360873 w 3639924"/>
                  <a:gd name="connsiteY11" fmla="*/ 3515285 h 4821497"/>
                  <a:gd name="connsiteX12" fmla="*/ 279911 w 3639924"/>
                  <a:gd name="connsiteY12" fmla="*/ 3386697 h 4821497"/>
                  <a:gd name="connsiteX13" fmla="*/ 284673 w 3639924"/>
                  <a:gd name="connsiteY13" fmla="*/ 3172385 h 4821497"/>
                  <a:gd name="connsiteX14" fmla="*/ 13479 w 3639924"/>
                  <a:gd name="connsiteY14" fmla="*/ 2947875 h 4821497"/>
                  <a:gd name="connsiteX15" fmla="*/ 125923 w 3639924"/>
                  <a:gd name="connsiteY15" fmla="*/ 2024622 h 4821497"/>
                  <a:gd name="connsiteX16" fmla="*/ 354523 w 3639924"/>
                  <a:gd name="connsiteY16" fmla="*/ 1186422 h 4821497"/>
                  <a:gd name="connsiteX0" fmla="*/ 354523 w 3639924"/>
                  <a:gd name="connsiteY0" fmla="*/ 1107997 h 4743072"/>
                  <a:gd name="connsiteX1" fmla="*/ 424373 w 3639924"/>
                  <a:gd name="connsiteY1" fmla="*/ 339647 h 4743072"/>
                  <a:gd name="connsiteX2" fmla="*/ 3118115 w 3639924"/>
                  <a:gd name="connsiteY2" fmla="*/ 468345 h 4743072"/>
                  <a:gd name="connsiteX3" fmla="*/ 3554923 w 3639924"/>
                  <a:gd name="connsiteY3" fmla="*/ 2301795 h 4743072"/>
                  <a:gd name="connsiteX4" fmla="*/ 3212023 w 3639924"/>
                  <a:gd name="connsiteY4" fmla="*/ 3089195 h 4743072"/>
                  <a:gd name="connsiteX5" fmla="*/ 3339023 w 3639924"/>
                  <a:gd name="connsiteY5" fmla="*/ 3584495 h 4743072"/>
                  <a:gd name="connsiteX6" fmla="*/ 2413511 w 3639924"/>
                  <a:gd name="connsiteY6" fmla="*/ 4059157 h 4743072"/>
                  <a:gd name="connsiteX7" fmla="*/ 1649923 w 3639924"/>
                  <a:gd name="connsiteY7" fmla="*/ 4740195 h 4743072"/>
                  <a:gd name="connsiteX8" fmla="*/ 1395923 w 3639924"/>
                  <a:gd name="connsiteY8" fmla="*/ 4270295 h 4743072"/>
                  <a:gd name="connsiteX9" fmla="*/ 570423 w 3639924"/>
                  <a:gd name="connsiteY9" fmla="*/ 4105195 h 4743072"/>
                  <a:gd name="connsiteX10" fmla="*/ 508511 w 3639924"/>
                  <a:gd name="connsiteY10" fmla="*/ 3694035 h 4743072"/>
                  <a:gd name="connsiteX11" fmla="*/ 360873 w 3639924"/>
                  <a:gd name="connsiteY11" fmla="*/ 3436860 h 4743072"/>
                  <a:gd name="connsiteX12" fmla="*/ 279911 w 3639924"/>
                  <a:gd name="connsiteY12" fmla="*/ 3308272 h 4743072"/>
                  <a:gd name="connsiteX13" fmla="*/ 284673 w 3639924"/>
                  <a:gd name="connsiteY13" fmla="*/ 3093960 h 4743072"/>
                  <a:gd name="connsiteX14" fmla="*/ 13479 w 3639924"/>
                  <a:gd name="connsiteY14" fmla="*/ 2869450 h 4743072"/>
                  <a:gd name="connsiteX15" fmla="*/ 125923 w 3639924"/>
                  <a:gd name="connsiteY15" fmla="*/ 1946197 h 4743072"/>
                  <a:gd name="connsiteX16" fmla="*/ 354523 w 3639924"/>
                  <a:gd name="connsiteY16" fmla="*/ 1107997 h 4743072"/>
                  <a:gd name="connsiteX0" fmla="*/ 354523 w 3639924"/>
                  <a:gd name="connsiteY0" fmla="*/ 1128530 h 4763605"/>
                  <a:gd name="connsiteX1" fmla="*/ 424373 w 3639924"/>
                  <a:gd name="connsiteY1" fmla="*/ 360180 h 4763605"/>
                  <a:gd name="connsiteX2" fmla="*/ 3118115 w 3639924"/>
                  <a:gd name="connsiteY2" fmla="*/ 488878 h 4763605"/>
                  <a:gd name="connsiteX3" fmla="*/ 3554923 w 3639924"/>
                  <a:gd name="connsiteY3" fmla="*/ 2322328 h 4763605"/>
                  <a:gd name="connsiteX4" fmla="*/ 3212023 w 3639924"/>
                  <a:gd name="connsiteY4" fmla="*/ 3109728 h 4763605"/>
                  <a:gd name="connsiteX5" fmla="*/ 3339023 w 3639924"/>
                  <a:gd name="connsiteY5" fmla="*/ 3605028 h 4763605"/>
                  <a:gd name="connsiteX6" fmla="*/ 2413511 w 3639924"/>
                  <a:gd name="connsiteY6" fmla="*/ 4079690 h 4763605"/>
                  <a:gd name="connsiteX7" fmla="*/ 1649923 w 3639924"/>
                  <a:gd name="connsiteY7" fmla="*/ 4760728 h 4763605"/>
                  <a:gd name="connsiteX8" fmla="*/ 1395923 w 3639924"/>
                  <a:gd name="connsiteY8" fmla="*/ 4290828 h 4763605"/>
                  <a:gd name="connsiteX9" fmla="*/ 570423 w 3639924"/>
                  <a:gd name="connsiteY9" fmla="*/ 4125728 h 4763605"/>
                  <a:gd name="connsiteX10" fmla="*/ 508511 w 3639924"/>
                  <a:gd name="connsiteY10" fmla="*/ 3714568 h 4763605"/>
                  <a:gd name="connsiteX11" fmla="*/ 360873 w 3639924"/>
                  <a:gd name="connsiteY11" fmla="*/ 3457393 h 4763605"/>
                  <a:gd name="connsiteX12" fmla="*/ 279911 w 3639924"/>
                  <a:gd name="connsiteY12" fmla="*/ 3328805 h 4763605"/>
                  <a:gd name="connsiteX13" fmla="*/ 284673 w 3639924"/>
                  <a:gd name="connsiteY13" fmla="*/ 3114493 h 4763605"/>
                  <a:gd name="connsiteX14" fmla="*/ 13479 w 3639924"/>
                  <a:gd name="connsiteY14" fmla="*/ 2889983 h 4763605"/>
                  <a:gd name="connsiteX15" fmla="*/ 125923 w 3639924"/>
                  <a:gd name="connsiteY15" fmla="*/ 1966730 h 4763605"/>
                  <a:gd name="connsiteX16" fmla="*/ 354523 w 3639924"/>
                  <a:gd name="connsiteY16" fmla="*/ 1128530 h 4763605"/>
                  <a:gd name="connsiteX0" fmla="*/ 354523 w 3639924"/>
                  <a:gd name="connsiteY0" fmla="*/ 1130305 h 4765380"/>
                  <a:gd name="connsiteX1" fmla="*/ 424373 w 3639924"/>
                  <a:gd name="connsiteY1" fmla="*/ 361955 h 4765380"/>
                  <a:gd name="connsiteX2" fmla="*/ 3118115 w 3639924"/>
                  <a:gd name="connsiteY2" fmla="*/ 490653 h 4765380"/>
                  <a:gd name="connsiteX3" fmla="*/ 3554923 w 3639924"/>
                  <a:gd name="connsiteY3" fmla="*/ 2324103 h 4765380"/>
                  <a:gd name="connsiteX4" fmla="*/ 3212023 w 3639924"/>
                  <a:gd name="connsiteY4" fmla="*/ 3111503 h 4765380"/>
                  <a:gd name="connsiteX5" fmla="*/ 3339023 w 3639924"/>
                  <a:gd name="connsiteY5" fmla="*/ 3606803 h 4765380"/>
                  <a:gd name="connsiteX6" fmla="*/ 2413511 w 3639924"/>
                  <a:gd name="connsiteY6" fmla="*/ 4081465 h 4765380"/>
                  <a:gd name="connsiteX7" fmla="*/ 1649923 w 3639924"/>
                  <a:gd name="connsiteY7" fmla="*/ 4762503 h 4765380"/>
                  <a:gd name="connsiteX8" fmla="*/ 1395923 w 3639924"/>
                  <a:gd name="connsiteY8" fmla="*/ 4292603 h 4765380"/>
                  <a:gd name="connsiteX9" fmla="*/ 570423 w 3639924"/>
                  <a:gd name="connsiteY9" fmla="*/ 4127503 h 4765380"/>
                  <a:gd name="connsiteX10" fmla="*/ 508511 w 3639924"/>
                  <a:gd name="connsiteY10" fmla="*/ 3716343 h 4765380"/>
                  <a:gd name="connsiteX11" fmla="*/ 360873 w 3639924"/>
                  <a:gd name="connsiteY11" fmla="*/ 3459168 h 4765380"/>
                  <a:gd name="connsiteX12" fmla="*/ 279911 w 3639924"/>
                  <a:gd name="connsiteY12" fmla="*/ 3330580 h 4765380"/>
                  <a:gd name="connsiteX13" fmla="*/ 284673 w 3639924"/>
                  <a:gd name="connsiteY13" fmla="*/ 3116268 h 4765380"/>
                  <a:gd name="connsiteX14" fmla="*/ 13479 w 3639924"/>
                  <a:gd name="connsiteY14" fmla="*/ 2891758 h 4765380"/>
                  <a:gd name="connsiteX15" fmla="*/ 125923 w 3639924"/>
                  <a:gd name="connsiteY15" fmla="*/ 1968505 h 4765380"/>
                  <a:gd name="connsiteX16" fmla="*/ 354523 w 3639924"/>
                  <a:gd name="connsiteY16" fmla="*/ 1130305 h 4765380"/>
                  <a:gd name="connsiteX0" fmla="*/ 354523 w 3642960"/>
                  <a:gd name="connsiteY0" fmla="*/ 1119755 h 4754830"/>
                  <a:gd name="connsiteX1" fmla="*/ 424373 w 3642960"/>
                  <a:gd name="connsiteY1" fmla="*/ 351405 h 4754830"/>
                  <a:gd name="connsiteX2" fmla="*/ 3130815 w 3642960"/>
                  <a:gd name="connsiteY2" fmla="*/ 511853 h 4754830"/>
                  <a:gd name="connsiteX3" fmla="*/ 3554923 w 3642960"/>
                  <a:gd name="connsiteY3" fmla="*/ 2313553 h 4754830"/>
                  <a:gd name="connsiteX4" fmla="*/ 3212023 w 3642960"/>
                  <a:gd name="connsiteY4" fmla="*/ 3100953 h 4754830"/>
                  <a:gd name="connsiteX5" fmla="*/ 3339023 w 3642960"/>
                  <a:gd name="connsiteY5" fmla="*/ 3596253 h 4754830"/>
                  <a:gd name="connsiteX6" fmla="*/ 2413511 w 3642960"/>
                  <a:gd name="connsiteY6" fmla="*/ 4070915 h 4754830"/>
                  <a:gd name="connsiteX7" fmla="*/ 1649923 w 3642960"/>
                  <a:gd name="connsiteY7" fmla="*/ 4751953 h 4754830"/>
                  <a:gd name="connsiteX8" fmla="*/ 1395923 w 3642960"/>
                  <a:gd name="connsiteY8" fmla="*/ 4282053 h 4754830"/>
                  <a:gd name="connsiteX9" fmla="*/ 570423 w 3642960"/>
                  <a:gd name="connsiteY9" fmla="*/ 4116953 h 4754830"/>
                  <a:gd name="connsiteX10" fmla="*/ 508511 w 3642960"/>
                  <a:gd name="connsiteY10" fmla="*/ 3705793 h 4754830"/>
                  <a:gd name="connsiteX11" fmla="*/ 360873 w 3642960"/>
                  <a:gd name="connsiteY11" fmla="*/ 3448618 h 4754830"/>
                  <a:gd name="connsiteX12" fmla="*/ 279911 w 3642960"/>
                  <a:gd name="connsiteY12" fmla="*/ 3320030 h 4754830"/>
                  <a:gd name="connsiteX13" fmla="*/ 284673 w 3642960"/>
                  <a:gd name="connsiteY13" fmla="*/ 3105718 h 4754830"/>
                  <a:gd name="connsiteX14" fmla="*/ 13479 w 3642960"/>
                  <a:gd name="connsiteY14" fmla="*/ 2881208 h 4754830"/>
                  <a:gd name="connsiteX15" fmla="*/ 125923 w 3642960"/>
                  <a:gd name="connsiteY15" fmla="*/ 1957955 h 4754830"/>
                  <a:gd name="connsiteX16" fmla="*/ 354523 w 3642960"/>
                  <a:gd name="connsiteY16" fmla="*/ 1119755 h 4754830"/>
                  <a:gd name="connsiteX0" fmla="*/ 354523 w 3642960"/>
                  <a:gd name="connsiteY0" fmla="*/ 1119755 h 4754830"/>
                  <a:gd name="connsiteX1" fmla="*/ 424373 w 3642960"/>
                  <a:gd name="connsiteY1" fmla="*/ 351405 h 4754830"/>
                  <a:gd name="connsiteX2" fmla="*/ 3130815 w 3642960"/>
                  <a:gd name="connsiteY2" fmla="*/ 511853 h 4754830"/>
                  <a:gd name="connsiteX3" fmla="*/ 3554923 w 3642960"/>
                  <a:gd name="connsiteY3" fmla="*/ 2313553 h 4754830"/>
                  <a:gd name="connsiteX4" fmla="*/ 3212023 w 3642960"/>
                  <a:gd name="connsiteY4" fmla="*/ 3100953 h 4754830"/>
                  <a:gd name="connsiteX5" fmla="*/ 3339023 w 3642960"/>
                  <a:gd name="connsiteY5" fmla="*/ 3596253 h 4754830"/>
                  <a:gd name="connsiteX6" fmla="*/ 2413511 w 3642960"/>
                  <a:gd name="connsiteY6" fmla="*/ 4070915 h 4754830"/>
                  <a:gd name="connsiteX7" fmla="*/ 1649923 w 3642960"/>
                  <a:gd name="connsiteY7" fmla="*/ 4751953 h 4754830"/>
                  <a:gd name="connsiteX8" fmla="*/ 1395923 w 3642960"/>
                  <a:gd name="connsiteY8" fmla="*/ 4282053 h 4754830"/>
                  <a:gd name="connsiteX9" fmla="*/ 570423 w 3642960"/>
                  <a:gd name="connsiteY9" fmla="*/ 4116953 h 4754830"/>
                  <a:gd name="connsiteX10" fmla="*/ 508511 w 3642960"/>
                  <a:gd name="connsiteY10" fmla="*/ 3705793 h 4754830"/>
                  <a:gd name="connsiteX11" fmla="*/ 360873 w 3642960"/>
                  <a:gd name="connsiteY11" fmla="*/ 3448618 h 4754830"/>
                  <a:gd name="connsiteX12" fmla="*/ 279911 w 3642960"/>
                  <a:gd name="connsiteY12" fmla="*/ 3320030 h 4754830"/>
                  <a:gd name="connsiteX13" fmla="*/ 284673 w 3642960"/>
                  <a:gd name="connsiteY13" fmla="*/ 3105718 h 4754830"/>
                  <a:gd name="connsiteX14" fmla="*/ 13479 w 3642960"/>
                  <a:gd name="connsiteY14" fmla="*/ 2881208 h 4754830"/>
                  <a:gd name="connsiteX15" fmla="*/ 125923 w 3642960"/>
                  <a:gd name="connsiteY15" fmla="*/ 1957955 h 4754830"/>
                  <a:gd name="connsiteX16" fmla="*/ 354523 w 3642960"/>
                  <a:gd name="connsiteY16" fmla="*/ 1119755 h 4754830"/>
                  <a:gd name="connsiteX0" fmla="*/ 354523 w 3642960"/>
                  <a:gd name="connsiteY0" fmla="*/ 1119755 h 5296206"/>
                  <a:gd name="connsiteX1" fmla="*/ 424373 w 3642960"/>
                  <a:gd name="connsiteY1" fmla="*/ 351405 h 5296206"/>
                  <a:gd name="connsiteX2" fmla="*/ 3130815 w 3642960"/>
                  <a:gd name="connsiteY2" fmla="*/ 511853 h 5296206"/>
                  <a:gd name="connsiteX3" fmla="*/ 3554923 w 3642960"/>
                  <a:gd name="connsiteY3" fmla="*/ 2313553 h 5296206"/>
                  <a:gd name="connsiteX4" fmla="*/ 3212023 w 3642960"/>
                  <a:gd name="connsiteY4" fmla="*/ 3100953 h 5296206"/>
                  <a:gd name="connsiteX5" fmla="*/ 3339023 w 3642960"/>
                  <a:gd name="connsiteY5" fmla="*/ 3596253 h 5296206"/>
                  <a:gd name="connsiteX6" fmla="*/ 2927335 w 3642960"/>
                  <a:gd name="connsiteY6" fmla="*/ 5296206 h 5296206"/>
                  <a:gd name="connsiteX7" fmla="*/ 1649923 w 3642960"/>
                  <a:gd name="connsiteY7" fmla="*/ 4751953 h 5296206"/>
                  <a:gd name="connsiteX8" fmla="*/ 1395923 w 3642960"/>
                  <a:gd name="connsiteY8" fmla="*/ 4282053 h 5296206"/>
                  <a:gd name="connsiteX9" fmla="*/ 570423 w 3642960"/>
                  <a:gd name="connsiteY9" fmla="*/ 4116953 h 5296206"/>
                  <a:gd name="connsiteX10" fmla="*/ 508511 w 3642960"/>
                  <a:gd name="connsiteY10" fmla="*/ 3705793 h 5296206"/>
                  <a:gd name="connsiteX11" fmla="*/ 360873 w 3642960"/>
                  <a:gd name="connsiteY11" fmla="*/ 3448618 h 5296206"/>
                  <a:gd name="connsiteX12" fmla="*/ 279911 w 3642960"/>
                  <a:gd name="connsiteY12" fmla="*/ 3320030 h 5296206"/>
                  <a:gd name="connsiteX13" fmla="*/ 284673 w 3642960"/>
                  <a:gd name="connsiteY13" fmla="*/ 3105718 h 5296206"/>
                  <a:gd name="connsiteX14" fmla="*/ 13479 w 3642960"/>
                  <a:gd name="connsiteY14" fmla="*/ 2881208 h 5296206"/>
                  <a:gd name="connsiteX15" fmla="*/ 125923 w 3642960"/>
                  <a:gd name="connsiteY15" fmla="*/ 1957955 h 5296206"/>
                  <a:gd name="connsiteX16" fmla="*/ 354523 w 3642960"/>
                  <a:gd name="connsiteY16" fmla="*/ 1119755 h 5296206"/>
                  <a:gd name="connsiteX0" fmla="*/ 354523 w 3642960"/>
                  <a:gd name="connsiteY0" fmla="*/ 1119755 h 5296206"/>
                  <a:gd name="connsiteX1" fmla="*/ 424373 w 3642960"/>
                  <a:gd name="connsiteY1" fmla="*/ 351405 h 5296206"/>
                  <a:gd name="connsiteX2" fmla="*/ 3130815 w 3642960"/>
                  <a:gd name="connsiteY2" fmla="*/ 511853 h 5296206"/>
                  <a:gd name="connsiteX3" fmla="*/ 3554923 w 3642960"/>
                  <a:gd name="connsiteY3" fmla="*/ 2313553 h 5296206"/>
                  <a:gd name="connsiteX4" fmla="*/ 3212023 w 3642960"/>
                  <a:gd name="connsiteY4" fmla="*/ 3100953 h 5296206"/>
                  <a:gd name="connsiteX5" fmla="*/ 3339023 w 3642960"/>
                  <a:gd name="connsiteY5" fmla="*/ 3596253 h 5296206"/>
                  <a:gd name="connsiteX6" fmla="*/ 2927335 w 3642960"/>
                  <a:gd name="connsiteY6" fmla="*/ 5296206 h 5296206"/>
                  <a:gd name="connsiteX7" fmla="*/ 1649923 w 3642960"/>
                  <a:gd name="connsiteY7" fmla="*/ 4751953 h 5296206"/>
                  <a:gd name="connsiteX8" fmla="*/ 1395923 w 3642960"/>
                  <a:gd name="connsiteY8" fmla="*/ 4282053 h 5296206"/>
                  <a:gd name="connsiteX9" fmla="*/ 570423 w 3642960"/>
                  <a:gd name="connsiteY9" fmla="*/ 4116953 h 5296206"/>
                  <a:gd name="connsiteX10" fmla="*/ 508511 w 3642960"/>
                  <a:gd name="connsiteY10" fmla="*/ 3705793 h 5296206"/>
                  <a:gd name="connsiteX11" fmla="*/ 360873 w 3642960"/>
                  <a:gd name="connsiteY11" fmla="*/ 3448618 h 5296206"/>
                  <a:gd name="connsiteX12" fmla="*/ 279911 w 3642960"/>
                  <a:gd name="connsiteY12" fmla="*/ 3320030 h 5296206"/>
                  <a:gd name="connsiteX13" fmla="*/ 284673 w 3642960"/>
                  <a:gd name="connsiteY13" fmla="*/ 3105718 h 5296206"/>
                  <a:gd name="connsiteX14" fmla="*/ 13479 w 3642960"/>
                  <a:gd name="connsiteY14" fmla="*/ 2881208 h 5296206"/>
                  <a:gd name="connsiteX15" fmla="*/ 125923 w 3642960"/>
                  <a:gd name="connsiteY15" fmla="*/ 1957955 h 5296206"/>
                  <a:gd name="connsiteX16" fmla="*/ 354523 w 3642960"/>
                  <a:gd name="connsiteY16" fmla="*/ 1119755 h 5296206"/>
                  <a:gd name="connsiteX0" fmla="*/ 354523 w 3642960"/>
                  <a:gd name="connsiteY0" fmla="*/ 1119755 h 5296206"/>
                  <a:gd name="connsiteX1" fmla="*/ 424373 w 3642960"/>
                  <a:gd name="connsiteY1" fmla="*/ 351405 h 5296206"/>
                  <a:gd name="connsiteX2" fmla="*/ 3130815 w 3642960"/>
                  <a:gd name="connsiteY2" fmla="*/ 511853 h 5296206"/>
                  <a:gd name="connsiteX3" fmla="*/ 3554923 w 3642960"/>
                  <a:gd name="connsiteY3" fmla="*/ 2313553 h 5296206"/>
                  <a:gd name="connsiteX4" fmla="*/ 3212023 w 3642960"/>
                  <a:gd name="connsiteY4" fmla="*/ 3100953 h 5296206"/>
                  <a:gd name="connsiteX5" fmla="*/ 3615705 w 3642960"/>
                  <a:gd name="connsiteY5" fmla="*/ 3675299 h 5296206"/>
                  <a:gd name="connsiteX6" fmla="*/ 2927335 w 3642960"/>
                  <a:gd name="connsiteY6" fmla="*/ 5296206 h 5296206"/>
                  <a:gd name="connsiteX7" fmla="*/ 1649923 w 3642960"/>
                  <a:gd name="connsiteY7" fmla="*/ 4751953 h 5296206"/>
                  <a:gd name="connsiteX8" fmla="*/ 1395923 w 3642960"/>
                  <a:gd name="connsiteY8" fmla="*/ 4282053 h 5296206"/>
                  <a:gd name="connsiteX9" fmla="*/ 570423 w 3642960"/>
                  <a:gd name="connsiteY9" fmla="*/ 4116953 h 5296206"/>
                  <a:gd name="connsiteX10" fmla="*/ 508511 w 3642960"/>
                  <a:gd name="connsiteY10" fmla="*/ 3705793 h 5296206"/>
                  <a:gd name="connsiteX11" fmla="*/ 360873 w 3642960"/>
                  <a:gd name="connsiteY11" fmla="*/ 3448618 h 5296206"/>
                  <a:gd name="connsiteX12" fmla="*/ 279911 w 3642960"/>
                  <a:gd name="connsiteY12" fmla="*/ 3320030 h 5296206"/>
                  <a:gd name="connsiteX13" fmla="*/ 284673 w 3642960"/>
                  <a:gd name="connsiteY13" fmla="*/ 3105718 h 5296206"/>
                  <a:gd name="connsiteX14" fmla="*/ 13479 w 3642960"/>
                  <a:gd name="connsiteY14" fmla="*/ 2881208 h 5296206"/>
                  <a:gd name="connsiteX15" fmla="*/ 125923 w 3642960"/>
                  <a:gd name="connsiteY15" fmla="*/ 1957955 h 5296206"/>
                  <a:gd name="connsiteX16" fmla="*/ 354523 w 3642960"/>
                  <a:gd name="connsiteY16" fmla="*/ 1119755 h 5296206"/>
                  <a:gd name="connsiteX0" fmla="*/ 354523 w 3642960"/>
                  <a:gd name="connsiteY0" fmla="*/ 1119755 h 5296206"/>
                  <a:gd name="connsiteX1" fmla="*/ 424373 w 3642960"/>
                  <a:gd name="connsiteY1" fmla="*/ 351405 h 5296206"/>
                  <a:gd name="connsiteX2" fmla="*/ 3130815 w 3642960"/>
                  <a:gd name="connsiteY2" fmla="*/ 511853 h 5296206"/>
                  <a:gd name="connsiteX3" fmla="*/ 3554923 w 3642960"/>
                  <a:gd name="connsiteY3" fmla="*/ 2313553 h 5296206"/>
                  <a:gd name="connsiteX4" fmla="*/ 3212023 w 3642960"/>
                  <a:gd name="connsiteY4" fmla="*/ 3100953 h 5296206"/>
                  <a:gd name="connsiteX5" fmla="*/ 3615705 w 3642960"/>
                  <a:gd name="connsiteY5" fmla="*/ 3675299 h 5296206"/>
                  <a:gd name="connsiteX6" fmla="*/ 2927335 w 3642960"/>
                  <a:gd name="connsiteY6" fmla="*/ 5296206 h 5296206"/>
                  <a:gd name="connsiteX7" fmla="*/ 1570860 w 3642960"/>
                  <a:gd name="connsiteY7" fmla="*/ 4989101 h 5296206"/>
                  <a:gd name="connsiteX8" fmla="*/ 1395923 w 3642960"/>
                  <a:gd name="connsiteY8" fmla="*/ 4282053 h 5296206"/>
                  <a:gd name="connsiteX9" fmla="*/ 570423 w 3642960"/>
                  <a:gd name="connsiteY9" fmla="*/ 4116953 h 5296206"/>
                  <a:gd name="connsiteX10" fmla="*/ 508511 w 3642960"/>
                  <a:gd name="connsiteY10" fmla="*/ 3705793 h 5296206"/>
                  <a:gd name="connsiteX11" fmla="*/ 360873 w 3642960"/>
                  <a:gd name="connsiteY11" fmla="*/ 3448618 h 5296206"/>
                  <a:gd name="connsiteX12" fmla="*/ 279911 w 3642960"/>
                  <a:gd name="connsiteY12" fmla="*/ 3320030 h 5296206"/>
                  <a:gd name="connsiteX13" fmla="*/ 284673 w 3642960"/>
                  <a:gd name="connsiteY13" fmla="*/ 3105718 h 5296206"/>
                  <a:gd name="connsiteX14" fmla="*/ 13479 w 3642960"/>
                  <a:gd name="connsiteY14" fmla="*/ 2881208 h 5296206"/>
                  <a:gd name="connsiteX15" fmla="*/ 125923 w 3642960"/>
                  <a:gd name="connsiteY15" fmla="*/ 1957955 h 5296206"/>
                  <a:gd name="connsiteX16" fmla="*/ 354523 w 3642960"/>
                  <a:gd name="connsiteY16" fmla="*/ 1119755 h 5296206"/>
                  <a:gd name="connsiteX0" fmla="*/ 354523 w 3624967"/>
                  <a:gd name="connsiteY0" fmla="*/ 1105049 h 5281500"/>
                  <a:gd name="connsiteX1" fmla="*/ 424373 w 3624967"/>
                  <a:gd name="connsiteY1" fmla="*/ 336699 h 5281500"/>
                  <a:gd name="connsiteX2" fmla="*/ 3078036 w 3624967"/>
                  <a:gd name="connsiteY2" fmla="*/ 544169 h 5281500"/>
                  <a:gd name="connsiteX3" fmla="*/ 3554923 w 3624967"/>
                  <a:gd name="connsiteY3" fmla="*/ 2298847 h 5281500"/>
                  <a:gd name="connsiteX4" fmla="*/ 3212023 w 3624967"/>
                  <a:gd name="connsiteY4" fmla="*/ 3086247 h 5281500"/>
                  <a:gd name="connsiteX5" fmla="*/ 3615705 w 3624967"/>
                  <a:gd name="connsiteY5" fmla="*/ 3660593 h 5281500"/>
                  <a:gd name="connsiteX6" fmla="*/ 2927335 w 3624967"/>
                  <a:gd name="connsiteY6" fmla="*/ 5281500 h 5281500"/>
                  <a:gd name="connsiteX7" fmla="*/ 1570860 w 3624967"/>
                  <a:gd name="connsiteY7" fmla="*/ 4974395 h 5281500"/>
                  <a:gd name="connsiteX8" fmla="*/ 1395923 w 3624967"/>
                  <a:gd name="connsiteY8" fmla="*/ 4267347 h 5281500"/>
                  <a:gd name="connsiteX9" fmla="*/ 570423 w 3624967"/>
                  <a:gd name="connsiteY9" fmla="*/ 4102247 h 5281500"/>
                  <a:gd name="connsiteX10" fmla="*/ 508511 w 3624967"/>
                  <a:gd name="connsiteY10" fmla="*/ 3691087 h 5281500"/>
                  <a:gd name="connsiteX11" fmla="*/ 360873 w 3624967"/>
                  <a:gd name="connsiteY11" fmla="*/ 3433912 h 5281500"/>
                  <a:gd name="connsiteX12" fmla="*/ 279911 w 3624967"/>
                  <a:gd name="connsiteY12" fmla="*/ 3305324 h 5281500"/>
                  <a:gd name="connsiteX13" fmla="*/ 284673 w 3624967"/>
                  <a:gd name="connsiteY13" fmla="*/ 3091012 h 5281500"/>
                  <a:gd name="connsiteX14" fmla="*/ 13479 w 3624967"/>
                  <a:gd name="connsiteY14" fmla="*/ 2866502 h 5281500"/>
                  <a:gd name="connsiteX15" fmla="*/ 125923 w 3624967"/>
                  <a:gd name="connsiteY15" fmla="*/ 1943249 h 5281500"/>
                  <a:gd name="connsiteX16" fmla="*/ 354523 w 3624967"/>
                  <a:gd name="connsiteY16" fmla="*/ 1105049 h 5281500"/>
                  <a:gd name="connsiteX0" fmla="*/ 354523 w 3624967"/>
                  <a:gd name="connsiteY0" fmla="*/ 1105049 h 5281500"/>
                  <a:gd name="connsiteX1" fmla="*/ 424373 w 3624967"/>
                  <a:gd name="connsiteY1" fmla="*/ 336699 h 5281500"/>
                  <a:gd name="connsiteX2" fmla="*/ 3078036 w 3624967"/>
                  <a:gd name="connsiteY2" fmla="*/ 544169 h 5281500"/>
                  <a:gd name="connsiteX3" fmla="*/ 3554923 w 3624967"/>
                  <a:gd name="connsiteY3" fmla="*/ 2298847 h 5281500"/>
                  <a:gd name="connsiteX4" fmla="*/ 3212023 w 3624967"/>
                  <a:gd name="connsiteY4" fmla="*/ 3086247 h 5281500"/>
                  <a:gd name="connsiteX5" fmla="*/ 3615705 w 3624967"/>
                  <a:gd name="connsiteY5" fmla="*/ 3660593 h 5281500"/>
                  <a:gd name="connsiteX6" fmla="*/ 2927335 w 3624967"/>
                  <a:gd name="connsiteY6" fmla="*/ 5281500 h 5281500"/>
                  <a:gd name="connsiteX7" fmla="*/ 1570860 w 3624967"/>
                  <a:gd name="connsiteY7" fmla="*/ 4974395 h 5281500"/>
                  <a:gd name="connsiteX8" fmla="*/ 1395923 w 3624967"/>
                  <a:gd name="connsiteY8" fmla="*/ 4267347 h 5281500"/>
                  <a:gd name="connsiteX9" fmla="*/ 570423 w 3624967"/>
                  <a:gd name="connsiteY9" fmla="*/ 4102247 h 5281500"/>
                  <a:gd name="connsiteX10" fmla="*/ 508511 w 3624967"/>
                  <a:gd name="connsiteY10" fmla="*/ 3691087 h 5281500"/>
                  <a:gd name="connsiteX11" fmla="*/ 360873 w 3624967"/>
                  <a:gd name="connsiteY11" fmla="*/ 3433912 h 5281500"/>
                  <a:gd name="connsiteX12" fmla="*/ 279911 w 3624967"/>
                  <a:gd name="connsiteY12" fmla="*/ 3305324 h 5281500"/>
                  <a:gd name="connsiteX13" fmla="*/ 284673 w 3624967"/>
                  <a:gd name="connsiteY13" fmla="*/ 3091012 h 5281500"/>
                  <a:gd name="connsiteX14" fmla="*/ 13479 w 3624967"/>
                  <a:gd name="connsiteY14" fmla="*/ 2866502 h 5281500"/>
                  <a:gd name="connsiteX15" fmla="*/ 125923 w 3624967"/>
                  <a:gd name="connsiteY15" fmla="*/ 1943249 h 5281500"/>
                  <a:gd name="connsiteX16" fmla="*/ 354523 w 3624967"/>
                  <a:gd name="connsiteY16" fmla="*/ 1105049 h 52815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</a:cxnLst>
                <a:rect l="l" t="t" r="r" b="b"/>
                <a:pathLst>
                  <a:path w="3624967" h="5281500">
                    <a:moveTo>
                      <a:pt x="354523" y="1105049"/>
                    </a:moveTo>
                    <a:cubicBezTo>
                      <a:pt x="331240" y="895499"/>
                      <a:pt x="200006" y="730399"/>
                      <a:pt x="424373" y="336699"/>
                    </a:cubicBezTo>
                    <a:cubicBezTo>
                      <a:pt x="1002670" y="-331602"/>
                      <a:pt x="2531489" y="132970"/>
                      <a:pt x="3078036" y="544169"/>
                    </a:cubicBezTo>
                    <a:cubicBezTo>
                      <a:pt x="3623033" y="1122794"/>
                      <a:pt x="3532592" y="1875167"/>
                      <a:pt x="3554923" y="2298847"/>
                    </a:cubicBezTo>
                    <a:cubicBezTo>
                      <a:pt x="3577254" y="2722527"/>
                      <a:pt x="3228956" y="2840714"/>
                      <a:pt x="3212023" y="3086247"/>
                    </a:cubicBezTo>
                    <a:cubicBezTo>
                      <a:pt x="3187458" y="3313505"/>
                      <a:pt x="3590305" y="3601326"/>
                      <a:pt x="3615705" y="3660593"/>
                    </a:cubicBezTo>
                    <a:cubicBezTo>
                      <a:pt x="3305613" y="3815639"/>
                      <a:pt x="4172218" y="5136911"/>
                      <a:pt x="2927335" y="5281500"/>
                    </a:cubicBezTo>
                    <a:lnTo>
                      <a:pt x="1570860" y="4974395"/>
                    </a:lnTo>
                    <a:cubicBezTo>
                      <a:pt x="1515827" y="5018845"/>
                      <a:pt x="1546206" y="4296980"/>
                      <a:pt x="1395923" y="4267347"/>
                    </a:cubicBezTo>
                    <a:cubicBezTo>
                      <a:pt x="1194840" y="4186914"/>
                      <a:pt x="687573" y="4333630"/>
                      <a:pt x="570423" y="4102247"/>
                    </a:cubicBezTo>
                    <a:cubicBezTo>
                      <a:pt x="422521" y="3882378"/>
                      <a:pt x="587841" y="3881170"/>
                      <a:pt x="508511" y="3691087"/>
                    </a:cubicBezTo>
                    <a:cubicBezTo>
                      <a:pt x="454536" y="3573348"/>
                      <a:pt x="253672" y="3612618"/>
                      <a:pt x="360873" y="3433912"/>
                    </a:cubicBezTo>
                    <a:cubicBezTo>
                      <a:pt x="329123" y="3364062"/>
                      <a:pt x="292611" y="3362474"/>
                      <a:pt x="279911" y="3305324"/>
                    </a:cubicBezTo>
                    <a:cubicBezTo>
                      <a:pt x="267211" y="3248174"/>
                      <a:pt x="336222" y="3218918"/>
                      <a:pt x="284673" y="3091012"/>
                    </a:cubicBezTo>
                    <a:cubicBezTo>
                      <a:pt x="247412" y="3039306"/>
                      <a:pt x="-68322" y="2998511"/>
                      <a:pt x="13479" y="2866502"/>
                    </a:cubicBezTo>
                    <a:cubicBezTo>
                      <a:pt x="50960" y="2558751"/>
                      <a:pt x="317042" y="2403400"/>
                      <a:pt x="125923" y="1943249"/>
                    </a:cubicBezTo>
                    <a:cubicBezTo>
                      <a:pt x="75123" y="1771799"/>
                      <a:pt x="164023" y="1466999"/>
                      <a:pt x="354523" y="1105049"/>
                    </a:cubicBezTo>
                    <a:close/>
                  </a:path>
                </a:pathLst>
              </a:custGeom>
              <a:solidFill>
                <a:srgbClr val="ECC5AA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32" name="Rectangle 20"/>
              <p:cNvSpPr/>
              <p:nvPr/>
            </p:nvSpPr>
            <p:spPr>
              <a:xfrm>
                <a:off x="6098600" y="2197224"/>
                <a:ext cx="202775" cy="199241"/>
              </a:xfrm>
              <a:custGeom>
                <a:avLst/>
                <a:gdLst>
                  <a:gd name="connsiteX0" fmla="*/ 0 w 4649273"/>
                  <a:gd name="connsiteY0" fmla="*/ 0 h 5087155"/>
                  <a:gd name="connsiteX1" fmla="*/ 4649273 w 4649273"/>
                  <a:gd name="connsiteY1" fmla="*/ 0 h 5087155"/>
                  <a:gd name="connsiteX2" fmla="*/ 4649273 w 4649273"/>
                  <a:gd name="connsiteY2" fmla="*/ 5087155 h 5087155"/>
                  <a:gd name="connsiteX3" fmla="*/ 0 w 4649273"/>
                  <a:gd name="connsiteY3" fmla="*/ 5087155 h 5087155"/>
                  <a:gd name="connsiteX4" fmla="*/ 0 w 4649273"/>
                  <a:gd name="connsiteY4" fmla="*/ 0 h 5087155"/>
                  <a:gd name="connsiteX0" fmla="*/ 0 w 4649273"/>
                  <a:gd name="connsiteY0" fmla="*/ 0 h 5087155"/>
                  <a:gd name="connsiteX1" fmla="*/ 4649273 w 4649273"/>
                  <a:gd name="connsiteY1" fmla="*/ 0 h 5087155"/>
                  <a:gd name="connsiteX2" fmla="*/ 4649273 w 4649273"/>
                  <a:gd name="connsiteY2" fmla="*/ 5087155 h 5087155"/>
                  <a:gd name="connsiteX3" fmla="*/ 2050781 w 4649273"/>
                  <a:gd name="connsiteY3" fmla="*/ 5071950 h 5087155"/>
                  <a:gd name="connsiteX4" fmla="*/ 0 w 4649273"/>
                  <a:gd name="connsiteY4" fmla="*/ 5087155 h 5087155"/>
                  <a:gd name="connsiteX5" fmla="*/ 0 w 4649273"/>
                  <a:gd name="connsiteY5" fmla="*/ 0 h 5087155"/>
                  <a:gd name="connsiteX0" fmla="*/ 0 w 4649273"/>
                  <a:gd name="connsiteY0" fmla="*/ 0 h 5087155"/>
                  <a:gd name="connsiteX1" fmla="*/ 4649273 w 4649273"/>
                  <a:gd name="connsiteY1" fmla="*/ 0 h 5087155"/>
                  <a:gd name="connsiteX2" fmla="*/ 4649273 w 4649273"/>
                  <a:gd name="connsiteY2" fmla="*/ 5087155 h 5087155"/>
                  <a:gd name="connsiteX3" fmla="*/ 2050781 w 4649273"/>
                  <a:gd name="connsiteY3" fmla="*/ 4805250 h 5087155"/>
                  <a:gd name="connsiteX4" fmla="*/ 0 w 4649273"/>
                  <a:gd name="connsiteY4" fmla="*/ 5087155 h 5087155"/>
                  <a:gd name="connsiteX5" fmla="*/ 0 w 4649273"/>
                  <a:gd name="connsiteY5" fmla="*/ 0 h 5087155"/>
                  <a:gd name="connsiteX0" fmla="*/ 0 w 4649273"/>
                  <a:gd name="connsiteY0" fmla="*/ 0 h 5087155"/>
                  <a:gd name="connsiteX1" fmla="*/ 4649273 w 4649273"/>
                  <a:gd name="connsiteY1" fmla="*/ 0 h 5087155"/>
                  <a:gd name="connsiteX2" fmla="*/ 4649273 w 4649273"/>
                  <a:gd name="connsiteY2" fmla="*/ 5087155 h 5087155"/>
                  <a:gd name="connsiteX3" fmla="*/ 4247881 w 4649273"/>
                  <a:gd name="connsiteY3" fmla="*/ 5021150 h 5087155"/>
                  <a:gd name="connsiteX4" fmla="*/ 2050781 w 4649273"/>
                  <a:gd name="connsiteY4" fmla="*/ 4805250 h 5087155"/>
                  <a:gd name="connsiteX5" fmla="*/ 0 w 4649273"/>
                  <a:gd name="connsiteY5" fmla="*/ 5087155 h 5087155"/>
                  <a:gd name="connsiteX6" fmla="*/ 0 w 4649273"/>
                  <a:gd name="connsiteY6" fmla="*/ 0 h 5087155"/>
                  <a:gd name="connsiteX0" fmla="*/ 0 w 4649273"/>
                  <a:gd name="connsiteY0" fmla="*/ 0 h 5087155"/>
                  <a:gd name="connsiteX1" fmla="*/ 4649273 w 4649273"/>
                  <a:gd name="connsiteY1" fmla="*/ 0 h 5087155"/>
                  <a:gd name="connsiteX2" fmla="*/ 4649273 w 4649273"/>
                  <a:gd name="connsiteY2" fmla="*/ 5087155 h 5087155"/>
                  <a:gd name="connsiteX3" fmla="*/ 3739881 w 4649273"/>
                  <a:gd name="connsiteY3" fmla="*/ 3649550 h 5087155"/>
                  <a:gd name="connsiteX4" fmla="*/ 2050781 w 4649273"/>
                  <a:gd name="connsiteY4" fmla="*/ 4805250 h 5087155"/>
                  <a:gd name="connsiteX5" fmla="*/ 0 w 4649273"/>
                  <a:gd name="connsiteY5" fmla="*/ 5087155 h 5087155"/>
                  <a:gd name="connsiteX6" fmla="*/ 0 w 4649273"/>
                  <a:gd name="connsiteY6" fmla="*/ 0 h 5087155"/>
                  <a:gd name="connsiteX0" fmla="*/ 0 w 4649273"/>
                  <a:gd name="connsiteY0" fmla="*/ 0 h 5087155"/>
                  <a:gd name="connsiteX1" fmla="*/ 4649273 w 4649273"/>
                  <a:gd name="connsiteY1" fmla="*/ 0 h 5087155"/>
                  <a:gd name="connsiteX2" fmla="*/ 4649273 w 4649273"/>
                  <a:gd name="connsiteY2" fmla="*/ 5087155 h 5087155"/>
                  <a:gd name="connsiteX3" fmla="*/ 3739881 w 4649273"/>
                  <a:gd name="connsiteY3" fmla="*/ 3649550 h 5087155"/>
                  <a:gd name="connsiteX4" fmla="*/ 2901681 w 4649273"/>
                  <a:gd name="connsiteY4" fmla="*/ 4233750 h 5087155"/>
                  <a:gd name="connsiteX5" fmla="*/ 2050781 w 4649273"/>
                  <a:gd name="connsiteY5" fmla="*/ 4805250 h 5087155"/>
                  <a:gd name="connsiteX6" fmla="*/ 0 w 4649273"/>
                  <a:gd name="connsiteY6" fmla="*/ 5087155 h 5087155"/>
                  <a:gd name="connsiteX7" fmla="*/ 0 w 4649273"/>
                  <a:gd name="connsiteY7" fmla="*/ 0 h 5087155"/>
                  <a:gd name="connsiteX0" fmla="*/ 0 w 4649273"/>
                  <a:gd name="connsiteY0" fmla="*/ 0 h 5087155"/>
                  <a:gd name="connsiteX1" fmla="*/ 4649273 w 4649273"/>
                  <a:gd name="connsiteY1" fmla="*/ 0 h 5087155"/>
                  <a:gd name="connsiteX2" fmla="*/ 4649273 w 4649273"/>
                  <a:gd name="connsiteY2" fmla="*/ 5087155 h 5087155"/>
                  <a:gd name="connsiteX3" fmla="*/ 3739881 w 4649273"/>
                  <a:gd name="connsiteY3" fmla="*/ 3649550 h 5087155"/>
                  <a:gd name="connsiteX4" fmla="*/ 2800081 w 4649273"/>
                  <a:gd name="connsiteY4" fmla="*/ 4081350 h 5087155"/>
                  <a:gd name="connsiteX5" fmla="*/ 2050781 w 4649273"/>
                  <a:gd name="connsiteY5" fmla="*/ 4805250 h 5087155"/>
                  <a:gd name="connsiteX6" fmla="*/ 0 w 4649273"/>
                  <a:gd name="connsiteY6" fmla="*/ 5087155 h 5087155"/>
                  <a:gd name="connsiteX7" fmla="*/ 0 w 4649273"/>
                  <a:gd name="connsiteY7" fmla="*/ 0 h 5087155"/>
                  <a:gd name="connsiteX0" fmla="*/ 0 w 4654281"/>
                  <a:gd name="connsiteY0" fmla="*/ 0 h 5087155"/>
                  <a:gd name="connsiteX1" fmla="*/ 4649273 w 4654281"/>
                  <a:gd name="connsiteY1" fmla="*/ 0 h 5087155"/>
                  <a:gd name="connsiteX2" fmla="*/ 4654281 w 4654281"/>
                  <a:gd name="connsiteY2" fmla="*/ 3306650 h 5087155"/>
                  <a:gd name="connsiteX3" fmla="*/ 4649273 w 4654281"/>
                  <a:gd name="connsiteY3" fmla="*/ 5087155 h 5087155"/>
                  <a:gd name="connsiteX4" fmla="*/ 3739881 w 4654281"/>
                  <a:gd name="connsiteY4" fmla="*/ 3649550 h 5087155"/>
                  <a:gd name="connsiteX5" fmla="*/ 2800081 w 4654281"/>
                  <a:gd name="connsiteY5" fmla="*/ 4081350 h 5087155"/>
                  <a:gd name="connsiteX6" fmla="*/ 2050781 w 4654281"/>
                  <a:gd name="connsiteY6" fmla="*/ 4805250 h 5087155"/>
                  <a:gd name="connsiteX7" fmla="*/ 0 w 4654281"/>
                  <a:gd name="connsiteY7" fmla="*/ 5087155 h 5087155"/>
                  <a:gd name="connsiteX8" fmla="*/ 0 w 4654281"/>
                  <a:gd name="connsiteY8" fmla="*/ 0 h 5087155"/>
                  <a:gd name="connsiteX0" fmla="*/ 0 w 4649275"/>
                  <a:gd name="connsiteY0" fmla="*/ 0 h 5087155"/>
                  <a:gd name="connsiteX1" fmla="*/ 4649273 w 4649275"/>
                  <a:gd name="connsiteY1" fmla="*/ 0 h 5087155"/>
                  <a:gd name="connsiteX2" fmla="*/ 3638281 w 4649275"/>
                  <a:gd name="connsiteY2" fmla="*/ 3268550 h 5087155"/>
                  <a:gd name="connsiteX3" fmla="*/ 4649273 w 4649275"/>
                  <a:gd name="connsiteY3" fmla="*/ 5087155 h 5087155"/>
                  <a:gd name="connsiteX4" fmla="*/ 3739881 w 4649275"/>
                  <a:gd name="connsiteY4" fmla="*/ 3649550 h 5087155"/>
                  <a:gd name="connsiteX5" fmla="*/ 2800081 w 4649275"/>
                  <a:gd name="connsiteY5" fmla="*/ 4081350 h 5087155"/>
                  <a:gd name="connsiteX6" fmla="*/ 2050781 w 4649275"/>
                  <a:gd name="connsiteY6" fmla="*/ 4805250 h 5087155"/>
                  <a:gd name="connsiteX7" fmla="*/ 0 w 4649275"/>
                  <a:gd name="connsiteY7" fmla="*/ 5087155 h 5087155"/>
                  <a:gd name="connsiteX8" fmla="*/ 0 w 4649275"/>
                  <a:gd name="connsiteY8" fmla="*/ 0 h 5087155"/>
                  <a:gd name="connsiteX0" fmla="*/ 0 w 4649275"/>
                  <a:gd name="connsiteY0" fmla="*/ 0 h 5087155"/>
                  <a:gd name="connsiteX1" fmla="*/ 4649273 w 4649275"/>
                  <a:gd name="connsiteY1" fmla="*/ 0 h 5087155"/>
                  <a:gd name="connsiteX2" fmla="*/ 3638281 w 4649275"/>
                  <a:gd name="connsiteY2" fmla="*/ 3268550 h 5087155"/>
                  <a:gd name="connsiteX3" fmla="*/ 3739881 w 4649275"/>
                  <a:gd name="connsiteY3" fmla="*/ 3649550 h 5087155"/>
                  <a:gd name="connsiteX4" fmla="*/ 2800081 w 4649275"/>
                  <a:gd name="connsiteY4" fmla="*/ 4081350 h 5087155"/>
                  <a:gd name="connsiteX5" fmla="*/ 2050781 w 4649275"/>
                  <a:gd name="connsiteY5" fmla="*/ 4805250 h 5087155"/>
                  <a:gd name="connsiteX6" fmla="*/ 0 w 4649275"/>
                  <a:gd name="connsiteY6" fmla="*/ 5087155 h 5087155"/>
                  <a:gd name="connsiteX7" fmla="*/ 0 w 4649275"/>
                  <a:gd name="connsiteY7" fmla="*/ 0 h 5087155"/>
                  <a:gd name="connsiteX0" fmla="*/ 0 w 4649275"/>
                  <a:gd name="connsiteY0" fmla="*/ 0 h 5087155"/>
                  <a:gd name="connsiteX1" fmla="*/ 4649273 w 4649275"/>
                  <a:gd name="connsiteY1" fmla="*/ 0 h 5087155"/>
                  <a:gd name="connsiteX2" fmla="*/ 3612881 w 4649275"/>
                  <a:gd name="connsiteY2" fmla="*/ 3154250 h 5087155"/>
                  <a:gd name="connsiteX3" fmla="*/ 3739881 w 4649275"/>
                  <a:gd name="connsiteY3" fmla="*/ 3649550 h 5087155"/>
                  <a:gd name="connsiteX4" fmla="*/ 2800081 w 4649275"/>
                  <a:gd name="connsiteY4" fmla="*/ 4081350 h 5087155"/>
                  <a:gd name="connsiteX5" fmla="*/ 2050781 w 4649275"/>
                  <a:gd name="connsiteY5" fmla="*/ 4805250 h 5087155"/>
                  <a:gd name="connsiteX6" fmla="*/ 0 w 4649275"/>
                  <a:gd name="connsiteY6" fmla="*/ 5087155 h 5087155"/>
                  <a:gd name="connsiteX7" fmla="*/ 0 w 4649275"/>
                  <a:gd name="connsiteY7" fmla="*/ 0 h 5087155"/>
                  <a:gd name="connsiteX0" fmla="*/ 0 w 4649275"/>
                  <a:gd name="connsiteY0" fmla="*/ 0 h 5087155"/>
                  <a:gd name="connsiteX1" fmla="*/ 4649273 w 4649275"/>
                  <a:gd name="connsiteY1" fmla="*/ 0 h 5087155"/>
                  <a:gd name="connsiteX2" fmla="*/ 3612881 w 4649275"/>
                  <a:gd name="connsiteY2" fmla="*/ 3154250 h 5087155"/>
                  <a:gd name="connsiteX3" fmla="*/ 3739881 w 4649275"/>
                  <a:gd name="connsiteY3" fmla="*/ 3649550 h 5087155"/>
                  <a:gd name="connsiteX4" fmla="*/ 2800081 w 4649275"/>
                  <a:gd name="connsiteY4" fmla="*/ 4081350 h 5087155"/>
                  <a:gd name="connsiteX5" fmla="*/ 2050781 w 4649275"/>
                  <a:gd name="connsiteY5" fmla="*/ 4805250 h 5087155"/>
                  <a:gd name="connsiteX6" fmla="*/ 0 w 4649275"/>
                  <a:gd name="connsiteY6" fmla="*/ 5087155 h 5087155"/>
                  <a:gd name="connsiteX7" fmla="*/ 0 w 4649275"/>
                  <a:gd name="connsiteY7" fmla="*/ 0 h 5087155"/>
                  <a:gd name="connsiteX0" fmla="*/ 0 w 4649275"/>
                  <a:gd name="connsiteY0" fmla="*/ 0 h 5087155"/>
                  <a:gd name="connsiteX1" fmla="*/ 4649273 w 4649275"/>
                  <a:gd name="connsiteY1" fmla="*/ 0 h 5087155"/>
                  <a:gd name="connsiteX2" fmla="*/ 3612881 w 4649275"/>
                  <a:gd name="connsiteY2" fmla="*/ 3154250 h 5087155"/>
                  <a:gd name="connsiteX3" fmla="*/ 3739881 w 4649275"/>
                  <a:gd name="connsiteY3" fmla="*/ 3649550 h 5087155"/>
                  <a:gd name="connsiteX4" fmla="*/ 2800081 w 4649275"/>
                  <a:gd name="connsiteY4" fmla="*/ 4081350 h 5087155"/>
                  <a:gd name="connsiteX5" fmla="*/ 2050781 w 4649275"/>
                  <a:gd name="connsiteY5" fmla="*/ 4805250 h 5087155"/>
                  <a:gd name="connsiteX6" fmla="*/ 0 w 4649275"/>
                  <a:gd name="connsiteY6" fmla="*/ 5087155 h 5087155"/>
                  <a:gd name="connsiteX7" fmla="*/ 0 w 4649275"/>
                  <a:gd name="connsiteY7" fmla="*/ 0 h 5087155"/>
                  <a:gd name="connsiteX0" fmla="*/ 0 w 4827715"/>
                  <a:gd name="connsiteY0" fmla="*/ 0 h 5087155"/>
                  <a:gd name="connsiteX1" fmla="*/ 4649273 w 4827715"/>
                  <a:gd name="connsiteY1" fmla="*/ 0 h 5087155"/>
                  <a:gd name="connsiteX2" fmla="*/ 3841481 w 4827715"/>
                  <a:gd name="connsiteY2" fmla="*/ 2176350 h 5087155"/>
                  <a:gd name="connsiteX3" fmla="*/ 3612881 w 4827715"/>
                  <a:gd name="connsiteY3" fmla="*/ 3154250 h 5087155"/>
                  <a:gd name="connsiteX4" fmla="*/ 3739881 w 4827715"/>
                  <a:gd name="connsiteY4" fmla="*/ 3649550 h 5087155"/>
                  <a:gd name="connsiteX5" fmla="*/ 2800081 w 4827715"/>
                  <a:gd name="connsiteY5" fmla="*/ 4081350 h 5087155"/>
                  <a:gd name="connsiteX6" fmla="*/ 2050781 w 4827715"/>
                  <a:gd name="connsiteY6" fmla="*/ 4805250 h 5087155"/>
                  <a:gd name="connsiteX7" fmla="*/ 0 w 4827715"/>
                  <a:gd name="connsiteY7" fmla="*/ 5087155 h 5087155"/>
                  <a:gd name="connsiteX8" fmla="*/ 0 w 4827715"/>
                  <a:gd name="connsiteY8" fmla="*/ 0 h 5087155"/>
                  <a:gd name="connsiteX0" fmla="*/ 0 w 4840184"/>
                  <a:gd name="connsiteY0" fmla="*/ 0 h 5087155"/>
                  <a:gd name="connsiteX1" fmla="*/ 4649273 w 4840184"/>
                  <a:gd name="connsiteY1" fmla="*/ 0 h 5087155"/>
                  <a:gd name="connsiteX2" fmla="*/ 3955781 w 4840184"/>
                  <a:gd name="connsiteY2" fmla="*/ 2366850 h 5087155"/>
                  <a:gd name="connsiteX3" fmla="*/ 3612881 w 4840184"/>
                  <a:gd name="connsiteY3" fmla="*/ 3154250 h 5087155"/>
                  <a:gd name="connsiteX4" fmla="*/ 3739881 w 4840184"/>
                  <a:gd name="connsiteY4" fmla="*/ 3649550 h 5087155"/>
                  <a:gd name="connsiteX5" fmla="*/ 2800081 w 4840184"/>
                  <a:gd name="connsiteY5" fmla="*/ 4081350 h 5087155"/>
                  <a:gd name="connsiteX6" fmla="*/ 2050781 w 4840184"/>
                  <a:gd name="connsiteY6" fmla="*/ 4805250 h 5087155"/>
                  <a:gd name="connsiteX7" fmla="*/ 0 w 4840184"/>
                  <a:gd name="connsiteY7" fmla="*/ 5087155 h 5087155"/>
                  <a:gd name="connsiteX8" fmla="*/ 0 w 4840184"/>
                  <a:gd name="connsiteY8" fmla="*/ 0 h 5087155"/>
                  <a:gd name="connsiteX0" fmla="*/ 0 w 4048435"/>
                  <a:gd name="connsiteY0" fmla="*/ 0 h 5087155"/>
                  <a:gd name="connsiteX1" fmla="*/ 3468173 w 4048435"/>
                  <a:gd name="connsiteY1" fmla="*/ 558800 h 5087155"/>
                  <a:gd name="connsiteX2" fmla="*/ 3955781 w 4048435"/>
                  <a:gd name="connsiteY2" fmla="*/ 2366850 h 5087155"/>
                  <a:gd name="connsiteX3" fmla="*/ 3612881 w 4048435"/>
                  <a:gd name="connsiteY3" fmla="*/ 3154250 h 5087155"/>
                  <a:gd name="connsiteX4" fmla="*/ 3739881 w 4048435"/>
                  <a:gd name="connsiteY4" fmla="*/ 3649550 h 5087155"/>
                  <a:gd name="connsiteX5" fmla="*/ 2800081 w 4048435"/>
                  <a:gd name="connsiteY5" fmla="*/ 4081350 h 5087155"/>
                  <a:gd name="connsiteX6" fmla="*/ 2050781 w 4048435"/>
                  <a:gd name="connsiteY6" fmla="*/ 4805250 h 5087155"/>
                  <a:gd name="connsiteX7" fmla="*/ 0 w 4048435"/>
                  <a:gd name="connsiteY7" fmla="*/ 5087155 h 5087155"/>
                  <a:gd name="connsiteX8" fmla="*/ 0 w 4048435"/>
                  <a:gd name="connsiteY8" fmla="*/ 0 h 5087155"/>
                  <a:gd name="connsiteX0" fmla="*/ 0 w 4048435"/>
                  <a:gd name="connsiteY0" fmla="*/ 0 h 5087155"/>
                  <a:gd name="connsiteX1" fmla="*/ 3468173 w 4048435"/>
                  <a:gd name="connsiteY1" fmla="*/ 558800 h 5087155"/>
                  <a:gd name="connsiteX2" fmla="*/ 3955781 w 4048435"/>
                  <a:gd name="connsiteY2" fmla="*/ 2366850 h 5087155"/>
                  <a:gd name="connsiteX3" fmla="*/ 3612881 w 4048435"/>
                  <a:gd name="connsiteY3" fmla="*/ 3154250 h 5087155"/>
                  <a:gd name="connsiteX4" fmla="*/ 3739881 w 4048435"/>
                  <a:gd name="connsiteY4" fmla="*/ 3649550 h 5087155"/>
                  <a:gd name="connsiteX5" fmla="*/ 2800081 w 4048435"/>
                  <a:gd name="connsiteY5" fmla="*/ 4081350 h 5087155"/>
                  <a:gd name="connsiteX6" fmla="*/ 2050781 w 4048435"/>
                  <a:gd name="connsiteY6" fmla="*/ 4805250 h 5087155"/>
                  <a:gd name="connsiteX7" fmla="*/ 0 w 4048435"/>
                  <a:gd name="connsiteY7" fmla="*/ 5087155 h 5087155"/>
                  <a:gd name="connsiteX8" fmla="*/ 0 w 4048435"/>
                  <a:gd name="connsiteY8" fmla="*/ 0 h 5087155"/>
                  <a:gd name="connsiteX0" fmla="*/ 0 w 4031100"/>
                  <a:gd name="connsiteY0" fmla="*/ 0 h 5087155"/>
                  <a:gd name="connsiteX1" fmla="*/ 3468173 w 4031100"/>
                  <a:gd name="connsiteY1" fmla="*/ 558800 h 5087155"/>
                  <a:gd name="connsiteX2" fmla="*/ 3955781 w 4031100"/>
                  <a:gd name="connsiteY2" fmla="*/ 2366850 h 5087155"/>
                  <a:gd name="connsiteX3" fmla="*/ 3612881 w 4031100"/>
                  <a:gd name="connsiteY3" fmla="*/ 3154250 h 5087155"/>
                  <a:gd name="connsiteX4" fmla="*/ 3739881 w 4031100"/>
                  <a:gd name="connsiteY4" fmla="*/ 3649550 h 5087155"/>
                  <a:gd name="connsiteX5" fmla="*/ 2800081 w 4031100"/>
                  <a:gd name="connsiteY5" fmla="*/ 4081350 h 5087155"/>
                  <a:gd name="connsiteX6" fmla="*/ 2050781 w 4031100"/>
                  <a:gd name="connsiteY6" fmla="*/ 4805250 h 5087155"/>
                  <a:gd name="connsiteX7" fmla="*/ 0 w 4031100"/>
                  <a:gd name="connsiteY7" fmla="*/ 5087155 h 5087155"/>
                  <a:gd name="connsiteX8" fmla="*/ 0 w 4031100"/>
                  <a:gd name="connsiteY8" fmla="*/ 0 h 5087155"/>
                  <a:gd name="connsiteX0" fmla="*/ 0 w 4031100"/>
                  <a:gd name="connsiteY0" fmla="*/ 0 h 4805250"/>
                  <a:gd name="connsiteX1" fmla="*/ 3468173 w 4031100"/>
                  <a:gd name="connsiteY1" fmla="*/ 558800 h 4805250"/>
                  <a:gd name="connsiteX2" fmla="*/ 3955781 w 4031100"/>
                  <a:gd name="connsiteY2" fmla="*/ 2366850 h 4805250"/>
                  <a:gd name="connsiteX3" fmla="*/ 3612881 w 4031100"/>
                  <a:gd name="connsiteY3" fmla="*/ 3154250 h 4805250"/>
                  <a:gd name="connsiteX4" fmla="*/ 3739881 w 4031100"/>
                  <a:gd name="connsiteY4" fmla="*/ 3649550 h 4805250"/>
                  <a:gd name="connsiteX5" fmla="*/ 2800081 w 4031100"/>
                  <a:gd name="connsiteY5" fmla="*/ 4081350 h 4805250"/>
                  <a:gd name="connsiteX6" fmla="*/ 2050781 w 4031100"/>
                  <a:gd name="connsiteY6" fmla="*/ 4805250 h 4805250"/>
                  <a:gd name="connsiteX7" fmla="*/ 723900 w 4031100"/>
                  <a:gd name="connsiteY7" fmla="*/ 3817155 h 4805250"/>
                  <a:gd name="connsiteX8" fmla="*/ 0 w 4031100"/>
                  <a:gd name="connsiteY8" fmla="*/ 0 h 4805250"/>
                  <a:gd name="connsiteX0" fmla="*/ 0 w 4031100"/>
                  <a:gd name="connsiteY0" fmla="*/ 0 h 4805250"/>
                  <a:gd name="connsiteX1" fmla="*/ 3468173 w 4031100"/>
                  <a:gd name="connsiteY1" fmla="*/ 558800 h 4805250"/>
                  <a:gd name="connsiteX2" fmla="*/ 3955781 w 4031100"/>
                  <a:gd name="connsiteY2" fmla="*/ 2366850 h 4805250"/>
                  <a:gd name="connsiteX3" fmla="*/ 3612881 w 4031100"/>
                  <a:gd name="connsiteY3" fmla="*/ 3154250 h 4805250"/>
                  <a:gd name="connsiteX4" fmla="*/ 3739881 w 4031100"/>
                  <a:gd name="connsiteY4" fmla="*/ 3649550 h 4805250"/>
                  <a:gd name="connsiteX5" fmla="*/ 2800081 w 4031100"/>
                  <a:gd name="connsiteY5" fmla="*/ 4081350 h 4805250"/>
                  <a:gd name="connsiteX6" fmla="*/ 2050781 w 4031100"/>
                  <a:gd name="connsiteY6" fmla="*/ 4805250 h 4805250"/>
                  <a:gd name="connsiteX7" fmla="*/ 1377681 w 4031100"/>
                  <a:gd name="connsiteY7" fmla="*/ 4271850 h 4805250"/>
                  <a:gd name="connsiteX8" fmla="*/ 723900 w 4031100"/>
                  <a:gd name="connsiteY8" fmla="*/ 3817155 h 4805250"/>
                  <a:gd name="connsiteX9" fmla="*/ 0 w 4031100"/>
                  <a:gd name="connsiteY9" fmla="*/ 0 h 4805250"/>
                  <a:gd name="connsiteX0" fmla="*/ 0 w 4031100"/>
                  <a:gd name="connsiteY0" fmla="*/ 0 h 4805250"/>
                  <a:gd name="connsiteX1" fmla="*/ 3468173 w 4031100"/>
                  <a:gd name="connsiteY1" fmla="*/ 558800 h 4805250"/>
                  <a:gd name="connsiteX2" fmla="*/ 3955781 w 4031100"/>
                  <a:gd name="connsiteY2" fmla="*/ 2366850 h 4805250"/>
                  <a:gd name="connsiteX3" fmla="*/ 3612881 w 4031100"/>
                  <a:gd name="connsiteY3" fmla="*/ 3154250 h 4805250"/>
                  <a:gd name="connsiteX4" fmla="*/ 3739881 w 4031100"/>
                  <a:gd name="connsiteY4" fmla="*/ 3649550 h 4805250"/>
                  <a:gd name="connsiteX5" fmla="*/ 2800081 w 4031100"/>
                  <a:gd name="connsiteY5" fmla="*/ 4081350 h 4805250"/>
                  <a:gd name="connsiteX6" fmla="*/ 2050781 w 4031100"/>
                  <a:gd name="connsiteY6" fmla="*/ 4805250 h 4805250"/>
                  <a:gd name="connsiteX7" fmla="*/ 844281 w 4031100"/>
                  <a:gd name="connsiteY7" fmla="*/ 4322650 h 4805250"/>
                  <a:gd name="connsiteX8" fmla="*/ 723900 w 4031100"/>
                  <a:gd name="connsiteY8" fmla="*/ 3817155 h 4805250"/>
                  <a:gd name="connsiteX9" fmla="*/ 0 w 4031100"/>
                  <a:gd name="connsiteY9" fmla="*/ 0 h 4805250"/>
                  <a:gd name="connsiteX0" fmla="*/ 0 w 4031100"/>
                  <a:gd name="connsiteY0" fmla="*/ 0 h 4805250"/>
                  <a:gd name="connsiteX1" fmla="*/ 3468173 w 4031100"/>
                  <a:gd name="connsiteY1" fmla="*/ 558800 h 4805250"/>
                  <a:gd name="connsiteX2" fmla="*/ 3955781 w 4031100"/>
                  <a:gd name="connsiteY2" fmla="*/ 2366850 h 4805250"/>
                  <a:gd name="connsiteX3" fmla="*/ 3612881 w 4031100"/>
                  <a:gd name="connsiteY3" fmla="*/ 3154250 h 4805250"/>
                  <a:gd name="connsiteX4" fmla="*/ 3739881 w 4031100"/>
                  <a:gd name="connsiteY4" fmla="*/ 3649550 h 4805250"/>
                  <a:gd name="connsiteX5" fmla="*/ 2800081 w 4031100"/>
                  <a:gd name="connsiteY5" fmla="*/ 4081350 h 4805250"/>
                  <a:gd name="connsiteX6" fmla="*/ 2050781 w 4031100"/>
                  <a:gd name="connsiteY6" fmla="*/ 4805250 h 4805250"/>
                  <a:gd name="connsiteX7" fmla="*/ 844281 w 4031100"/>
                  <a:gd name="connsiteY7" fmla="*/ 4322650 h 4805250"/>
                  <a:gd name="connsiteX8" fmla="*/ 723900 w 4031100"/>
                  <a:gd name="connsiteY8" fmla="*/ 3817155 h 4805250"/>
                  <a:gd name="connsiteX9" fmla="*/ 0 w 4031100"/>
                  <a:gd name="connsiteY9" fmla="*/ 0 h 4805250"/>
                  <a:gd name="connsiteX0" fmla="*/ 0 w 4031100"/>
                  <a:gd name="connsiteY0" fmla="*/ 0 h 4815880"/>
                  <a:gd name="connsiteX1" fmla="*/ 3468173 w 4031100"/>
                  <a:gd name="connsiteY1" fmla="*/ 558800 h 4815880"/>
                  <a:gd name="connsiteX2" fmla="*/ 3955781 w 4031100"/>
                  <a:gd name="connsiteY2" fmla="*/ 2366850 h 4815880"/>
                  <a:gd name="connsiteX3" fmla="*/ 3612881 w 4031100"/>
                  <a:gd name="connsiteY3" fmla="*/ 3154250 h 4815880"/>
                  <a:gd name="connsiteX4" fmla="*/ 3739881 w 4031100"/>
                  <a:gd name="connsiteY4" fmla="*/ 3649550 h 4815880"/>
                  <a:gd name="connsiteX5" fmla="*/ 2800081 w 4031100"/>
                  <a:gd name="connsiteY5" fmla="*/ 4081350 h 4815880"/>
                  <a:gd name="connsiteX6" fmla="*/ 2050781 w 4031100"/>
                  <a:gd name="connsiteY6" fmla="*/ 4805250 h 4815880"/>
                  <a:gd name="connsiteX7" fmla="*/ 1707881 w 4031100"/>
                  <a:gd name="connsiteY7" fmla="*/ 4500450 h 4815880"/>
                  <a:gd name="connsiteX8" fmla="*/ 844281 w 4031100"/>
                  <a:gd name="connsiteY8" fmla="*/ 4322650 h 4815880"/>
                  <a:gd name="connsiteX9" fmla="*/ 723900 w 4031100"/>
                  <a:gd name="connsiteY9" fmla="*/ 3817155 h 4815880"/>
                  <a:gd name="connsiteX10" fmla="*/ 0 w 4031100"/>
                  <a:gd name="connsiteY10" fmla="*/ 0 h 4815880"/>
                  <a:gd name="connsiteX0" fmla="*/ 0 w 4031100"/>
                  <a:gd name="connsiteY0" fmla="*/ 0 h 4813031"/>
                  <a:gd name="connsiteX1" fmla="*/ 3468173 w 4031100"/>
                  <a:gd name="connsiteY1" fmla="*/ 558800 h 4813031"/>
                  <a:gd name="connsiteX2" fmla="*/ 3955781 w 4031100"/>
                  <a:gd name="connsiteY2" fmla="*/ 2366850 h 4813031"/>
                  <a:gd name="connsiteX3" fmla="*/ 3612881 w 4031100"/>
                  <a:gd name="connsiteY3" fmla="*/ 3154250 h 4813031"/>
                  <a:gd name="connsiteX4" fmla="*/ 3739881 w 4031100"/>
                  <a:gd name="connsiteY4" fmla="*/ 3649550 h 4813031"/>
                  <a:gd name="connsiteX5" fmla="*/ 2800081 w 4031100"/>
                  <a:gd name="connsiteY5" fmla="*/ 4081350 h 4813031"/>
                  <a:gd name="connsiteX6" fmla="*/ 2050781 w 4031100"/>
                  <a:gd name="connsiteY6" fmla="*/ 4805250 h 4813031"/>
                  <a:gd name="connsiteX7" fmla="*/ 1847581 w 4031100"/>
                  <a:gd name="connsiteY7" fmla="*/ 4373450 h 4813031"/>
                  <a:gd name="connsiteX8" fmla="*/ 844281 w 4031100"/>
                  <a:gd name="connsiteY8" fmla="*/ 4322650 h 4813031"/>
                  <a:gd name="connsiteX9" fmla="*/ 723900 w 4031100"/>
                  <a:gd name="connsiteY9" fmla="*/ 3817155 h 4813031"/>
                  <a:gd name="connsiteX10" fmla="*/ 0 w 4031100"/>
                  <a:gd name="connsiteY10" fmla="*/ 0 h 4813031"/>
                  <a:gd name="connsiteX0" fmla="*/ 0 w 4031100"/>
                  <a:gd name="connsiteY0" fmla="*/ 0 h 4808719"/>
                  <a:gd name="connsiteX1" fmla="*/ 3468173 w 4031100"/>
                  <a:gd name="connsiteY1" fmla="*/ 558800 h 4808719"/>
                  <a:gd name="connsiteX2" fmla="*/ 3955781 w 4031100"/>
                  <a:gd name="connsiteY2" fmla="*/ 2366850 h 4808719"/>
                  <a:gd name="connsiteX3" fmla="*/ 3612881 w 4031100"/>
                  <a:gd name="connsiteY3" fmla="*/ 3154250 h 4808719"/>
                  <a:gd name="connsiteX4" fmla="*/ 3739881 w 4031100"/>
                  <a:gd name="connsiteY4" fmla="*/ 3649550 h 4808719"/>
                  <a:gd name="connsiteX5" fmla="*/ 2800081 w 4031100"/>
                  <a:gd name="connsiteY5" fmla="*/ 4081350 h 4808719"/>
                  <a:gd name="connsiteX6" fmla="*/ 2050781 w 4031100"/>
                  <a:gd name="connsiteY6" fmla="*/ 4805250 h 4808719"/>
                  <a:gd name="connsiteX7" fmla="*/ 1847581 w 4031100"/>
                  <a:gd name="connsiteY7" fmla="*/ 4373450 h 4808719"/>
                  <a:gd name="connsiteX8" fmla="*/ 844281 w 4031100"/>
                  <a:gd name="connsiteY8" fmla="*/ 4322650 h 4808719"/>
                  <a:gd name="connsiteX9" fmla="*/ 723900 w 4031100"/>
                  <a:gd name="connsiteY9" fmla="*/ 3817155 h 4808719"/>
                  <a:gd name="connsiteX10" fmla="*/ 0 w 4031100"/>
                  <a:gd name="connsiteY10" fmla="*/ 0 h 4808719"/>
                  <a:gd name="connsiteX0" fmla="*/ 0 w 4031100"/>
                  <a:gd name="connsiteY0" fmla="*/ 0 h 4808719"/>
                  <a:gd name="connsiteX1" fmla="*/ 3468173 w 4031100"/>
                  <a:gd name="connsiteY1" fmla="*/ 558800 h 4808719"/>
                  <a:gd name="connsiteX2" fmla="*/ 3955781 w 4031100"/>
                  <a:gd name="connsiteY2" fmla="*/ 2366850 h 4808719"/>
                  <a:gd name="connsiteX3" fmla="*/ 3612881 w 4031100"/>
                  <a:gd name="connsiteY3" fmla="*/ 3154250 h 4808719"/>
                  <a:gd name="connsiteX4" fmla="*/ 3739881 w 4031100"/>
                  <a:gd name="connsiteY4" fmla="*/ 3649550 h 4808719"/>
                  <a:gd name="connsiteX5" fmla="*/ 2800081 w 4031100"/>
                  <a:gd name="connsiteY5" fmla="*/ 4081350 h 4808719"/>
                  <a:gd name="connsiteX6" fmla="*/ 2050781 w 4031100"/>
                  <a:gd name="connsiteY6" fmla="*/ 4805250 h 4808719"/>
                  <a:gd name="connsiteX7" fmla="*/ 1847581 w 4031100"/>
                  <a:gd name="connsiteY7" fmla="*/ 4373450 h 4808719"/>
                  <a:gd name="connsiteX8" fmla="*/ 882381 w 4031100"/>
                  <a:gd name="connsiteY8" fmla="*/ 4157550 h 4808719"/>
                  <a:gd name="connsiteX9" fmla="*/ 723900 w 4031100"/>
                  <a:gd name="connsiteY9" fmla="*/ 3817155 h 4808719"/>
                  <a:gd name="connsiteX10" fmla="*/ 0 w 4031100"/>
                  <a:gd name="connsiteY10" fmla="*/ 0 h 4808719"/>
                  <a:gd name="connsiteX0" fmla="*/ 0 w 4031100"/>
                  <a:gd name="connsiteY0" fmla="*/ 0 h 4808436"/>
                  <a:gd name="connsiteX1" fmla="*/ 3468173 w 4031100"/>
                  <a:gd name="connsiteY1" fmla="*/ 558800 h 4808436"/>
                  <a:gd name="connsiteX2" fmla="*/ 3955781 w 4031100"/>
                  <a:gd name="connsiteY2" fmla="*/ 2366850 h 4808436"/>
                  <a:gd name="connsiteX3" fmla="*/ 3612881 w 4031100"/>
                  <a:gd name="connsiteY3" fmla="*/ 3154250 h 4808436"/>
                  <a:gd name="connsiteX4" fmla="*/ 3739881 w 4031100"/>
                  <a:gd name="connsiteY4" fmla="*/ 3649550 h 4808436"/>
                  <a:gd name="connsiteX5" fmla="*/ 2800081 w 4031100"/>
                  <a:gd name="connsiteY5" fmla="*/ 4081350 h 4808436"/>
                  <a:gd name="connsiteX6" fmla="*/ 2050781 w 4031100"/>
                  <a:gd name="connsiteY6" fmla="*/ 4805250 h 4808436"/>
                  <a:gd name="connsiteX7" fmla="*/ 1796781 w 4031100"/>
                  <a:gd name="connsiteY7" fmla="*/ 4335350 h 4808436"/>
                  <a:gd name="connsiteX8" fmla="*/ 882381 w 4031100"/>
                  <a:gd name="connsiteY8" fmla="*/ 4157550 h 4808436"/>
                  <a:gd name="connsiteX9" fmla="*/ 723900 w 4031100"/>
                  <a:gd name="connsiteY9" fmla="*/ 3817155 h 4808436"/>
                  <a:gd name="connsiteX10" fmla="*/ 0 w 4031100"/>
                  <a:gd name="connsiteY10" fmla="*/ 0 h 4808436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882381 w 4031100"/>
                  <a:gd name="connsiteY8" fmla="*/ 4157550 h 4808127"/>
                  <a:gd name="connsiteX9" fmla="*/ 723900 w 4031100"/>
                  <a:gd name="connsiteY9" fmla="*/ 3817155 h 4808127"/>
                  <a:gd name="connsiteX10" fmla="*/ 0 w 4031100"/>
                  <a:gd name="connsiteY10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882381 w 4031100"/>
                  <a:gd name="connsiteY8" fmla="*/ 4157550 h 4808127"/>
                  <a:gd name="connsiteX9" fmla="*/ 736600 w 4031100"/>
                  <a:gd name="connsiteY9" fmla="*/ 3448855 h 4808127"/>
                  <a:gd name="connsiteX10" fmla="*/ 0 w 4031100"/>
                  <a:gd name="connsiteY10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33181 w 4031100"/>
                  <a:gd name="connsiteY8" fmla="*/ 4119450 h 4808127"/>
                  <a:gd name="connsiteX9" fmla="*/ 736600 w 4031100"/>
                  <a:gd name="connsiteY9" fmla="*/ 3448855 h 4808127"/>
                  <a:gd name="connsiteX10" fmla="*/ 0 w 4031100"/>
                  <a:gd name="connsiteY10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33181 w 4031100"/>
                  <a:gd name="connsiteY8" fmla="*/ 4119450 h 4808127"/>
                  <a:gd name="connsiteX9" fmla="*/ 736600 w 4031100"/>
                  <a:gd name="connsiteY9" fmla="*/ 3448855 h 4808127"/>
                  <a:gd name="connsiteX10" fmla="*/ 0 w 4031100"/>
                  <a:gd name="connsiteY10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33181 w 4031100"/>
                  <a:gd name="connsiteY8" fmla="*/ 4119450 h 4808127"/>
                  <a:gd name="connsiteX9" fmla="*/ 495300 w 4031100"/>
                  <a:gd name="connsiteY9" fmla="*/ 3029755 h 4808127"/>
                  <a:gd name="connsiteX10" fmla="*/ 0 w 4031100"/>
                  <a:gd name="connsiteY10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495300 w 4031100"/>
                  <a:gd name="connsiteY9" fmla="*/ 3029755 h 4808127"/>
                  <a:gd name="connsiteX10" fmla="*/ 0 w 4031100"/>
                  <a:gd name="connsiteY10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495300 w 4031100"/>
                  <a:gd name="connsiteY9" fmla="*/ 3029755 h 4808127"/>
                  <a:gd name="connsiteX10" fmla="*/ 0 w 4031100"/>
                  <a:gd name="connsiteY10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823644 w 4031100"/>
                  <a:gd name="connsiteY9" fmla="*/ 3844815 h 4808127"/>
                  <a:gd name="connsiteX10" fmla="*/ 495300 w 4031100"/>
                  <a:gd name="connsiteY10" fmla="*/ 3029755 h 4808127"/>
                  <a:gd name="connsiteX11" fmla="*/ 0 w 4031100"/>
                  <a:gd name="connsiteY11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899844 w 4031100"/>
                  <a:gd name="connsiteY9" fmla="*/ 3768615 h 4808127"/>
                  <a:gd name="connsiteX10" fmla="*/ 495300 w 4031100"/>
                  <a:gd name="connsiteY10" fmla="*/ 3029755 h 4808127"/>
                  <a:gd name="connsiteX11" fmla="*/ 0 w 4031100"/>
                  <a:gd name="connsiteY11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899844 w 4031100"/>
                  <a:gd name="connsiteY9" fmla="*/ 3768615 h 4808127"/>
                  <a:gd name="connsiteX10" fmla="*/ 495300 w 4031100"/>
                  <a:gd name="connsiteY10" fmla="*/ 3029755 h 4808127"/>
                  <a:gd name="connsiteX11" fmla="*/ 0 w 4031100"/>
                  <a:gd name="connsiteY11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495300 w 4031100"/>
                  <a:gd name="connsiteY10" fmla="*/ 3029755 h 4808127"/>
                  <a:gd name="connsiteX11" fmla="*/ 0 w 4031100"/>
                  <a:gd name="connsiteY11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495300 w 4031100"/>
                  <a:gd name="connsiteY10" fmla="*/ 3029755 h 4808127"/>
                  <a:gd name="connsiteX11" fmla="*/ 0 w 4031100"/>
                  <a:gd name="connsiteY11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647431 w 4031100"/>
                  <a:gd name="connsiteY10" fmla="*/ 3463815 h 4808127"/>
                  <a:gd name="connsiteX11" fmla="*/ 495300 w 4031100"/>
                  <a:gd name="connsiteY11" fmla="*/ 3029755 h 4808127"/>
                  <a:gd name="connsiteX12" fmla="*/ 0 w 4031100"/>
                  <a:gd name="connsiteY12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495300 w 4031100"/>
                  <a:gd name="connsiteY11" fmla="*/ 3029755 h 4808127"/>
                  <a:gd name="connsiteX12" fmla="*/ 0 w 4031100"/>
                  <a:gd name="connsiteY12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495300 w 4031100"/>
                  <a:gd name="connsiteY11" fmla="*/ 3029755 h 4808127"/>
                  <a:gd name="connsiteX12" fmla="*/ 0 w 4031100"/>
                  <a:gd name="connsiteY12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537894 w 4031100"/>
                  <a:gd name="connsiteY11" fmla="*/ 3220927 h 4808127"/>
                  <a:gd name="connsiteX12" fmla="*/ 495300 w 4031100"/>
                  <a:gd name="connsiteY12" fmla="*/ 3029755 h 4808127"/>
                  <a:gd name="connsiteX13" fmla="*/ 0 w 4031100"/>
                  <a:gd name="connsiteY13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56956 w 4031100"/>
                  <a:gd name="connsiteY11" fmla="*/ 3206640 h 4808127"/>
                  <a:gd name="connsiteX12" fmla="*/ 495300 w 4031100"/>
                  <a:gd name="connsiteY12" fmla="*/ 3029755 h 4808127"/>
                  <a:gd name="connsiteX13" fmla="*/ 0 w 4031100"/>
                  <a:gd name="connsiteY13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85531 w 4031100"/>
                  <a:gd name="connsiteY11" fmla="*/ 3159015 h 4808127"/>
                  <a:gd name="connsiteX12" fmla="*/ 495300 w 4031100"/>
                  <a:gd name="connsiteY12" fmla="*/ 3029755 h 4808127"/>
                  <a:gd name="connsiteX13" fmla="*/ 0 w 4031100"/>
                  <a:gd name="connsiteY13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85531 w 4031100"/>
                  <a:gd name="connsiteY11" fmla="*/ 3159015 h 4808127"/>
                  <a:gd name="connsiteX12" fmla="*/ 495300 w 4031100"/>
                  <a:gd name="connsiteY12" fmla="*/ 3029755 h 4808127"/>
                  <a:gd name="connsiteX13" fmla="*/ 0 w 4031100"/>
                  <a:gd name="connsiteY13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718869 w 4031100"/>
                  <a:gd name="connsiteY11" fmla="*/ 3339990 h 4808127"/>
                  <a:gd name="connsiteX12" fmla="*/ 685531 w 4031100"/>
                  <a:gd name="connsiteY12" fmla="*/ 3159015 h 4808127"/>
                  <a:gd name="connsiteX13" fmla="*/ 495300 w 4031100"/>
                  <a:gd name="connsiteY13" fmla="*/ 3029755 h 4808127"/>
                  <a:gd name="connsiteX14" fmla="*/ 0 w 4031100"/>
                  <a:gd name="connsiteY14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0081 w 4031100"/>
                  <a:gd name="connsiteY5" fmla="*/ 4081350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71244 w 4031100"/>
                  <a:gd name="connsiteY11" fmla="*/ 3354277 h 4808127"/>
                  <a:gd name="connsiteX12" fmla="*/ 685531 w 4031100"/>
                  <a:gd name="connsiteY12" fmla="*/ 3159015 h 4808127"/>
                  <a:gd name="connsiteX13" fmla="*/ 495300 w 4031100"/>
                  <a:gd name="connsiteY13" fmla="*/ 3029755 h 4808127"/>
                  <a:gd name="connsiteX14" fmla="*/ 0 w 4031100"/>
                  <a:gd name="connsiteY14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9606 w 4031100"/>
                  <a:gd name="connsiteY5" fmla="*/ 4114687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71244 w 4031100"/>
                  <a:gd name="connsiteY11" fmla="*/ 3354277 h 4808127"/>
                  <a:gd name="connsiteX12" fmla="*/ 685531 w 4031100"/>
                  <a:gd name="connsiteY12" fmla="*/ 3159015 h 4808127"/>
                  <a:gd name="connsiteX13" fmla="*/ 495300 w 4031100"/>
                  <a:gd name="connsiteY13" fmla="*/ 3029755 h 4808127"/>
                  <a:gd name="connsiteX14" fmla="*/ 0 w 4031100"/>
                  <a:gd name="connsiteY14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09606 w 4031100"/>
                  <a:gd name="connsiteY5" fmla="*/ 4114687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71244 w 4031100"/>
                  <a:gd name="connsiteY11" fmla="*/ 3354277 h 4808127"/>
                  <a:gd name="connsiteX12" fmla="*/ 685531 w 4031100"/>
                  <a:gd name="connsiteY12" fmla="*/ 3159015 h 4808127"/>
                  <a:gd name="connsiteX13" fmla="*/ 495300 w 4031100"/>
                  <a:gd name="connsiteY13" fmla="*/ 3029755 h 4808127"/>
                  <a:gd name="connsiteX14" fmla="*/ 0 w 4031100"/>
                  <a:gd name="connsiteY14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14369 w 4031100"/>
                  <a:gd name="connsiteY5" fmla="*/ 4124212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71244 w 4031100"/>
                  <a:gd name="connsiteY11" fmla="*/ 3354277 h 4808127"/>
                  <a:gd name="connsiteX12" fmla="*/ 685531 w 4031100"/>
                  <a:gd name="connsiteY12" fmla="*/ 3159015 h 4808127"/>
                  <a:gd name="connsiteX13" fmla="*/ 495300 w 4031100"/>
                  <a:gd name="connsiteY13" fmla="*/ 3029755 h 4808127"/>
                  <a:gd name="connsiteX14" fmla="*/ 0 w 4031100"/>
                  <a:gd name="connsiteY14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14369 w 4031100"/>
                  <a:gd name="connsiteY5" fmla="*/ 4124212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71244 w 4031100"/>
                  <a:gd name="connsiteY11" fmla="*/ 3354277 h 4808127"/>
                  <a:gd name="connsiteX12" fmla="*/ 685531 w 4031100"/>
                  <a:gd name="connsiteY12" fmla="*/ 3159015 h 4808127"/>
                  <a:gd name="connsiteX13" fmla="*/ 495300 w 4031100"/>
                  <a:gd name="connsiteY13" fmla="*/ 3029755 h 4808127"/>
                  <a:gd name="connsiteX14" fmla="*/ 0 w 4031100"/>
                  <a:gd name="connsiteY14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14369 w 4031100"/>
                  <a:gd name="connsiteY5" fmla="*/ 4124212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80769 w 4031100"/>
                  <a:gd name="connsiteY11" fmla="*/ 3373327 h 4808127"/>
                  <a:gd name="connsiteX12" fmla="*/ 685531 w 4031100"/>
                  <a:gd name="connsiteY12" fmla="*/ 3159015 h 4808127"/>
                  <a:gd name="connsiteX13" fmla="*/ 495300 w 4031100"/>
                  <a:gd name="connsiteY13" fmla="*/ 3029755 h 4808127"/>
                  <a:gd name="connsiteX14" fmla="*/ 0 w 4031100"/>
                  <a:gd name="connsiteY14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14369 w 4031100"/>
                  <a:gd name="connsiteY5" fmla="*/ 4124212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80769 w 4031100"/>
                  <a:gd name="connsiteY11" fmla="*/ 3373327 h 4808127"/>
                  <a:gd name="connsiteX12" fmla="*/ 685531 w 4031100"/>
                  <a:gd name="connsiteY12" fmla="*/ 3159015 h 4808127"/>
                  <a:gd name="connsiteX13" fmla="*/ 414337 w 4031100"/>
                  <a:gd name="connsiteY13" fmla="*/ 2934505 h 4808127"/>
                  <a:gd name="connsiteX14" fmla="*/ 0 w 4031100"/>
                  <a:gd name="connsiteY14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14369 w 4031100"/>
                  <a:gd name="connsiteY5" fmla="*/ 4124212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80769 w 4031100"/>
                  <a:gd name="connsiteY11" fmla="*/ 3373327 h 4808127"/>
                  <a:gd name="connsiteX12" fmla="*/ 685531 w 4031100"/>
                  <a:gd name="connsiteY12" fmla="*/ 3159015 h 4808127"/>
                  <a:gd name="connsiteX13" fmla="*/ 414337 w 4031100"/>
                  <a:gd name="connsiteY13" fmla="*/ 2934505 h 4808127"/>
                  <a:gd name="connsiteX14" fmla="*/ 260081 w 4031100"/>
                  <a:gd name="connsiteY14" fmla="*/ 1903302 h 4808127"/>
                  <a:gd name="connsiteX15" fmla="*/ 0 w 4031100"/>
                  <a:gd name="connsiteY15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14369 w 4031100"/>
                  <a:gd name="connsiteY5" fmla="*/ 4124212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80769 w 4031100"/>
                  <a:gd name="connsiteY11" fmla="*/ 3373327 h 4808127"/>
                  <a:gd name="connsiteX12" fmla="*/ 685531 w 4031100"/>
                  <a:gd name="connsiteY12" fmla="*/ 3159015 h 4808127"/>
                  <a:gd name="connsiteX13" fmla="*/ 414337 w 4031100"/>
                  <a:gd name="connsiteY13" fmla="*/ 2934505 h 4808127"/>
                  <a:gd name="connsiteX14" fmla="*/ 526781 w 4031100"/>
                  <a:gd name="connsiteY14" fmla="*/ 2011252 h 4808127"/>
                  <a:gd name="connsiteX15" fmla="*/ 0 w 4031100"/>
                  <a:gd name="connsiteY15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14369 w 4031100"/>
                  <a:gd name="connsiteY5" fmla="*/ 4124212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80769 w 4031100"/>
                  <a:gd name="connsiteY11" fmla="*/ 3373327 h 4808127"/>
                  <a:gd name="connsiteX12" fmla="*/ 685531 w 4031100"/>
                  <a:gd name="connsiteY12" fmla="*/ 3159015 h 4808127"/>
                  <a:gd name="connsiteX13" fmla="*/ 414337 w 4031100"/>
                  <a:gd name="connsiteY13" fmla="*/ 2934505 h 4808127"/>
                  <a:gd name="connsiteX14" fmla="*/ 526781 w 4031100"/>
                  <a:gd name="connsiteY14" fmla="*/ 2011252 h 4808127"/>
                  <a:gd name="connsiteX15" fmla="*/ 0 w 4031100"/>
                  <a:gd name="connsiteY15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14369 w 4031100"/>
                  <a:gd name="connsiteY5" fmla="*/ 4124212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80769 w 4031100"/>
                  <a:gd name="connsiteY11" fmla="*/ 3373327 h 4808127"/>
                  <a:gd name="connsiteX12" fmla="*/ 685531 w 4031100"/>
                  <a:gd name="connsiteY12" fmla="*/ 3159015 h 4808127"/>
                  <a:gd name="connsiteX13" fmla="*/ 414337 w 4031100"/>
                  <a:gd name="connsiteY13" fmla="*/ 2934505 h 4808127"/>
                  <a:gd name="connsiteX14" fmla="*/ 526781 w 4031100"/>
                  <a:gd name="connsiteY14" fmla="*/ 2011252 h 4808127"/>
                  <a:gd name="connsiteX15" fmla="*/ 336281 w 4031100"/>
                  <a:gd name="connsiteY15" fmla="*/ 1293702 h 4808127"/>
                  <a:gd name="connsiteX16" fmla="*/ 0 w 4031100"/>
                  <a:gd name="connsiteY16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14369 w 4031100"/>
                  <a:gd name="connsiteY5" fmla="*/ 4124212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80769 w 4031100"/>
                  <a:gd name="connsiteY11" fmla="*/ 3373327 h 4808127"/>
                  <a:gd name="connsiteX12" fmla="*/ 685531 w 4031100"/>
                  <a:gd name="connsiteY12" fmla="*/ 3159015 h 4808127"/>
                  <a:gd name="connsiteX13" fmla="*/ 414337 w 4031100"/>
                  <a:gd name="connsiteY13" fmla="*/ 2934505 h 4808127"/>
                  <a:gd name="connsiteX14" fmla="*/ 526781 w 4031100"/>
                  <a:gd name="connsiteY14" fmla="*/ 2011252 h 4808127"/>
                  <a:gd name="connsiteX15" fmla="*/ 755381 w 4031100"/>
                  <a:gd name="connsiteY15" fmla="*/ 1173052 h 4808127"/>
                  <a:gd name="connsiteX16" fmla="*/ 0 w 4031100"/>
                  <a:gd name="connsiteY16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14369 w 4031100"/>
                  <a:gd name="connsiteY5" fmla="*/ 4124212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80769 w 4031100"/>
                  <a:gd name="connsiteY11" fmla="*/ 3373327 h 4808127"/>
                  <a:gd name="connsiteX12" fmla="*/ 685531 w 4031100"/>
                  <a:gd name="connsiteY12" fmla="*/ 3159015 h 4808127"/>
                  <a:gd name="connsiteX13" fmla="*/ 414337 w 4031100"/>
                  <a:gd name="connsiteY13" fmla="*/ 2934505 h 4808127"/>
                  <a:gd name="connsiteX14" fmla="*/ 526781 w 4031100"/>
                  <a:gd name="connsiteY14" fmla="*/ 2011252 h 4808127"/>
                  <a:gd name="connsiteX15" fmla="*/ 755381 w 4031100"/>
                  <a:gd name="connsiteY15" fmla="*/ 1173052 h 4808127"/>
                  <a:gd name="connsiteX16" fmla="*/ 0 w 4031100"/>
                  <a:gd name="connsiteY16" fmla="*/ 0 h 4808127"/>
                  <a:gd name="connsiteX0" fmla="*/ 0 w 4031100"/>
                  <a:gd name="connsiteY0" fmla="*/ 0 h 4808127"/>
                  <a:gd name="connsiteX1" fmla="*/ 3468173 w 4031100"/>
                  <a:gd name="connsiteY1" fmla="*/ 558800 h 4808127"/>
                  <a:gd name="connsiteX2" fmla="*/ 3955781 w 4031100"/>
                  <a:gd name="connsiteY2" fmla="*/ 2366850 h 4808127"/>
                  <a:gd name="connsiteX3" fmla="*/ 3612881 w 4031100"/>
                  <a:gd name="connsiteY3" fmla="*/ 3154250 h 4808127"/>
                  <a:gd name="connsiteX4" fmla="*/ 3739881 w 4031100"/>
                  <a:gd name="connsiteY4" fmla="*/ 3649550 h 4808127"/>
                  <a:gd name="connsiteX5" fmla="*/ 2814369 w 4031100"/>
                  <a:gd name="connsiteY5" fmla="*/ 4124212 h 4808127"/>
                  <a:gd name="connsiteX6" fmla="*/ 2050781 w 4031100"/>
                  <a:gd name="connsiteY6" fmla="*/ 4805250 h 4808127"/>
                  <a:gd name="connsiteX7" fmla="*/ 1796781 w 4031100"/>
                  <a:gd name="connsiteY7" fmla="*/ 4335350 h 4808127"/>
                  <a:gd name="connsiteX8" fmla="*/ 971281 w 4031100"/>
                  <a:gd name="connsiteY8" fmla="*/ 4170250 h 4808127"/>
                  <a:gd name="connsiteX9" fmla="*/ 909369 w 4031100"/>
                  <a:gd name="connsiteY9" fmla="*/ 3759090 h 4808127"/>
                  <a:gd name="connsiteX10" fmla="*/ 761731 w 4031100"/>
                  <a:gd name="connsiteY10" fmla="*/ 3501915 h 4808127"/>
                  <a:gd name="connsiteX11" fmla="*/ 680769 w 4031100"/>
                  <a:gd name="connsiteY11" fmla="*/ 3373327 h 4808127"/>
                  <a:gd name="connsiteX12" fmla="*/ 685531 w 4031100"/>
                  <a:gd name="connsiteY12" fmla="*/ 3159015 h 4808127"/>
                  <a:gd name="connsiteX13" fmla="*/ 414337 w 4031100"/>
                  <a:gd name="connsiteY13" fmla="*/ 2934505 h 4808127"/>
                  <a:gd name="connsiteX14" fmla="*/ 526781 w 4031100"/>
                  <a:gd name="connsiteY14" fmla="*/ 2011252 h 4808127"/>
                  <a:gd name="connsiteX15" fmla="*/ 755381 w 4031100"/>
                  <a:gd name="connsiteY15" fmla="*/ 1173052 h 4808127"/>
                  <a:gd name="connsiteX16" fmla="*/ 0 w 4031100"/>
                  <a:gd name="connsiteY16" fmla="*/ 0 h 4808127"/>
                  <a:gd name="connsiteX0" fmla="*/ 354523 w 3630242"/>
                  <a:gd name="connsiteY0" fmla="*/ 614252 h 4249327"/>
                  <a:gd name="connsiteX1" fmla="*/ 3067315 w 3630242"/>
                  <a:gd name="connsiteY1" fmla="*/ 0 h 4249327"/>
                  <a:gd name="connsiteX2" fmla="*/ 3554923 w 3630242"/>
                  <a:gd name="connsiteY2" fmla="*/ 1808050 h 4249327"/>
                  <a:gd name="connsiteX3" fmla="*/ 3212023 w 3630242"/>
                  <a:gd name="connsiteY3" fmla="*/ 2595450 h 4249327"/>
                  <a:gd name="connsiteX4" fmla="*/ 3339023 w 3630242"/>
                  <a:gd name="connsiteY4" fmla="*/ 3090750 h 4249327"/>
                  <a:gd name="connsiteX5" fmla="*/ 2413511 w 3630242"/>
                  <a:gd name="connsiteY5" fmla="*/ 3565412 h 4249327"/>
                  <a:gd name="connsiteX6" fmla="*/ 1649923 w 3630242"/>
                  <a:gd name="connsiteY6" fmla="*/ 4246450 h 4249327"/>
                  <a:gd name="connsiteX7" fmla="*/ 1395923 w 3630242"/>
                  <a:gd name="connsiteY7" fmla="*/ 3776550 h 4249327"/>
                  <a:gd name="connsiteX8" fmla="*/ 570423 w 3630242"/>
                  <a:gd name="connsiteY8" fmla="*/ 3611450 h 4249327"/>
                  <a:gd name="connsiteX9" fmla="*/ 508511 w 3630242"/>
                  <a:gd name="connsiteY9" fmla="*/ 3200290 h 4249327"/>
                  <a:gd name="connsiteX10" fmla="*/ 360873 w 3630242"/>
                  <a:gd name="connsiteY10" fmla="*/ 2943115 h 4249327"/>
                  <a:gd name="connsiteX11" fmla="*/ 279911 w 3630242"/>
                  <a:gd name="connsiteY11" fmla="*/ 2814527 h 4249327"/>
                  <a:gd name="connsiteX12" fmla="*/ 284673 w 3630242"/>
                  <a:gd name="connsiteY12" fmla="*/ 2600215 h 4249327"/>
                  <a:gd name="connsiteX13" fmla="*/ 13479 w 3630242"/>
                  <a:gd name="connsiteY13" fmla="*/ 2375705 h 4249327"/>
                  <a:gd name="connsiteX14" fmla="*/ 125923 w 3630242"/>
                  <a:gd name="connsiteY14" fmla="*/ 1452452 h 4249327"/>
                  <a:gd name="connsiteX15" fmla="*/ 354523 w 3630242"/>
                  <a:gd name="connsiteY15" fmla="*/ 614252 h 4249327"/>
                  <a:gd name="connsiteX0" fmla="*/ 354523 w 3630242"/>
                  <a:gd name="connsiteY0" fmla="*/ 614252 h 4249327"/>
                  <a:gd name="connsiteX1" fmla="*/ 1345123 w 3630242"/>
                  <a:gd name="connsiteY1" fmla="*/ 385652 h 4249327"/>
                  <a:gd name="connsiteX2" fmla="*/ 3067315 w 3630242"/>
                  <a:gd name="connsiteY2" fmla="*/ 0 h 4249327"/>
                  <a:gd name="connsiteX3" fmla="*/ 3554923 w 3630242"/>
                  <a:gd name="connsiteY3" fmla="*/ 1808050 h 4249327"/>
                  <a:gd name="connsiteX4" fmla="*/ 3212023 w 3630242"/>
                  <a:gd name="connsiteY4" fmla="*/ 2595450 h 4249327"/>
                  <a:gd name="connsiteX5" fmla="*/ 3339023 w 3630242"/>
                  <a:gd name="connsiteY5" fmla="*/ 3090750 h 4249327"/>
                  <a:gd name="connsiteX6" fmla="*/ 2413511 w 3630242"/>
                  <a:gd name="connsiteY6" fmla="*/ 3565412 h 4249327"/>
                  <a:gd name="connsiteX7" fmla="*/ 1649923 w 3630242"/>
                  <a:gd name="connsiteY7" fmla="*/ 4246450 h 4249327"/>
                  <a:gd name="connsiteX8" fmla="*/ 1395923 w 3630242"/>
                  <a:gd name="connsiteY8" fmla="*/ 3776550 h 4249327"/>
                  <a:gd name="connsiteX9" fmla="*/ 570423 w 3630242"/>
                  <a:gd name="connsiteY9" fmla="*/ 3611450 h 4249327"/>
                  <a:gd name="connsiteX10" fmla="*/ 508511 w 3630242"/>
                  <a:gd name="connsiteY10" fmla="*/ 3200290 h 4249327"/>
                  <a:gd name="connsiteX11" fmla="*/ 360873 w 3630242"/>
                  <a:gd name="connsiteY11" fmla="*/ 2943115 h 4249327"/>
                  <a:gd name="connsiteX12" fmla="*/ 279911 w 3630242"/>
                  <a:gd name="connsiteY12" fmla="*/ 2814527 h 4249327"/>
                  <a:gd name="connsiteX13" fmla="*/ 284673 w 3630242"/>
                  <a:gd name="connsiteY13" fmla="*/ 2600215 h 4249327"/>
                  <a:gd name="connsiteX14" fmla="*/ 13479 w 3630242"/>
                  <a:gd name="connsiteY14" fmla="*/ 2375705 h 4249327"/>
                  <a:gd name="connsiteX15" fmla="*/ 125923 w 3630242"/>
                  <a:gd name="connsiteY15" fmla="*/ 1452452 h 4249327"/>
                  <a:gd name="connsiteX16" fmla="*/ 354523 w 3630242"/>
                  <a:gd name="connsiteY16" fmla="*/ 614252 h 4249327"/>
                  <a:gd name="connsiteX0" fmla="*/ 354523 w 3630242"/>
                  <a:gd name="connsiteY0" fmla="*/ 723900 h 4358975"/>
                  <a:gd name="connsiteX1" fmla="*/ 341823 w 3630242"/>
                  <a:gd name="connsiteY1" fmla="*/ 0 h 4358975"/>
                  <a:gd name="connsiteX2" fmla="*/ 3067315 w 3630242"/>
                  <a:gd name="connsiteY2" fmla="*/ 109648 h 4358975"/>
                  <a:gd name="connsiteX3" fmla="*/ 3554923 w 3630242"/>
                  <a:gd name="connsiteY3" fmla="*/ 1917698 h 4358975"/>
                  <a:gd name="connsiteX4" fmla="*/ 3212023 w 3630242"/>
                  <a:gd name="connsiteY4" fmla="*/ 2705098 h 4358975"/>
                  <a:gd name="connsiteX5" fmla="*/ 3339023 w 3630242"/>
                  <a:gd name="connsiteY5" fmla="*/ 3200398 h 4358975"/>
                  <a:gd name="connsiteX6" fmla="*/ 2413511 w 3630242"/>
                  <a:gd name="connsiteY6" fmla="*/ 3675060 h 4358975"/>
                  <a:gd name="connsiteX7" fmla="*/ 1649923 w 3630242"/>
                  <a:gd name="connsiteY7" fmla="*/ 4356098 h 4358975"/>
                  <a:gd name="connsiteX8" fmla="*/ 1395923 w 3630242"/>
                  <a:gd name="connsiteY8" fmla="*/ 3886198 h 4358975"/>
                  <a:gd name="connsiteX9" fmla="*/ 570423 w 3630242"/>
                  <a:gd name="connsiteY9" fmla="*/ 3721098 h 4358975"/>
                  <a:gd name="connsiteX10" fmla="*/ 508511 w 3630242"/>
                  <a:gd name="connsiteY10" fmla="*/ 3309938 h 4358975"/>
                  <a:gd name="connsiteX11" fmla="*/ 360873 w 3630242"/>
                  <a:gd name="connsiteY11" fmla="*/ 3052763 h 4358975"/>
                  <a:gd name="connsiteX12" fmla="*/ 279911 w 3630242"/>
                  <a:gd name="connsiteY12" fmla="*/ 2924175 h 4358975"/>
                  <a:gd name="connsiteX13" fmla="*/ 284673 w 3630242"/>
                  <a:gd name="connsiteY13" fmla="*/ 2709863 h 4358975"/>
                  <a:gd name="connsiteX14" fmla="*/ 13479 w 3630242"/>
                  <a:gd name="connsiteY14" fmla="*/ 2485353 h 4358975"/>
                  <a:gd name="connsiteX15" fmla="*/ 125923 w 3630242"/>
                  <a:gd name="connsiteY15" fmla="*/ 1562100 h 4358975"/>
                  <a:gd name="connsiteX16" fmla="*/ 354523 w 3630242"/>
                  <a:gd name="connsiteY16" fmla="*/ 723900 h 4358975"/>
                  <a:gd name="connsiteX0" fmla="*/ 354523 w 3630242"/>
                  <a:gd name="connsiteY0" fmla="*/ 1080752 h 4715827"/>
                  <a:gd name="connsiteX1" fmla="*/ 341823 w 3630242"/>
                  <a:gd name="connsiteY1" fmla="*/ 356852 h 4715827"/>
                  <a:gd name="connsiteX2" fmla="*/ 3067315 w 3630242"/>
                  <a:gd name="connsiteY2" fmla="*/ 466500 h 4715827"/>
                  <a:gd name="connsiteX3" fmla="*/ 3554923 w 3630242"/>
                  <a:gd name="connsiteY3" fmla="*/ 2274550 h 4715827"/>
                  <a:gd name="connsiteX4" fmla="*/ 3212023 w 3630242"/>
                  <a:gd name="connsiteY4" fmla="*/ 3061950 h 4715827"/>
                  <a:gd name="connsiteX5" fmla="*/ 3339023 w 3630242"/>
                  <a:gd name="connsiteY5" fmla="*/ 3557250 h 4715827"/>
                  <a:gd name="connsiteX6" fmla="*/ 2413511 w 3630242"/>
                  <a:gd name="connsiteY6" fmla="*/ 4031912 h 4715827"/>
                  <a:gd name="connsiteX7" fmla="*/ 1649923 w 3630242"/>
                  <a:gd name="connsiteY7" fmla="*/ 4712950 h 4715827"/>
                  <a:gd name="connsiteX8" fmla="*/ 1395923 w 3630242"/>
                  <a:gd name="connsiteY8" fmla="*/ 4243050 h 4715827"/>
                  <a:gd name="connsiteX9" fmla="*/ 570423 w 3630242"/>
                  <a:gd name="connsiteY9" fmla="*/ 4077950 h 4715827"/>
                  <a:gd name="connsiteX10" fmla="*/ 508511 w 3630242"/>
                  <a:gd name="connsiteY10" fmla="*/ 3666790 h 4715827"/>
                  <a:gd name="connsiteX11" fmla="*/ 360873 w 3630242"/>
                  <a:gd name="connsiteY11" fmla="*/ 3409615 h 4715827"/>
                  <a:gd name="connsiteX12" fmla="*/ 279911 w 3630242"/>
                  <a:gd name="connsiteY12" fmla="*/ 3281027 h 4715827"/>
                  <a:gd name="connsiteX13" fmla="*/ 284673 w 3630242"/>
                  <a:gd name="connsiteY13" fmla="*/ 3066715 h 4715827"/>
                  <a:gd name="connsiteX14" fmla="*/ 13479 w 3630242"/>
                  <a:gd name="connsiteY14" fmla="*/ 2842205 h 4715827"/>
                  <a:gd name="connsiteX15" fmla="*/ 125923 w 3630242"/>
                  <a:gd name="connsiteY15" fmla="*/ 1918952 h 4715827"/>
                  <a:gd name="connsiteX16" fmla="*/ 354523 w 3630242"/>
                  <a:gd name="connsiteY16" fmla="*/ 1080752 h 4715827"/>
                  <a:gd name="connsiteX0" fmla="*/ 354523 w 3630242"/>
                  <a:gd name="connsiteY0" fmla="*/ 1080752 h 4715827"/>
                  <a:gd name="connsiteX1" fmla="*/ 418023 w 3630242"/>
                  <a:gd name="connsiteY1" fmla="*/ 356852 h 4715827"/>
                  <a:gd name="connsiteX2" fmla="*/ 3067315 w 3630242"/>
                  <a:gd name="connsiteY2" fmla="*/ 466500 h 4715827"/>
                  <a:gd name="connsiteX3" fmla="*/ 3554923 w 3630242"/>
                  <a:gd name="connsiteY3" fmla="*/ 2274550 h 4715827"/>
                  <a:gd name="connsiteX4" fmla="*/ 3212023 w 3630242"/>
                  <a:gd name="connsiteY4" fmla="*/ 3061950 h 4715827"/>
                  <a:gd name="connsiteX5" fmla="*/ 3339023 w 3630242"/>
                  <a:gd name="connsiteY5" fmla="*/ 3557250 h 4715827"/>
                  <a:gd name="connsiteX6" fmla="*/ 2413511 w 3630242"/>
                  <a:gd name="connsiteY6" fmla="*/ 4031912 h 4715827"/>
                  <a:gd name="connsiteX7" fmla="*/ 1649923 w 3630242"/>
                  <a:gd name="connsiteY7" fmla="*/ 4712950 h 4715827"/>
                  <a:gd name="connsiteX8" fmla="*/ 1395923 w 3630242"/>
                  <a:gd name="connsiteY8" fmla="*/ 4243050 h 4715827"/>
                  <a:gd name="connsiteX9" fmla="*/ 570423 w 3630242"/>
                  <a:gd name="connsiteY9" fmla="*/ 4077950 h 4715827"/>
                  <a:gd name="connsiteX10" fmla="*/ 508511 w 3630242"/>
                  <a:gd name="connsiteY10" fmla="*/ 3666790 h 4715827"/>
                  <a:gd name="connsiteX11" fmla="*/ 360873 w 3630242"/>
                  <a:gd name="connsiteY11" fmla="*/ 3409615 h 4715827"/>
                  <a:gd name="connsiteX12" fmla="*/ 279911 w 3630242"/>
                  <a:gd name="connsiteY12" fmla="*/ 3281027 h 4715827"/>
                  <a:gd name="connsiteX13" fmla="*/ 284673 w 3630242"/>
                  <a:gd name="connsiteY13" fmla="*/ 3066715 h 4715827"/>
                  <a:gd name="connsiteX14" fmla="*/ 13479 w 3630242"/>
                  <a:gd name="connsiteY14" fmla="*/ 2842205 h 4715827"/>
                  <a:gd name="connsiteX15" fmla="*/ 125923 w 3630242"/>
                  <a:gd name="connsiteY15" fmla="*/ 1918952 h 4715827"/>
                  <a:gd name="connsiteX16" fmla="*/ 354523 w 3630242"/>
                  <a:gd name="connsiteY16" fmla="*/ 1080752 h 4715827"/>
                  <a:gd name="connsiteX0" fmla="*/ 354523 w 3630242"/>
                  <a:gd name="connsiteY0" fmla="*/ 1141285 h 4776360"/>
                  <a:gd name="connsiteX1" fmla="*/ 418023 w 3630242"/>
                  <a:gd name="connsiteY1" fmla="*/ 417385 h 4776360"/>
                  <a:gd name="connsiteX2" fmla="*/ 3067315 w 3630242"/>
                  <a:gd name="connsiteY2" fmla="*/ 527033 h 4776360"/>
                  <a:gd name="connsiteX3" fmla="*/ 3554923 w 3630242"/>
                  <a:gd name="connsiteY3" fmla="*/ 2335083 h 4776360"/>
                  <a:gd name="connsiteX4" fmla="*/ 3212023 w 3630242"/>
                  <a:gd name="connsiteY4" fmla="*/ 3122483 h 4776360"/>
                  <a:gd name="connsiteX5" fmla="*/ 3339023 w 3630242"/>
                  <a:gd name="connsiteY5" fmla="*/ 3617783 h 4776360"/>
                  <a:gd name="connsiteX6" fmla="*/ 2413511 w 3630242"/>
                  <a:gd name="connsiteY6" fmla="*/ 4092445 h 4776360"/>
                  <a:gd name="connsiteX7" fmla="*/ 1649923 w 3630242"/>
                  <a:gd name="connsiteY7" fmla="*/ 4773483 h 4776360"/>
                  <a:gd name="connsiteX8" fmla="*/ 1395923 w 3630242"/>
                  <a:gd name="connsiteY8" fmla="*/ 4303583 h 4776360"/>
                  <a:gd name="connsiteX9" fmla="*/ 570423 w 3630242"/>
                  <a:gd name="connsiteY9" fmla="*/ 4138483 h 4776360"/>
                  <a:gd name="connsiteX10" fmla="*/ 508511 w 3630242"/>
                  <a:gd name="connsiteY10" fmla="*/ 3727323 h 4776360"/>
                  <a:gd name="connsiteX11" fmla="*/ 360873 w 3630242"/>
                  <a:gd name="connsiteY11" fmla="*/ 3470148 h 4776360"/>
                  <a:gd name="connsiteX12" fmla="*/ 279911 w 3630242"/>
                  <a:gd name="connsiteY12" fmla="*/ 3341560 h 4776360"/>
                  <a:gd name="connsiteX13" fmla="*/ 284673 w 3630242"/>
                  <a:gd name="connsiteY13" fmla="*/ 3127248 h 4776360"/>
                  <a:gd name="connsiteX14" fmla="*/ 13479 w 3630242"/>
                  <a:gd name="connsiteY14" fmla="*/ 2902738 h 4776360"/>
                  <a:gd name="connsiteX15" fmla="*/ 125923 w 3630242"/>
                  <a:gd name="connsiteY15" fmla="*/ 1979485 h 4776360"/>
                  <a:gd name="connsiteX16" fmla="*/ 354523 w 3630242"/>
                  <a:gd name="connsiteY16" fmla="*/ 1141285 h 4776360"/>
                  <a:gd name="connsiteX0" fmla="*/ 354523 w 3641221"/>
                  <a:gd name="connsiteY0" fmla="*/ 1149058 h 4784133"/>
                  <a:gd name="connsiteX1" fmla="*/ 418023 w 3641221"/>
                  <a:gd name="connsiteY1" fmla="*/ 425158 h 4784133"/>
                  <a:gd name="connsiteX2" fmla="*/ 3118115 w 3641221"/>
                  <a:gd name="connsiteY2" fmla="*/ 509406 h 4784133"/>
                  <a:gd name="connsiteX3" fmla="*/ 3554923 w 3641221"/>
                  <a:gd name="connsiteY3" fmla="*/ 2342856 h 4784133"/>
                  <a:gd name="connsiteX4" fmla="*/ 3212023 w 3641221"/>
                  <a:gd name="connsiteY4" fmla="*/ 3130256 h 4784133"/>
                  <a:gd name="connsiteX5" fmla="*/ 3339023 w 3641221"/>
                  <a:gd name="connsiteY5" fmla="*/ 3625556 h 4784133"/>
                  <a:gd name="connsiteX6" fmla="*/ 2413511 w 3641221"/>
                  <a:gd name="connsiteY6" fmla="*/ 4100218 h 4784133"/>
                  <a:gd name="connsiteX7" fmla="*/ 1649923 w 3641221"/>
                  <a:gd name="connsiteY7" fmla="*/ 4781256 h 4784133"/>
                  <a:gd name="connsiteX8" fmla="*/ 1395923 w 3641221"/>
                  <a:gd name="connsiteY8" fmla="*/ 4311356 h 4784133"/>
                  <a:gd name="connsiteX9" fmla="*/ 570423 w 3641221"/>
                  <a:gd name="connsiteY9" fmla="*/ 4146256 h 4784133"/>
                  <a:gd name="connsiteX10" fmla="*/ 508511 w 3641221"/>
                  <a:gd name="connsiteY10" fmla="*/ 3735096 h 4784133"/>
                  <a:gd name="connsiteX11" fmla="*/ 360873 w 3641221"/>
                  <a:gd name="connsiteY11" fmla="*/ 3477921 h 4784133"/>
                  <a:gd name="connsiteX12" fmla="*/ 279911 w 3641221"/>
                  <a:gd name="connsiteY12" fmla="*/ 3349333 h 4784133"/>
                  <a:gd name="connsiteX13" fmla="*/ 284673 w 3641221"/>
                  <a:gd name="connsiteY13" fmla="*/ 3135021 h 4784133"/>
                  <a:gd name="connsiteX14" fmla="*/ 13479 w 3641221"/>
                  <a:gd name="connsiteY14" fmla="*/ 2910511 h 4784133"/>
                  <a:gd name="connsiteX15" fmla="*/ 125923 w 3641221"/>
                  <a:gd name="connsiteY15" fmla="*/ 1987258 h 4784133"/>
                  <a:gd name="connsiteX16" fmla="*/ 354523 w 3641221"/>
                  <a:gd name="connsiteY16" fmla="*/ 1149058 h 4784133"/>
                  <a:gd name="connsiteX0" fmla="*/ 354523 w 3639924"/>
                  <a:gd name="connsiteY0" fmla="*/ 1149058 h 4784133"/>
                  <a:gd name="connsiteX1" fmla="*/ 418023 w 3639924"/>
                  <a:gd name="connsiteY1" fmla="*/ 425158 h 4784133"/>
                  <a:gd name="connsiteX2" fmla="*/ 3118115 w 3639924"/>
                  <a:gd name="connsiteY2" fmla="*/ 509406 h 4784133"/>
                  <a:gd name="connsiteX3" fmla="*/ 3554923 w 3639924"/>
                  <a:gd name="connsiteY3" fmla="*/ 2342856 h 4784133"/>
                  <a:gd name="connsiteX4" fmla="*/ 3212023 w 3639924"/>
                  <a:gd name="connsiteY4" fmla="*/ 3130256 h 4784133"/>
                  <a:gd name="connsiteX5" fmla="*/ 3339023 w 3639924"/>
                  <a:gd name="connsiteY5" fmla="*/ 3625556 h 4784133"/>
                  <a:gd name="connsiteX6" fmla="*/ 2413511 w 3639924"/>
                  <a:gd name="connsiteY6" fmla="*/ 4100218 h 4784133"/>
                  <a:gd name="connsiteX7" fmla="*/ 1649923 w 3639924"/>
                  <a:gd name="connsiteY7" fmla="*/ 4781256 h 4784133"/>
                  <a:gd name="connsiteX8" fmla="*/ 1395923 w 3639924"/>
                  <a:gd name="connsiteY8" fmla="*/ 4311356 h 4784133"/>
                  <a:gd name="connsiteX9" fmla="*/ 570423 w 3639924"/>
                  <a:gd name="connsiteY9" fmla="*/ 4146256 h 4784133"/>
                  <a:gd name="connsiteX10" fmla="*/ 508511 w 3639924"/>
                  <a:gd name="connsiteY10" fmla="*/ 3735096 h 4784133"/>
                  <a:gd name="connsiteX11" fmla="*/ 360873 w 3639924"/>
                  <a:gd name="connsiteY11" fmla="*/ 3477921 h 4784133"/>
                  <a:gd name="connsiteX12" fmla="*/ 279911 w 3639924"/>
                  <a:gd name="connsiteY12" fmla="*/ 3349333 h 4784133"/>
                  <a:gd name="connsiteX13" fmla="*/ 284673 w 3639924"/>
                  <a:gd name="connsiteY13" fmla="*/ 3135021 h 4784133"/>
                  <a:gd name="connsiteX14" fmla="*/ 13479 w 3639924"/>
                  <a:gd name="connsiteY14" fmla="*/ 2910511 h 4784133"/>
                  <a:gd name="connsiteX15" fmla="*/ 125923 w 3639924"/>
                  <a:gd name="connsiteY15" fmla="*/ 1987258 h 4784133"/>
                  <a:gd name="connsiteX16" fmla="*/ 354523 w 3639924"/>
                  <a:gd name="connsiteY16" fmla="*/ 1149058 h 4784133"/>
                  <a:gd name="connsiteX0" fmla="*/ 354523 w 3639924"/>
                  <a:gd name="connsiteY0" fmla="*/ 1149058 h 4784133"/>
                  <a:gd name="connsiteX1" fmla="*/ 418023 w 3639924"/>
                  <a:gd name="connsiteY1" fmla="*/ 425158 h 4784133"/>
                  <a:gd name="connsiteX2" fmla="*/ 3118115 w 3639924"/>
                  <a:gd name="connsiteY2" fmla="*/ 509406 h 4784133"/>
                  <a:gd name="connsiteX3" fmla="*/ 3554923 w 3639924"/>
                  <a:gd name="connsiteY3" fmla="*/ 2342856 h 4784133"/>
                  <a:gd name="connsiteX4" fmla="*/ 3212023 w 3639924"/>
                  <a:gd name="connsiteY4" fmla="*/ 3130256 h 4784133"/>
                  <a:gd name="connsiteX5" fmla="*/ 3339023 w 3639924"/>
                  <a:gd name="connsiteY5" fmla="*/ 3625556 h 4784133"/>
                  <a:gd name="connsiteX6" fmla="*/ 2413511 w 3639924"/>
                  <a:gd name="connsiteY6" fmla="*/ 4100218 h 4784133"/>
                  <a:gd name="connsiteX7" fmla="*/ 1649923 w 3639924"/>
                  <a:gd name="connsiteY7" fmla="*/ 4781256 h 4784133"/>
                  <a:gd name="connsiteX8" fmla="*/ 1395923 w 3639924"/>
                  <a:gd name="connsiteY8" fmla="*/ 4311356 h 4784133"/>
                  <a:gd name="connsiteX9" fmla="*/ 570423 w 3639924"/>
                  <a:gd name="connsiteY9" fmla="*/ 4146256 h 4784133"/>
                  <a:gd name="connsiteX10" fmla="*/ 508511 w 3639924"/>
                  <a:gd name="connsiteY10" fmla="*/ 3735096 h 4784133"/>
                  <a:gd name="connsiteX11" fmla="*/ 360873 w 3639924"/>
                  <a:gd name="connsiteY11" fmla="*/ 3477921 h 4784133"/>
                  <a:gd name="connsiteX12" fmla="*/ 279911 w 3639924"/>
                  <a:gd name="connsiteY12" fmla="*/ 3349333 h 4784133"/>
                  <a:gd name="connsiteX13" fmla="*/ 284673 w 3639924"/>
                  <a:gd name="connsiteY13" fmla="*/ 3135021 h 4784133"/>
                  <a:gd name="connsiteX14" fmla="*/ 13479 w 3639924"/>
                  <a:gd name="connsiteY14" fmla="*/ 2910511 h 4784133"/>
                  <a:gd name="connsiteX15" fmla="*/ 125923 w 3639924"/>
                  <a:gd name="connsiteY15" fmla="*/ 1987258 h 4784133"/>
                  <a:gd name="connsiteX16" fmla="*/ 354523 w 3639924"/>
                  <a:gd name="connsiteY16" fmla="*/ 1149058 h 4784133"/>
                  <a:gd name="connsiteX0" fmla="*/ 354523 w 3639924"/>
                  <a:gd name="connsiteY0" fmla="*/ 1155725 h 4790800"/>
                  <a:gd name="connsiteX1" fmla="*/ 418023 w 3639924"/>
                  <a:gd name="connsiteY1" fmla="*/ 431825 h 4790800"/>
                  <a:gd name="connsiteX2" fmla="*/ 3118115 w 3639924"/>
                  <a:gd name="connsiteY2" fmla="*/ 516073 h 4790800"/>
                  <a:gd name="connsiteX3" fmla="*/ 3554923 w 3639924"/>
                  <a:gd name="connsiteY3" fmla="*/ 2349523 h 4790800"/>
                  <a:gd name="connsiteX4" fmla="*/ 3212023 w 3639924"/>
                  <a:gd name="connsiteY4" fmla="*/ 3136923 h 4790800"/>
                  <a:gd name="connsiteX5" fmla="*/ 3339023 w 3639924"/>
                  <a:gd name="connsiteY5" fmla="*/ 3632223 h 4790800"/>
                  <a:gd name="connsiteX6" fmla="*/ 2413511 w 3639924"/>
                  <a:gd name="connsiteY6" fmla="*/ 4106885 h 4790800"/>
                  <a:gd name="connsiteX7" fmla="*/ 1649923 w 3639924"/>
                  <a:gd name="connsiteY7" fmla="*/ 4787923 h 4790800"/>
                  <a:gd name="connsiteX8" fmla="*/ 1395923 w 3639924"/>
                  <a:gd name="connsiteY8" fmla="*/ 4318023 h 4790800"/>
                  <a:gd name="connsiteX9" fmla="*/ 570423 w 3639924"/>
                  <a:gd name="connsiteY9" fmla="*/ 4152923 h 4790800"/>
                  <a:gd name="connsiteX10" fmla="*/ 508511 w 3639924"/>
                  <a:gd name="connsiteY10" fmla="*/ 3741763 h 4790800"/>
                  <a:gd name="connsiteX11" fmla="*/ 360873 w 3639924"/>
                  <a:gd name="connsiteY11" fmla="*/ 3484588 h 4790800"/>
                  <a:gd name="connsiteX12" fmla="*/ 279911 w 3639924"/>
                  <a:gd name="connsiteY12" fmla="*/ 3356000 h 4790800"/>
                  <a:gd name="connsiteX13" fmla="*/ 284673 w 3639924"/>
                  <a:gd name="connsiteY13" fmla="*/ 3141688 h 4790800"/>
                  <a:gd name="connsiteX14" fmla="*/ 13479 w 3639924"/>
                  <a:gd name="connsiteY14" fmla="*/ 2917178 h 4790800"/>
                  <a:gd name="connsiteX15" fmla="*/ 125923 w 3639924"/>
                  <a:gd name="connsiteY15" fmla="*/ 1993925 h 4790800"/>
                  <a:gd name="connsiteX16" fmla="*/ 354523 w 3639924"/>
                  <a:gd name="connsiteY16" fmla="*/ 1155725 h 4790800"/>
                  <a:gd name="connsiteX0" fmla="*/ 354523 w 3639924"/>
                  <a:gd name="connsiteY0" fmla="*/ 1155725 h 4790800"/>
                  <a:gd name="connsiteX1" fmla="*/ 418023 w 3639924"/>
                  <a:gd name="connsiteY1" fmla="*/ 431825 h 4790800"/>
                  <a:gd name="connsiteX2" fmla="*/ 3118115 w 3639924"/>
                  <a:gd name="connsiteY2" fmla="*/ 516073 h 4790800"/>
                  <a:gd name="connsiteX3" fmla="*/ 3554923 w 3639924"/>
                  <a:gd name="connsiteY3" fmla="*/ 2349523 h 4790800"/>
                  <a:gd name="connsiteX4" fmla="*/ 3212023 w 3639924"/>
                  <a:gd name="connsiteY4" fmla="*/ 3136923 h 4790800"/>
                  <a:gd name="connsiteX5" fmla="*/ 3339023 w 3639924"/>
                  <a:gd name="connsiteY5" fmla="*/ 3632223 h 4790800"/>
                  <a:gd name="connsiteX6" fmla="*/ 2413511 w 3639924"/>
                  <a:gd name="connsiteY6" fmla="*/ 4106885 h 4790800"/>
                  <a:gd name="connsiteX7" fmla="*/ 1649923 w 3639924"/>
                  <a:gd name="connsiteY7" fmla="*/ 4787923 h 4790800"/>
                  <a:gd name="connsiteX8" fmla="*/ 1395923 w 3639924"/>
                  <a:gd name="connsiteY8" fmla="*/ 4318023 h 4790800"/>
                  <a:gd name="connsiteX9" fmla="*/ 570423 w 3639924"/>
                  <a:gd name="connsiteY9" fmla="*/ 4152923 h 4790800"/>
                  <a:gd name="connsiteX10" fmla="*/ 508511 w 3639924"/>
                  <a:gd name="connsiteY10" fmla="*/ 3741763 h 4790800"/>
                  <a:gd name="connsiteX11" fmla="*/ 360873 w 3639924"/>
                  <a:gd name="connsiteY11" fmla="*/ 3484588 h 4790800"/>
                  <a:gd name="connsiteX12" fmla="*/ 279911 w 3639924"/>
                  <a:gd name="connsiteY12" fmla="*/ 3356000 h 4790800"/>
                  <a:gd name="connsiteX13" fmla="*/ 284673 w 3639924"/>
                  <a:gd name="connsiteY13" fmla="*/ 3141688 h 4790800"/>
                  <a:gd name="connsiteX14" fmla="*/ 13479 w 3639924"/>
                  <a:gd name="connsiteY14" fmla="*/ 2917178 h 4790800"/>
                  <a:gd name="connsiteX15" fmla="*/ 125923 w 3639924"/>
                  <a:gd name="connsiteY15" fmla="*/ 1993925 h 4790800"/>
                  <a:gd name="connsiteX16" fmla="*/ 354523 w 3639924"/>
                  <a:gd name="connsiteY16" fmla="*/ 1155725 h 4790800"/>
                  <a:gd name="connsiteX0" fmla="*/ 354523 w 3639924"/>
                  <a:gd name="connsiteY0" fmla="*/ 1155725 h 4790800"/>
                  <a:gd name="connsiteX1" fmla="*/ 418023 w 3639924"/>
                  <a:gd name="connsiteY1" fmla="*/ 431825 h 4790800"/>
                  <a:gd name="connsiteX2" fmla="*/ 3118115 w 3639924"/>
                  <a:gd name="connsiteY2" fmla="*/ 516073 h 4790800"/>
                  <a:gd name="connsiteX3" fmla="*/ 3554923 w 3639924"/>
                  <a:gd name="connsiteY3" fmla="*/ 2349523 h 4790800"/>
                  <a:gd name="connsiteX4" fmla="*/ 3212023 w 3639924"/>
                  <a:gd name="connsiteY4" fmla="*/ 3136923 h 4790800"/>
                  <a:gd name="connsiteX5" fmla="*/ 3339023 w 3639924"/>
                  <a:gd name="connsiteY5" fmla="*/ 3632223 h 4790800"/>
                  <a:gd name="connsiteX6" fmla="*/ 2413511 w 3639924"/>
                  <a:gd name="connsiteY6" fmla="*/ 4106885 h 4790800"/>
                  <a:gd name="connsiteX7" fmla="*/ 1649923 w 3639924"/>
                  <a:gd name="connsiteY7" fmla="*/ 4787923 h 4790800"/>
                  <a:gd name="connsiteX8" fmla="*/ 1395923 w 3639924"/>
                  <a:gd name="connsiteY8" fmla="*/ 4318023 h 4790800"/>
                  <a:gd name="connsiteX9" fmla="*/ 570423 w 3639924"/>
                  <a:gd name="connsiteY9" fmla="*/ 4152923 h 4790800"/>
                  <a:gd name="connsiteX10" fmla="*/ 508511 w 3639924"/>
                  <a:gd name="connsiteY10" fmla="*/ 3741763 h 4790800"/>
                  <a:gd name="connsiteX11" fmla="*/ 360873 w 3639924"/>
                  <a:gd name="connsiteY11" fmla="*/ 3484588 h 4790800"/>
                  <a:gd name="connsiteX12" fmla="*/ 279911 w 3639924"/>
                  <a:gd name="connsiteY12" fmla="*/ 3356000 h 4790800"/>
                  <a:gd name="connsiteX13" fmla="*/ 284673 w 3639924"/>
                  <a:gd name="connsiteY13" fmla="*/ 3141688 h 4790800"/>
                  <a:gd name="connsiteX14" fmla="*/ 13479 w 3639924"/>
                  <a:gd name="connsiteY14" fmla="*/ 2917178 h 4790800"/>
                  <a:gd name="connsiteX15" fmla="*/ 125923 w 3639924"/>
                  <a:gd name="connsiteY15" fmla="*/ 1993925 h 4790800"/>
                  <a:gd name="connsiteX16" fmla="*/ 354523 w 3639924"/>
                  <a:gd name="connsiteY16" fmla="*/ 1155725 h 4790800"/>
                  <a:gd name="connsiteX0" fmla="*/ 354523 w 3639924"/>
                  <a:gd name="connsiteY0" fmla="*/ 1186422 h 4821497"/>
                  <a:gd name="connsiteX1" fmla="*/ 424373 w 3639924"/>
                  <a:gd name="connsiteY1" fmla="*/ 418072 h 4821497"/>
                  <a:gd name="connsiteX2" fmla="*/ 3118115 w 3639924"/>
                  <a:gd name="connsiteY2" fmla="*/ 546770 h 4821497"/>
                  <a:gd name="connsiteX3" fmla="*/ 3554923 w 3639924"/>
                  <a:gd name="connsiteY3" fmla="*/ 2380220 h 4821497"/>
                  <a:gd name="connsiteX4" fmla="*/ 3212023 w 3639924"/>
                  <a:gd name="connsiteY4" fmla="*/ 3167620 h 4821497"/>
                  <a:gd name="connsiteX5" fmla="*/ 3339023 w 3639924"/>
                  <a:gd name="connsiteY5" fmla="*/ 3662920 h 4821497"/>
                  <a:gd name="connsiteX6" fmla="*/ 2413511 w 3639924"/>
                  <a:gd name="connsiteY6" fmla="*/ 4137582 h 4821497"/>
                  <a:gd name="connsiteX7" fmla="*/ 1649923 w 3639924"/>
                  <a:gd name="connsiteY7" fmla="*/ 4818620 h 4821497"/>
                  <a:gd name="connsiteX8" fmla="*/ 1395923 w 3639924"/>
                  <a:gd name="connsiteY8" fmla="*/ 4348720 h 4821497"/>
                  <a:gd name="connsiteX9" fmla="*/ 570423 w 3639924"/>
                  <a:gd name="connsiteY9" fmla="*/ 4183620 h 4821497"/>
                  <a:gd name="connsiteX10" fmla="*/ 508511 w 3639924"/>
                  <a:gd name="connsiteY10" fmla="*/ 3772460 h 4821497"/>
                  <a:gd name="connsiteX11" fmla="*/ 360873 w 3639924"/>
                  <a:gd name="connsiteY11" fmla="*/ 3515285 h 4821497"/>
                  <a:gd name="connsiteX12" fmla="*/ 279911 w 3639924"/>
                  <a:gd name="connsiteY12" fmla="*/ 3386697 h 4821497"/>
                  <a:gd name="connsiteX13" fmla="*/ 284673 w 3639924"/>
                  <a:gd name="connsiteY13" fmla="*/ 3172385 h 4821497"/>
                  <a:gd name="connsiteX14" fmla="*/ 13479 w 3639924"/>
                  <a:gd name="connsiteY14" fmla="*/ 2947875 h 4821497"/>
                  <a:gd name="connsiteX15" fmla="*/ 125923 w 3639924"/>
                  <a:gd name="connsiteY15" fmla="*/ 2024622 h 4821497"/>
                  <a:gd name="connsiteX16" fmla="*/ 354523 w 3639924"/>
                  <a:gd name="connsiteY16" fmla="*/ 1186422 h 4821497"/>
                  <a:gd name="connsiteX0" fmla="*/ 354523 w 3639924"/>
                  <a:gd name="connsiteY0" fmla="*/ 1107997 h 4743072"/>
                  <a:gd name="connsiteX1" fmla="*/ 424373 w 3639924"/>
                  <a:gd name="connsiteY1" fmla="*/ 339647 h 4743072"/>
                  <a:gd name="connsiteX2" fmla="*/ 3118115 w 3639924"/>
                  <a:gd name="connsiteY2" fmla="*/ 468345 h 4743072"/>
                  <a:gd name="connsiteX3" fmla="*/ 3554923 w 3639924"/>
                  <a:gd name="connsiteY3" fmla="*/ 2301795 h 4743072"/>
                  <a:gd name="connsiteX4" fmla="*/ 3212023 w 3639924"/>
                  <a:gd name="connsiteY4" fmla="*/ 3089195 h 4743072"/>
                  <a:gd name="connsiteX5" fmla="*/ 3339023 w 3639924"/>
                  <a:gd name="connsiteY5" fmla="*/ 3584495 h 4743072"/>
                  <a:gd name="connsiteX6" fmla="*/ 2413511 w 3639924"/>
                  <a:gd name="connsiteY6" fmla="*/ 4059157 h 4743072"/>
                  <a:gd name="connsiteX7" fmla="*/ 1649923 w 3639924"/>
                  <a:gd name="connsiteY7" fmla="*/ 4740195 h 4743072"/>
                  <a:gd name="connsiteX8" fmla="*/ 1395923 w 3639924"/>
                  <a:gd name="connsiteY8" fmla="*/ 4270295 h 4743072"/>
                  <a:gd name="connsiteX9" fmla="*/ 570423 w 3639924"/>
                  <a:gd name="connsiteY9" fmla="*/ 4105195 h 4743072"/>
                  <a:gd name="connsiteX10" fmla="*/ 508511 w 3639924"/>
                  <a:gd name="connsiteY10" fmla="*/ 3694035 h 4743072"/>
                  <a:gd name="connsiteX11" fmla="*/ 360873 w 3639924"/>
                  <a:gd name="connsiteY11" fmla="*/ 3436860 h 4743072"/>
                  <a:gd name="connsiteX12" fmla="*/ 279911 w 3639924"/>
                  <a:gd name="connsiteY12" fmla="*/ 3308272 h 4743072"/>
                  <a:gd name="connsiteX13" fmla="*/ 284673 w 3639924"/>
                  <a:gd name="connsiteY13" fmla="*/ 3093960 h 4743072"/>
                  <a:gd name="connsiteX14" fmla="*/ 13479 w 3639924"/>
                  <a:gd name="connsiteY14" fmla="*/ 2869450 h 4743072"/>
                  <a:gd name="connsiteX15" fmla="*/ 125923 w 3639924"/>
                  <a:gd name="connsiteY15" fmla="*/ 1946197 h 4743072"/>
                  <a:gd name="connsiteX16" fmla="*/ 354523 w 3639924"/>
                  <a:gd name="connsiteY16" fmla="*/ 1107997 h 4743072"/>
                  <a:gd name="connsiteX0" fmla="*/ 354523 w 3639924"/>
                  <a:gd name="connsiteY0" fmla="*/ 1128530 h 4763605"/>
                  <a:gd name="connsiteX1" fmla="*/ 424373 w 3639924"/>
                  <a:gd name="connsiteY1" fmla="*/ 360180 h 4763605"/>
                  <a:gd name="connsiteX2" fmla="*/ 3118115 w 3639924"/>
                  <a:gd name="connsiteY2" fmla="*/ 488878 h 4763605"/>
                  <a:gd name="connsiteX3" fmla="*/ 3554923 w 3639924"/>
                  <a:gd name="connsiteY3" fmla="*/ 2322328 h 4763605"/>
                  <a:gd name="connsiteX4" fmla="*/ 3212023 w 3639924"/>
                  <a:gd name="connsiteY4" fmla="*/ 3109728 h 4763605"/>
                  <a:gd name="connsiteX5" fmla="*/ 3339023 w 3639924"/>
                  <a:gd name="connsiteY5" fmla="*/ 3605028 h 4763605"/>
                  <a:gd name="connsiteX6" fmla="*/ 2413511 w 3639924"/>
                  <a:gd name="connsiteY6" fmla="*/ 4079690 h 4763605"/>
                  <a:gd name="connsiteX7" fmla="*/ 1649923 w 3639924"/>
                  <a:gd name="connsiteY7" fmla="*/ 4760728 h 4763605"/>
                  <a:gd name="connsiteX8" fmla="*/ 1395923 w 3639924"/>
                  <a:gd name="connsiteY8" fmla="*/ 4290828 h 4763605"/>
                  <a:gd name="connsiteX9" fmla="*/ 570423 w 3639924"/>
                  <a:gd name="connsiteY9" fmla="*/ 4125728 h 4763605"/>
                  <a:gd name="connsiteX10" fmla="*/ 508511 w 3639924"/>
                  <a:gd name="connsiteY10" fmla="*/ 3714568 h 4763605"/>
                  <a:gd name="connsiteX11" fmla="*/ 360873 w 3639924"/>
                  <a:gd name="connsiteY11" fmla="*/ 3457393 h 4763605"/>
                  <a:gd name="connsiteX12" fmla="*/ 279911 w 3639924"/>
                  <a:gd name="connsiteY12" fmla="*/ 3328805 h 4763605"/>
                  <a:gd name="connsiteX13" fmla="*/ 284673 w 3639924"/>
                  <a:gd name="connsiteY13" fmla="*/ 3114493 h 4763605"/>
                  <a:gd name="connsiteX14" fmla="*/ 13479 w 3639924"/>
                  <a:gd name="connsiteY14" fmla="*/ 2889983 h 4763605"/>
                  <a:gd name="connsiteX15" fmla="*/ 125923 w 3639924"/>
                  <a:gd name="connsiteY15" fmla="*/ 1966730 h 4763605"/>
                  <a:gd name="connsiteX16" fmla="*/ 354523 w 3639924"/>
                  <a:gd name="connsiteY16" fmla="*/ 1128530 h 4763605"/>
                  <a:gd name="connsiteX0" fmla="*/ 354523 w 3639924"/>
                  <a:gd name="connsiteY0" fmla="*/ 1130305 h 4765380"/>
                  <a:gd name="connsiteX1" fmla="*/ 424373 w 3639924"/>
                  <a:gd name="connsiteY1" fmla="*/ 361955 h 4765380"/>
                  <a:gd name="connsiteX2" fmla="*/ 3118115 w 3639924"/>
                  <a:gd name="connsiteY2" fmla="*/ 490653 h 4765380"/>
                  <a:gd name="connsiteX3" fmla="*/ 3554923 w 3639924"/>
                  <a:gd name="connsiteY3" fmla="*/ 2324103 h 4765380"/>
                  <a:gd name="connsiteX4" fmla="*/ 3212023 w 3639924"/>
                  <a:gd name="connsiteY4" fmla="*/ 3111503 h 4765380"/>
                  <a:gd name="connsiteX5" fmla="*/ 3339023 w 3639924"/>
                  <a:gd name="connsiteY5" fmla="*/ 3606803 h 4765380"/>
                  <a:gd name="connsiteX6" fmla="*/ 2413511 w 3639924"/>
                  <a:gd name="connsiteY6" fmla="*/ 4081465 h 4765380"/>
                  <a:gd name="connsiteX7" fmla="*/ 1649923 w 3639924"/>
                  <a:gd name="connsiteY7" fmla="*/ 4762503 h 4765380"/>
                  <a:gd name="connsiteX8" fmla="*/ 1395923 w 3639924"/>
                  <a:gd name="connsiteY8" fmla="*/ 4292603 h 4765380"/>
                  <a:gd name="connsiteX9" fmla="*/ 570423 w 3639924"/>
                  <a:gd name="connsiteY9" fmla="*/ 4127503 h 4765380"/>
                  <a:gd name="connsiteX10" fmla="*/ 508511 w 3639924"/>
                  <a:gd name="connsiteY10" fmla="*/ 3716343 h 4765380"/>
                  <a:gd name="connsiteX11" fmla="*/ 360873 w 3639924"/>
                  <a:gd name="connsiteY11" fmla="*/ 3459168 h 4765380"/>
                  <a:gd name="connsiteX12" fmla="*/ 279911 w 3639924"/>
                  <a:gd name="connsiteY12" fmla="*/ 3330580 h 4765380"/>
                  <a:gd name="connsiteX13" fmla="*/ 284673 w 3639924"/>
                  <a:gd name="connsiteY13" fmla="*/ 3116268 h 4765380"/>
                  <a:gd name="connsiteX14" fmla="*/ 13479 w 3639924"/>
                  <a:gd name="connsiteY14" fmla="*/ 2891758 h 4765380"/>
                  <a:gd name="connsiteX15" fmla="*/ 125923 w 3639924"/>
                  <a:gd name="connsiteY15" fmla="*/ 1968505 h 4765380"/>
                  <a:gd name="connsiteX16" fmla="*/ 354523 w 3639924"/>
                  <a:gd name="connsiteY16" fmla="*/ 1130305 h 4765380"/>
                  <a:gd name="connsiteX0" fmla="*/ 354523 w 3642960"/>
                  <a:gd name="connsiteY0" fmla="*/ 1119755 h 4754830"/>
                  <a:gd name="connsiteX1" fmla="*/ 424373 w 3642960"/>
                  <a:gd name="connsiteY1" fmla="*/ 351405 h 4754830"/>
                  <a:gd name="connsiteX2" fmla="*/ 3130815 w 3642960"/>
                  <a:gd name="connsiteY2" fmla="*/ 511853 h 4754830"/>
                  <a:gd name="connsiteX3" fmla="*/ 3554923 w 3642960"/>
                  <a:gd name="connsiteY3" fmla="*/ 2313553 h 4754830"/>
                  <a:gd name="connsiteX4" fmla="*/ 3212023 w 3642960"/>
                  <a:gd name="connsiteY4" fmla="*/ 3100953 h 4754830"/>
                  <a:gd name="connsiteX5" fmla="*/ 3339023 w 3642960"/>
                  <a:gd name="connsiteY5" fmla="*/ 3596253 h 4754830"/>
                  <a:gd name="connsiteX6" fmla="*/ 2413511 w 3642960"/>
                  <a:gd name="connsiteY6" fmla="*/ 4070915 h 4754830"/>
                  <a:gd name="connsiteX7" fmla="*/ 1649923 w 3642960"/>
                  <a:gd name="connsiteY7" fmla="*/ 4751953 h 4754830"/>
                  <a:gd name="connsiteX8" fmla="*/ 1395923 w 3642960"/>
                  <a:gd name="connsiteY8" fmla="*/ 4282053 h 4754830"/>
                  <a:gd name="connsiteX9" fmla="*/ 570423 w 3642960"/>
                  <a:gd name="connsiteY9" fmla="*/ 4116953 h 4754830"/>
                  <a:gd name="connsiteX10" fmla="*/ 508511 w 3642960"/>
                  <a:gd name="connsiteY10" fmla="*/ 3705793 h 4754830"/>
                  <a:gd name="connsiteX11" fmla="*/ 360873 w 3642960"/>
                  <a:gd name="connsiteY11" fmla="*/ 3448618 h 4754830"/>
                  <a:gd name="connsiteX12" fmla="*/ 279911 w 3642960"/>
                  <a:gd name="connsiteY12" fmla="*/ 3320030 h 4754830"/>
                  <a:gd name="connsiteX13" fmla="*/ 284673 w 3642960"/>
                  <a:gd name="connsiteY13" fmla="*/ 3105718 h 4754830"/>
                  <a:gd name="connsiteX14" fmla="*/ 13479 w 3642960"/>
                  <a:gd name="connsiteY14" fmla="*/ 2881208 h 4754830"/>
                  <a:gd name="connsiteX15" fmla="*/ 125923 w 3642960"/>
                  <a:gd name="connsiteY15" fmla="*/ 1957955 h 4754830"/>
                  <a:gd name="connsiteX16" fmla="*/ 354523 w 3642960"/>
                  <a:gd name="connsiteY16" fmla="*/ 1119755 h 4754830"/>
                  <a:gd name="connsiteX0" fmla="*/ 354523 w 3642960"/>
                  <a:gd name="connsiteY0" fmla="*/ 1119755 h 4754830"/>
                  <a:gd name="connsiteX1" fmla="*/ 424373 w 3642960"/>
                  <a:gd name="connsiteY1" fmla="*/ 351405 h 4754830"/>
                  <a:gd name="connsiteX2" fmla="*/ 3130815 w 3642960"/>
                  <a:gd name="connsiteY2" fmla="*/ 511853 h 4754830"/>
                  <a:gd name="connsiteX3" fmla="*/ 3554923 w 3642960"/>
                  <a:gd name="connsiteY3" fmla="*/ 2313553 h 4754830"/>
                  <a:gd name="connsiteX4" fmla="*/ 3212023 w 3642960"/>
                  <a:gd name="connsiteY4" fmla="*/ 3100953 h 4754830"/>
                  <a:gd name="connsiteX5" fmla="*/ 3339023 w 3642960"/>
                  <a:gd name="connsiteY5" fmla="*/ 3596253 h 4754830"/>
                  <a:gd name="connsiteX6" fmla="*/ 2413511 w 3642960"/>
                  <a:gd name="connsiteY6" fmla="*/ 4070915 h 4754830"/>
                  <a:gd name="connsiteX7" fmla="*/ 1649923 w 3642960"/>
                  <a:gd name="connsiteY7" fmla="*/ 4751953 h 4754830"/>
                  <a:gd name="connsiteX8" fmla="*/ 1395923 w 3642960"/>
                  <a:gd name="connsiteY8" fmla="*/ 4282053 h 4754830"/>
                  <a:gd name="connsiteX9" fmla="*/ 570423 w 3642960"/>
                  <a:gd name="connsiteY9" fmla="*/ 4116953 h 4754830"/>
                  <a:gd name="connsiteX10" fmla="*/ 508511 w 3642960"/>
                  <a:gd name="connsiteY10" fmla="*/ 3705793 h 4754830"/>
                  <a:gd name="connsiteX11" fmla="*/ 360873 w 3642960"/>
                  <a:gd name="connsiteY11" fmla="*/ 3448618 h 4754830"/>
                  <a:gd name="connsiteX12" fmla="*/ 279911 w 3642960"/>
                  <a:gd name="connsiteY12" fmla="*/ 3320030 h 4754830"/>
                  <a:gd name="connsiteX13" fmla="*/ 284673 w 3642960"/>
                  <a:gd name="connsiteY13" fmla="*/ 3105718 h 4754830"/>
                  <a:gd name="connsiteX14" fmla="*/ 13479 w 3642960"/>
                  <a:gd name="connsiteY14" fmla="*/ 2881208 h 4754830"/>
                  <a:gd name="connsiteX15" fmla="*/ 125923 w 3642960"/>
                  <a:gd name="connsiteY15" fmla="*/ 1957955 h 4754830"/>
                  <a:gd name="connsiteX16" fmla="*/ 354523 w 3642960"/>
                  <a:gd name="connsiteY16" fmla="*/ 1119755 h 4754830"/>
                  <a:gd name="connsiteX0" fmla="*/ 354523 w 3564221"/>
                  <a:gd name="connsiteY0" fmla="*/ 1119755 h 4754830"/>
                  <a:gd name="connsiteX1" fmla="*/ 424373 w 3564221"/>
                  <a:gd name="connsiteY1" fmla="*/ 351405 h 4754830"/>
                  <a:gd name="connsiteX2" fmla="*/ 3130815 w 3564221"/>
                  <a:gd name="connsiteY2" fmla="*/ 511853 h 4754830"/>
                  <a:gd name="connsiteX3" fmla="*/ 3554923 w 3564221"/>
                  <a:gd name="connsiteY3" fmla="*/ 2313553 h 4754830"/>
                  <a:gd name="connsiteX4" fmla="*/ 3339023 w 3564221"/>
                  <a:gd name="connsiteY4" fmla="*/ 3596253 h 4754830"/>
                  <a:gd name="connsiteX5" fmla="*/ 2413511 w 3564221"/>
                  <a:gd name="connsiteY5" fmla="*/ 4070915 h 4754830"/>
                  <a:gd name="connsiteX6" fmla="*/ 1649923 w 3564221"/>
                  <a:gd name="connsiteY6" fmla="*/ 4751953 h 4754830"/>
                  <a:gd name="connsiteX7" fmla="*/ 1395923 w 3564221"/>
                  <a:gd name="connsiteY7" fmla="*/ 4282053 h 4754830"/>
                  <a:gd name="connsiteX8" fmla="*/ 570423 w 3564221"/>
                  <a:gd name="connsiteY8" fmla="*/ 4116953 h 4754830"/>
                  <a:gd name="connsiteX9" fmla="*/ 508511 w 3564221"/>
                  <a:gd name="connsiteY9" fmla="*/ 3705793 h 4754830"/>
                  <a:gd name="connsiteX10" fmla="*/ 360873 w 3564221"/>
                  <a:gd name="connsiteY10" fmla="*/ 3448618 h 4754830"/>
                  <a:gd name="connsiteX11" fmla="*/ 279911 w 3564221"/>
                  <a:gd name="connsiteY11" fmla="*/ 3320030 h 4754830"/>
                  <a:gd name="connsiteX12" fmla="*/ 284673 w 3564221"/>
                  <a:gd name="connsiteY12" fmla="*/ 3105718 h 4754830"/>
                  <a:gd name="connsiteX13" fmla="*/ 13479 w 3564221"/>
                  <a:gd name="connsiteY13" fmla="*/ 2881208 h 4754830"/>
                  <a:gd name="connsiteX14" fmla="*/ 125923 w 3564221"/>
                  <a:gd name="connsiteY14" fmla="*/ 1957955 h 4754830"/>
                  <a:gd name="connsiteX15" fmla="*/ 354523 w 3564221"/>
                  <a:gd name="connsiteY15" fmla="*/ 1119755 h 4754830"/>
                  <a:gd name="connsiteX0" fmla="*/ 354523 w 3619348"/>
                  <a:gd name="connsiteY0" fmla="*/ 1119755 h 4754830"/>
                  <a:gd name="connsiteX1" fmla="*/ 424373 w 3619348"/>
                  <a:gd name="connsiteY1" fmla="*/ 351405 h 4754830"/>
                  <a:gd name="connsiteX2" fmla="*/ 3130815 w 3619348"/>
                  <a:gd name="connsiteY2" fmla="*/ 511853 h 4754830"/>
                  <a:gd name="connsiteX3" fmla="*/ 3554923 w 3619348"/>
                  <a:gd name="connsiteY3" fmla="*/ 2313553 h 4754830"/>
                  <a:gd name="connsiteX4" fmla="*/ 2413511 w 3619348"/>
                  <a:gd name="connsiteY4" fmla="*/ 4070915 h 4754830"/>
                  <a:gd name="connsiteX5" fmla="*/ 1649923 w 3619348"/>
                  <a:gd name="connsiteY5" fmla="*/ 4751953 h 4754830"/>
                  <a:gd name="connsiteX6" fmla="*/ 1395923 w 3619348"/>
                  <a:gd name="connsiteY6" fmla="*/ 4282053 h 4754830"/>
                  <a:gd name="connsiteX7" fmla="*/ 570423 w 3619348"/>
                  <a:gd name="connsiteY7" fmla="*/ 4116953 h 4754830"/>
                  <a:gd name="connsiteX8" fmla="*/ 508511 w 3619348"/>
                  <a:gd name="connsiteY8" fmla="*/ 3705793 h 4754830"/>
                  <a:gd name="connsiteX9" fmla="*/ 360873 w 3619348"/>
                  <a:gd name="connsiteY9" fmla="*/ 3448618 h 4754830"/>
                  <a:gd name="connsiteX10" fmla="*/ 279911 w 3619348"/>
                  <a:gd name="connsiteY10" fmla="*/ 3320030 h 4754830"/>
                  <a:gd name="connsiteX11" fmla="*/ 284673 w 3619348"/>
                  <a:gd name="connsiteY11" fmla="*/ 3105718 h 4754830"/>
                  <a:gd name="connsiteX12" fmla="*/ 13479 w 3619348"/>
                  <a:gd name="connsiteY12" fmla="*/ 2881208 h 4754830"/>
                  <a:gd name="connsiteX13" fmla="*/ 125923 w 3619348"/>
                  <a:gd name="connsiteY13" fmla="*/ 1957955 h 4754830"/>
                  <a:gd name="connsiteX14" fmla="*/ 354523 w 3619348"/>
                  <a:gd name="connsiteY14" fmla="*/ 1119755 h 4754830"/>
                  <a:gd name="connsiteX0" fmla="*/ 354523 w 3675865"/>
                  <a:gd name="connsiteY0" fmla="*/ 1119755 h 4754830"/>
                  <a:gd name="connsiteX1" fmla="*/ 424373 w 3675865"/>
                  <a:gd name="connsiteY1" fmla="*/ 351405 h 4754830"/>
                  <a:gd name="connsiteX2" fmla="*/ 3130815 w 3675865"/>
                  <a:gd name="connsiteY2" fmla="*/ 511853 h 4754830"/>
                  <a:gd name="connsiteX3" fmla="*/ 3554923 w 3675865"/>
                  <a:gd name="connsiteY3" fmla="*/ 2313553 h 4754830"/>
                  <a:gd name="connsiteX4" fmla="*/ 1649923 w 3675865"/>
                  <a:gd name="connsiteY4" fmla="*/ 4751953 h 4754830"/>
                  <a:gd name="connsiteX5" fmla="*/ 1395923 w 3675865"/>
                  <a:gd name="connsiteY5" fmla="*/ 4282053 h 4754830"/>
                  <a:gd name="connsiteX6" fmla="*/ 570423 w 3675865"/>
                  <a:gd name="connsiteY6" fmla="*/ 4116953 h 4754830"/>
                  <a:gd name="connsiteX7" fmla="*/ 508511 w 3675865"/>
                  <a:gd name="connsiteY7" fmla="*/ 3705793 h 4754830"/>
                  <a:gd name="connsiteX8" fmla="*/ 360873 w 3675865"/>
                  <a:gd name="connsiteY8" fmla="*/ 3448618 h 4754830"/>
                  <a:gd name="connsiteX9" fmla="*/ 279911 w 3675865"/>
                  <a:gd name="connsiteY9" fmla="*/ 3320030 h 4754830"/>
                  <a:gd name="connsiteX10" fmla="*/ 284673 w 3675865"/>
                  <a:gd name="connsiteY10" fmla="*/ 3105718 h 4754830"/>
                  <a:gd name="connsiteX11" fmla="*/ 13479 w 3675865"/>
                  <a:gd name="connsiteY11" fmla="*/ 2881208 h 4754830"/>
                  <a:gd name="connsiteX12" fmla="*/ 125923 w 3675865"/>
                  <a:gd name="connsiteY12" fmla="*/ 1957955 h 4754830"/>
                  <a:gd name="connsiteX13" fmla="*/ 354523 w 3675865"/>
                  <a:gd name="connsiteY13" fmla="*/ 1119755 h 4754830"/>
                  <a:gd name="connsiteX0" fmla="*/ 354523 w 3694671"/>
                  <a:gd name="connsiteY0" fmla="*/ 1119755 h 4282053"/>
                  <a:gd name="connsiteX1" fmla="*/ 424373 w 3694671"/>
                  <a:gd name="connsiteY1" fmla="*/ 351405 h 4282053"/>
                  <a:gd name="connsiteX2" fmla="*/ 3130815 w 3694671"/>
                  <a:gd name="connsiteY2" fmla="*/ 511853 h 4282053"/>
                  <a:gd name="connsiteX3" fmla="*/ 3554923 w 3694671"/>
                  <a:gd name="connsiteY3" fmla="*/ 2313553 h 4282053"/>
                  <a:gd name="connsiteX4" fmla="*/ 1395923 w 3694671"/>
                  <a:gd name="connsiteY4" fmla="*/ 4282053 h 4282053"/>
                  <a:gd name="connsiteX5" fmla="*/ 570423 w 3694671"/>
                  <a:gd name="connsiteY5" fmla="*/ 4116953 h 4282053"/>
                  <a:gd name="connsiteX6" fmla="*/ 508511 w 3694671"/>
                  <a:gd name="connsiteY6" fmla="*/ 3705793 h 4282053"/>
                  <a:gd name="connsiteX7" fmla="*/ 360873 w 3694671"/>
                  <a:gd name="connsiteY7" fmla="*/ 3448618 h 4282053"/>
                  <a:gd name="connsiteX8" fmla="*/ 279911 w 3694671"/>
                  <a:gd name="connsiteY8" fmla="*/ 3320030 h 4282053"/>
                  <a:gd name="connsiteX9" fmla="*/ 284673 w 3694671"/>
                  <a:gd name="connsiteY9" fmla="*/ 3105718 h 4282053"/>
                  <a:gd name="connsiteX10" fmla="*/ 13479 w 3694671"/>
                  <a:gd name="connsiteY10" fmla="*/ 2881208 h 4282053"/>
                  <a:gd name="connsiteX11" fmla="*/ 125923 w 3694671"/>
                  <a:gd name="connsiteY11" fmla="*/ 1957955 h 4282053"/>
                  <a:gd name="connsiteX12" fmla="*/ 354523 w 3694671"/>
                  <a:gd name="connsiteY12" fmla="*/ 1119755 h 4282053"/>
                  <a:gd name="connsiteX0" fmla="*/ 354523 w 3755799"/>
                  <a:gd name="connsiteY0" fmla="*/ 1119755 h 4116953"/>
                  <a:gd name="connsiteX1" fmla="*/ 424373 w 3755799"/>
                  <a:gd name="connsiteY1" fmla="*/ 351405 h 4116953"/>
                  <a:gd name="connsiteX2" fmla="*/ 3130815 w 3755799"/>
                  <a:gd name="connsiteY2" fmla="*/ 511853 h 4116953"/>
                  <a:gd name="connsiteX3" fmla="*/ 3554923 w 3755799"/>
                  <a:gd name="connsiteY3" fmla="*/ 2313553 h 4116953"/>
                  <a:gd name="connsiteX4" fmla="*/ 570423 w 3755799"/>
                  <a:gd name="connsiteY4" fmla="*/ 4116953 h 4116953"/>
                  <a:gd name="connsiteX5" fmla="*/ 508511 w 3755799"/>
                  <a:gd name="connsiteY5" fmla="*/ 3705793 h 4116953"/>
                  <a:gd name="connsiteX6" fmla="*/ 360873 w 3755799"/>
                  <a:gd name="connsiteY6" fmla="*/ 3448618 h 4116953"/>
                  <a:gd name="connsiteX7" fmla="*/ 279911 w 3755799"/>
                  <a:gd name="connsiteY7" fmla="*/ 3320030 h 4116953"/>
                  <a:gd name="connsiteX8" fmla="*/ 284673 w 3755799"/>
                  <a:gd name="connsiteY8" fmla="*/ 3105718 h 4116953"/>
                  <a:gd name="connsiteX9" fmla="*/ 13479 w 3755799"/>
                  <a:gd name="connsiteY9" fmla="*/ 2881208 h 4116953"/>
                  <a:gd name="connsiteX10" fmla="*/ 125923 w 3755799"/>
                  <a:gd name="connsiteY10" fmla="*/ 1957955 h 4116953"/>
                  <a:gd name="connsiteX11" fmla="*/ 354523 w 3755799"/>
                  <a:gd name="connsiteY11" fmla="*/ 1119755 h 4116953"/>
                  <a:gd name="connsiteX0" fmla="*/ 354523 w 3760384"/>
                  <a:gd name="connsiteY0" fmla="*/ 1119755 h 3705793"/>
                  <a:gd name="connsiteX1" fmla="*/ 424373 w 3760384"/>
                  <a:gd name="connsiteY1" fmla="*/ 351405 h 3705793"/>
                  <a:gd name="connsiteX2" fmla="*/ 3130815 w 3760384"/>
                  <a:gd name="connsiteY2" fmla="*/ 511853 h 3705793"/>
                  <a:gd name="connsiteX3" fmla="*/ 3554923 w 3760384"/>
                  <a:gd name="connsiteY3" fmla="*/ 2313553 h 3705793"/>
                  <a:gd name="connsiteX4" fmla="*/ 508511 w 3760384"/>
                  <a:gd name="connsiteY4" fmla="*/ 3705793 h 3705793"/>
                  <a:gd name="connsiteX5" fmla="*/ 360873 w 3760384"/>
                  <a:gd name="connsiteY5" fmla="*/ 3448618 h 3705793"/>
                  <a:gd name="connsiteX6" fmla="*/ 279911 w 3760384"/>
                  <a:gd name="connsiteY6" fmla="*/ 3320030 h 3705793"/>
                  <a:gd name="connsiteX7" fmla="*/ 284673 w 3760384"/>
                  <a:gd name="connsiteY7" fmla="*/ 3105718 h 3705793"/>
                  <a:gd name="connsiteX8" fmla="*/ 13479 w 3760384"/>
                  <a:gd name="connsiteY8" fmla="*/ 2881208 h 3705793"/>
                  <a:gd name="connsiteX9" fmla="*/ 125923 w 3760384"/>
                  <a:gd name="connsiteY9" fmla="*/ 1957955 h 3705793"/>
                  <a:gd name="connsiteX10" fmla="*/ 354523 w 3760384"/>
                  <a:gd name="connsiteY10" fmla="*/ 1119755 h 3705793"/>
                  <a:gd name="connsiteX0" fmla="*/ 354523 w 3771318"/>
                  <a:gd name="connsiteY0" fmla="*/ 1119755 h 3507334"/>
                  <a:gd name="connsiteX1" fmla="*/ 424373 w 3771318"/>
                  <a:gd name="connsiteY1" fmla="*/ 351405 h 3507334"/>
                  <a:gd name="connsiteX2" fmla="*/ 3130815 w 3771318"/>
                  <a:gd name="connsiteY2" fmla="*/ 511853 h 3507334"/>
                  <a:gd name="connsiteX3" fmla="*/ 3554923 w 3771318"/>
                  <a:gd name="connsiteY3" fmla="*/ 2313553 h 3507334"/>
                  <a:gd name="connsiteX4" fmla="*/ 360873 w 3771318"/>
                  <a:gd name="connsiteY4" fmla="*/ 3448618 h 3507334"/>
                  <a:gd name="connsiteX5" fmla="*/ 279911 w 3771318"/>
                  <a:gd name="connsiteY5" fmla="*/ 3320030 h 3507334"/>
                  <a:gd name="connsiteX6" fmla="*/ 284673 w 3771318"/>
                  <a:gd name="connsiteY6" fmla="*/ 3105718 h 3507334"/>
                  <a:gd name="connsiteX7" fmla="*/ 13479 w 3771318"/>
                  <a:gd name="connsiteY7" fmla="*/ 2881208 h 3507334"/>
                  <a:gd name="connsiteX8" fmla="*/ 125923 w 3771318"/>
                  <a:gd name="connsiteY8" fmla="*/ 1957955 h 3507334"/>
                  <a:gd name="connsiteX9" fmla="*/ 354523 w 3771318"/>
                  <a:gd name="connsiteY9" fmla="*/ 1119755 h 3507334"/>
                  <a:gd name="connsiteX0" fmla="*/ 354523 w 3777314"/>
                  <a:gd name="connsiteY0" fmla="*/ 1119755 h 3320030"/>
                  <a:gd name="connsiteX1" fmla="*/ 424373 w 3777314"/>
                  <a:gd name="connsiteY1" fmla="*/ 351405 h 3320030"/>
                  <a:gd name="connsiteX2" fmla="*/ 3130815 w 3777314"/>
                  <a:gd name="connsiteY2" fmla="*/ 511853 h 3320030"/>
                  <a:gd name="connsiteX3" fmla="*/ 3554923 w 3777314"/>
                  <a:gd name="connsiteY3" fmla="*/ 2313553 h 3320030"/>
                  <a:gd name="connsiteX4" fmla="*/ 279911 w 3777314"/>
                  <a:gd name="connsiteY4" fmla="*/ 3320030 h 3320030"/>
                  <a:gd name="connsiteX5" fmla="*/ 284673 w 3777314"/>
                  <a:gd name="connsiteY5" fmla="*/ 3105718 h 3320030"/>
                  <a:gd name="connsiteX6" fmla="*/ 13479 w 3777314"/>
                  <a:gd name="connsiteY6" fmla="*/ 2881208 h 3320030"/>
                  <a:gd name="connsiteX7" fmla="*/ 125923 w 3777314"/>
                  <a:gd name="connsiteY7" fmla="*/ 1957955 h 3320030"/>
                  <a:gd name="connsiteX8" fmla="*/ 354523 w 3777314"/>
                  <a:gd name="connsiteY8" fmla="*/ 1119755 h 3320030"/>
                  <a:gd name="connsiteX0" fmla="*/ 354523 w 3776961"/>
                  <a:gd name="connsiteY0" fmla="*/ 1119755 h 3105718"/>
                  <a:gd name="connsiteX1" fmla="*/ 424373 w 3776961"/>
                  <a:gd name="connsiteY1" fmla="*/ 351405 h 3105718"/>
                  <a:gd name="connsiteX2" fmla="*/ 3130815 w 3776961"/>
                  <a:gd name="connsiteY2" fmla="*/ 511853 h 3105718"/>
                  <a:gd name="connsiteX3" fmla="*/ 3554923 w 3776961"/>
                  <a:gd name="connsiteY3" fmla="*/ 2313553 h 3105718"/>
                  <a:gd name="connsiteX4" fmla="*/ 284673 w 3776961"/>
                  <a:gd name="connsiteY4" fmla="*/ 3105718 h 3105718"/>
                  <a:gd name="connsiteX5" fmla="*/ 13479 w 3776961"/>
                  <a:gd name="connsiteY5" fmla="*/ 2881208 h 3105718"/>
                  <a:gd name="connsiteX6" fmla="*/ 125923 w 3776961"/>
                  <a:gd name="connsiteY6" fmla="*/ 1957955 h 3105718"/>
                  <a:gd name="connsiteX7" fmla="*/ 354523 w 3776961"/>
                  <a:gd name="connsiteY7" fmla="*/ 1119755 h 3105718"/>
                  <a:gd name="connsiteX0" fmla="*/ 341044 w 3783567"/>
                  <a:gd name="connsiteY0" fmla="*/ 1119755 h 2890391"/>
                  <a:gd name="connsiteX1" fmla="*/ 410894 w 3783567"/>
                  <a:gd name="connsiteY1" fmla="*/ 351405 h 2890391"/>
                  <a:gd name="connsiteX2" fmla="*/ 3117336 w 3783567"/>
                  <a:gd name="connsiteY2" fmla="*/ 511853 h 2890391"/>
                  <a:gd name="connsiteX3" fmla="*/ 3541444 w 3783567"/>
                  <a:gd name="connsiteY3" fmla="*/ 2313553 h 2890391"/>
                  <a:gd name="connsiteX4" fmla="*/ 0 w 3783567"/>
                  <a:gd name="connsiteY4" fmla="*/ 2881208 h 2890391"/>
                  <a:gd name="connsiteX5" fmla="*/ 112444 w 3783567"/>
                  <a:gd name="connsiteY5" fmla="*/ 1957955 h 2890391"/>
                  <a:gd name="connsiteX6" fmla="*/ 341044 w 3783567"/>
                  <a:gd name="connsiteY6" fmla="*/ 1119755 h 2890391"/>
                  <a:gd name="connsiteX0" fmla="*/ 242693 w 3676888"/>
                  <a:gd name="connsiteY0" fmla="*/ 1119755 h 2388806"/>
                  <a:gd name="connsiteX1" fmla="*/ 312543 w 3676888"/>
                  <a:gd name="connsiteY1" fmla="*/ 351405 h 2388806"/>
                  <a:gd name="connsiteX2" fmla="*/ 3018985 w 3676888"/>
                  <a:gd name="connsiteY2" fmla="*/ 511853 h 2388806"/>
                  <a:gd name="connsiteX3" fmla="*/ 3443093 w 3676888"/>
                  <a:gd name="connsiteY3" fmla="*/ 2313553 h 2388806"/>
                  <a:gd name="connsiteX4" fmla="*/ 14093 w 3676888"/>
                  <a:gd name="connsiteY4" fmla="*/ 1957955 h 2388806"/>
                  <a:gd name="connsiteX5" fmla="*/ 242693 w 3676888"/>
                  <a:gd name="connsiteY5" fmla="*/ 1119755 h 2388806"/>
                  <a:gd name="connsiteX0" fmla="*/ 59276 w 3493471"/>
                  <a:gd name="connsiteY0" fmla="*/ 1119755 h 2320945"/>
                  <a:gd name="connsiteX1" fmla="*/ 129126 w 3493471"/>
                  <a:gd name="connsiteY1" fmla="*/ 351405 h 2320945"/>
                  <a:gd name="connsiteX2" fmla="*/ 2835568 w 3493471"/>
                  <a:gd name="connsiteY2" fmla="*/ 511853 h 2320945"/>
                  <a:gd name="connsiteX3" fmla="*/ 3259676 w 3493471"/>
                  <a:gd name="connsiteY3" fmla="*/ 2313553 h 2320945"/>
                  <a:gd name="connsiteX4" fmla="*/ 59276 w 3493471"/>
                  <a:gd name="connsiteY4" fmla="*/ 1119755 h 2320945"/>
                  <a:gd name="connsiteX0" fmla="*/ 59276 w 3363694"/>
                  <a:gd name="connsiteY0" fmla="*/ 1119755 h 2320945"/>
                  <a:gd name="connsiteX1" fmla="*/ 129126 w 3363694"/>
                  <a:gd name="connsiteY1" fmla="*/ 351405 h 2320945"/>
                  <a:gd name="connsiteX2" fmla="*/ 2835568 w 3363694"/>
                  <a:gd name="connsiteY2" fmla="*/ 511853 h 2320945"/>
                  <a:gd name="connsiteX3" fmla="*/ 3259676 w 3363694"/>
                  <a:gd name="connsiteY3" fmla="*/ 2313553 h 2320945"/>
                  <a:gd name="connsiteX4" fmla="*/ 59276 w 3363694"/>
                  <a:gd name="connsiteY4" fmla="*/ 1119755 h 2320945"/>
                  <a:gd name="connsiteX0" fmla="*/ 59276 w 3363694"/>
                  <a:gd name="connsiteY0" fmla="*/ 1119755 h 2313553"/>
                  <a:gd name="connsiteX1" fmla="*/ 129126 w 3363694"/>
                  <a:gd name="connsiteY1" fmla="*/ 351405 h 2313553"/>
                  <a:gd name="connsiteX2" fmla="*/ 2835568 w 3363694"/>
                  <a:gd name="connsiteY2" fmla="*/ 511853 h 2313553"/>
                  <a:gd name="connsiteX3" fmla="*/ 3259676 w 3363694"/>
                  <a:gd name="connsiteY3" fmla="*/ 2313553 h 2313553"/>
                  <a:gd name="connsiteX4" fmla="*/ 59276 w 3363694"/>
                  <a:gd name="connsiteY4" fmla="*/ 1119755 h 2313553"/>
                  <a:gd name="connsiteX0" fmla="*/ 59276 w 3363694"/>
                  <a:gd name="connsiteY0" fmla="*/ 1119755 h 2313553"/>
                  <a:gd name="connsiteX1" fmla="*/ 129126 w 3363694"/>
                  <a:gd name="connsiteY1" fmla="*/ 351405 h 2313553"/>
                  <a:gd name="connsiteX2" fmla="*/ 2835568 w 3363694"/>
                  <a:gd name="connsiteY2" fmla="*/ 511853 h 2313553"/>
                  <a:gd name="connsiteX3" fmla="*/ 3259676 w 3363694"/>
                  <a:gd name="connsiteY3" fmla="*/ 2313553 h 2313553"/>
                  <a:gd name="connsiteX4" fmla="*/ 59276 w 3363694"/>
                  <a:gd name="connsiteY4" fmla="*/ 1119755 h 2313553"/>
                  <a:gd name="connsiteX0" fmla="*/ 59276 w 3363694"/>
                  <a:gd name="connsiteY0" fmla="*/ 1119755 h 2325155"/>
                  <a:gd name="connsiteX1" fmla="*/ 129126 w 3363694"/>
                  <a:gd name="connsiteY1" fmla="*/ 351405 h 2325155"/>
                  <a:gd name="connsiteX2" fmla="*/ 2835568 w 3363694"/>
                  <a:gd name="connsiteY2" fmla="*/ 511853 h 2325155"/>
                  <a:gd name="connsiteX3" fmla="*/ 3259676 w 3363694"/>
                  <a:gd name="connsiteY3" fmla="*/ 2313553 h 2325155"/>
                  <a:gd name="connsiteX4" fmla="*/ 1748714 w 3363694"/>
                  <a:gd name="connsiteY4" fmla="*/ 1277971 h 2325155"/>
                  <a:gd name="connsiteX5" fmla="*/ 59276 w 3363694"/>
                  <a:gd name="connsiteY5" fmla="*/ 1119755 h 2325155"/>
                  <a:gd name="connsiteX0" fmla="*/ 59276 w 3363694"/>
                  <a:gd name="connsiteY0" fmla="*/ 1119755 h 2332774"/>
                  <a:gd name="connsiteX1" fmla="*/ 129126 w 3363694"/>
                  <a:gd name="connsiteY1" fmla="*/ 351405 h 2332774"/>
                  <a:gd name="connsiteX2" fmla="*/ 2835568 w 3363694"/>
                  <a:gd name="connsiteY2" fmla="*/ 511853 h 2332774"/>
                  <a:gd name="connsiteX3" fmla="*/ 3259676 w 3363694"/>
                  <a:gd name="connsiteY3" fmla="*/ 2313553 h 2332774"/>
                  <a:gd name="connsiteX4" fmla="*/ 1906814 w 3363694"/>
                  <a:gd name="connsiteY4" fmla="*/ 1699573 h 2332774"/>
                  <a:gd name="connsiteX5" fmla="*/ 59276 w 3363694"/>
                  <a:gd name="connsiteY5" fmla="*/ 1119755 h 2332774"/>
                  <a:gd name="connsiteX0" fmla="*/ 59276 w 3363694"/>
                  <a:gd name="connsiteY0" fmla="*/ 1119755 h 2332774"/>
                  <a:gd name="connsiteX1" fmla="*/ 129126 w 3363694"/>
                  <a:gd name="connsiteY1" fmla="*/ 351405 h 2332774"/>
                  <a:gd name="connsiteX2" fmla="*/ 2835568 w 3363694"/>
                  <a:gd name="connsiteY2" fmla="*/ 511853 h 2332774"/>
                  <a:gd name="connsiteX3" fmla="*/ 3259676 w 3363694"/>
                  <a:gd name="connsiteY3" fmla="*/ 2313553 h 2332774"/>
                  <a:gd name="connsiteX4" fmla="*/ 1906814 w 3363694"/>
                  <a:gd name="connsiteY4" fmla="*/ 1699573 h 2332774"/>
                  <a:gd name="connsiteX5" fmla="*/ 59276 w 3363694"/>
                  <a:gd name="connsiteY5" fmla="*/ 1119755 h 2332774"/>
                  <a:gd name="connsiteX0" fmla="*/ 59276 w 3363694"/>
                  <a:gd name="connsiteY0" fmla="*/ 1119755 h 2361274"/>
                  <a:gd name="connsiteX1" fmla="*/ 129126 w 3363694"/>
                  <a:gd name="connsiteY1" fmla="*/ 351405 h 2361274"/>
                  <a:gd name="connsiteX2" fmla="*/ 2835568 w 3363694"/>
                  <a:gd name="connsiteY2" fmla="*/ 511853 h 2361274"/>
                  <a:gd name="connsiteX3" fmla="*/ 3259676 w 3363694"/>
                  <a:gd name="connsiteY3" fmla="*/ 2313553 h 2361274"/>
                  <a:gd name="connsiteX4" fmla="*/ 2104452 w 3363694"/>
                  <a:gd name="connsiteY4" fmla="*/ 2094817 h 2361274"/>
                  <a:gd name="connsiteX5" fmla="*/ 59276 w 3363694"/>
                  <a:gd name="connsiteY5" fmla="*/ 1119755 h 2361274"/>
                  <a:gd name="connsiteX0" fmla="*/ 59276 w 3363694"/>
                  <a:gd name="connsiteY0" fmla="*/ 1119755 h 2474277"/>
                  <a:gd name="connsiteX1" fmla="*/ 129126 w 3363694"/>
                  <a:gd name="connsiteY1" fmla="*/ 351405 h 2474277"/>
                  <a:gd name="connsiteX2" fmla="*/ 2835568 w 3363694"/>
                  <a:gd name="connsiteY2" fmla="*/ 511853 h 2474277"/>
                  <a:gd name="connsiteX3" fmla="*/ 3259676 w 3363694"/>
                  <a:gd name="connsiteY3" fmla="*/ 2313553 h 2474277"/>
                  <a:gd name="connsiteX4" fmla="*/ 2420653 w 3363694"/>
                  <a:gd name="connsiteY4" fmla="*/ 2371499 h 2474277"/>
                  <a:gd name="connsiteX5" fmla="*/ 59276 w 3363694"/>
                  <a:gd name="connsiteY5" fmla="*/ 1119755 h 2474277"/>
                  <a:gd name="connsiteX0" fmla="*/ 59276 w 3363694"/>
                  <a:gd name="connsiteY0" fmla="*/ 1119755 h 2526629"/>
                  <a:gd name="connsiteX1" fmla="*/ 129126 w 3363694"/>
                  <a:gd name="connsiteY1" fmla="*/ 351405 h 2526629"/>
                  <a:gd name="connsiteX2" fmla="*/ 2835568 w 3363694"/>
                  <a:gd name="connsiteY2" fmla="*/ 511853 h 2526629"/>
                  <a:gd name="connsiteX3" fmla="*/ 3259676 w 3363694"/>
                  <a:gd name="connsiteY3" fmla="*/ 2313553 h 2526629"/>
                  <a:gd name="connsiteX4" fmla="*/ 2420653 w 3363694"/>
                  <a:gd name="connsiteY4" fmla="*/ 2371499 h 2526629"/>
                  <a:gd name="connsiteX5" fmla="*/ 59276 w 3363694"/>
                  <a:gd name="connsiteY5" fmla="*/ 1119755 h 2526629"/>
                  <a:gd name="connsiteX0" fmla="*/ 59276 w 3351793"/>
                  <a:gd name="connsiteY0" fmla="*/ 1106084 h 2512958"/>
                  <a:gd name="connsiteX1" fmla="*/ 129126 w 3351793"/>
                  <a:gd name="connsiteY1" fmla="*/ 337734 h 2512958"/>
                  <a:gd name="connsiteX2" fmla="*/ 2782791 w 3351793"/>
                  <a:gd name="connsiteY2" fmla="*/ 541740 h 2512958"/>
                  <a:gd name="connsiteX3" fmla="*/ 3259676 w 3351793"/>
                  <a:gd name="connsiteY3" fmla="*/ 2299882 h 2512958"/>
                  <a:gd name="connsiteX4" fmla="*/ 2420653 w 3351793"/>
                  <a:gd name="connsiteY4" fmla="*/ 2357828 h 2512958"/>
                  <a:gd name="connsiteX5" fmla="*/ 59276 w 3351793"/>
                  <a:gd name="connsiteY5" fmla="*/ 1106084 h 2512958"/>
                  <a:gd name="connsiteX0" fmla="*/ 59276 w 3351793"/>
                  <a:gd name="connsiteY0" fmla="*/ 1121769 h 2528643"/>
                  <a:gd name="connsiteX1" fmla="*/ 129126 w 3351793"/>
                  <a:gd name="connsiteY1" fmla="*/ 353419 h 2528643"/>
                  <a:gd name="connsiteX2" fmla="*/ 2782791 w 3351793"/>
                  <a:gd name="connsiteY2" fmla="*/ 557425 h 2528643"/>
                  <a:gd name="connsiteX3" fmla="*/ 3259676 w 3351793"/>
                  <a:gd name="connsiteY3" fmla="*/ 2315567 h 2528643"/>
                  <a:gd name="connsiteX4" fmla="*/ 2420653 w 3351793"/>
                  <a:gd name="connsiteY4" fmla="*/ 2373513 h 2528643"/>
                  <a:gd name="connsiteX5" fmla="*/ 59276 w 3351793"/>
                  <a:gd name="connsiteY5" fmla="*/ 1121769 h 2528643"/>
                  <a:gd name="connsiteX0" fmla="*/ 59276 w 3351793"/>
                  <a:gd name="connsiteY0" fmla="*/ 1138454 h 2545328"/>
                  <a:gd name="connsiteX1" fmla="*/ 129126 w 3351793"/>
                  <a:gd name="connsiteY1" fmla="*/ 370104 h 2545328"/>
                  <a:gd name="connsiteX2" fmla="*/ 2782791 w 3351793"/>
                  <a:gd name="connsiteY2" fmla="*/ 574110 h 2545328"/>
                  <a:gd name="connsiteX3" fmla="*/ 3259676 w 3351793"/>
                  <a:gd name="connsiteY3" fmla="*/ 2332252 h 2545328"/>
                  <a:gd name="connsiteX4" fmla="*/ 2420653 w 3351793"/>
                  <a:gd name="connsiteY4" fmla="*/ 2390198 h 2545328"/>
                  <a:gd name="connsiteX5" fmla="*/ 59276 w 3351793"/>
                  <a:gd name="connsiteY5" fmla="*/ 1138454 h 2545328"/>
                  <a:gd name="connsiteX0" fmla="*/ 59276 w 3380160"/>
                  <a:gd name="connsiteY0" fmla="*/ 1138454 h 2545328"/>
                  <a:gd name="connsiteX1" fmla="*/ 129126 w 3380160"/>
                  <a:gd name="connsiteY1" fmla="*/ 370104 h 2545328"/>
                  <a:gd name="connsiteX2" fmla="*/ 2782791 w 3380160"/>
                  <a:gd name="connsiteY2" fmla="*/ 574110 h 2545328"/>
                  <a:gd name="connsiteX3" fmla="*/ 3259676 w 3380160"/>
                  <a:gd name="connsiteY3" fmla="*/ 2332252 h 2545328"/>
                  <a:gd name="connsiteX4" fmla="*/ 2420653 w 3380160"/>
                  <a:gd name="connsiteY4" fmla="*/ 2390198 h 2545328"/>
                  <a:gd name="connsiteX5" fmla="*/ 59276 w 3380160"/>
                  <a:gd name="connsiteY5" fmla="*/ 1138454 h 2545328"/>
                  <a:gd name="connsiteX0" fmla="*/ 59276 w 3380160"/>
                  <a:gd name="connsiteY0" fmla="*/ 1138454 h 2782253"/>
                  <a:gd name="connsiteX1" fmla="*/ 129126 w 3380160"/>
                  <a:gd name="connsiteY1" fmla="*/ 370104 h 2782253"/>
                  <a:gd name="connsiteX2" fmla="*/ 2782791 w 3380160"/>
                  <a:gd name="connsiteY2" fmla="*/ 574110 h 2782253"/>
                  <a:gd name="connsiteX3" fmla="*/ 3259676 w 3380160"/>
                  <a:gd name="connsiteY3" fmla="*/ 2332252 h 2782253"/>
                  <a:gd name="connsiteX4" fmla="*/ 2532556 w 3380160"/>
                  <a:gd name="connsiteY4" fmla="*/ 2683839 h 2782253"/>
                  <a:gd name="connsiteX5" fmla="*/ 59276 w 3380160"/>
                  <a:gd name="connsiteY5" fmla="*/ 1138454 h 2782253"/>
                  <a:gd name="connsiteX0" fmla="*/ 59276 w 3380160"/>
                  <a:gd name="connsiteY0" fmla="*/ 1138454 h 2956745"/>
                  <a:gd name="connsiteX1" fmla="*/ 129126 w 3380160"/>
                  <a:gd name="connsiteY1" fmla="*/ 370104 h 2956745"/>
                  <a:gd name="connsiteX2" fmla="*/ 2782791 w 3380160"/>
                  <a:gd name="connsiteY2" fmla="*/ 574110 h 2956745"/>
                  <a:gd name="connsiteX3" fmla="*/ 3259676 w 3380160"/>
                  <a:gd name="connsiteY3" fmla="*/ 2332252 h 2956745"/>
                  <a:gd name="connsiteX4" fmla="*/ 2532556 w 3380160"/>
                  <a:gd name="connsiteY4" fmla="*/ 2683839 h 2956745"/>
                  <a:gd name="connsiteX5" fmla="*/ 59276 w 3380160"/>
                  <a:gd name="connsiteY5" fmla="*/ 1138454 h 2956745"/>
                  <a:gd name="connsiteX0" fmla="*/ 59276 w 2999325"/>
                  <a:gd name="connsiteY0" fmla="*/ 1138454 h 2683836"/>
                  <a:gd name="connsiteX1" fmla="*/ 129126 w 2999325"/>
                  <a:gd name="connsiteY1" fmla="*/ 370104 h 2683836"/>
                  <a:gd name="connsiteX2" fmla="*/ 2782791 w 2999325"/>
                  <a:gd name="connsiteY2" fmla="*/ 574110 h 2683836"/>
                  <a:gd name="connsiteX3" fmla="*/ 2532556 w 2999325"/>
                  <a:gd name="connsiteY3" fmla="*/ 2683839 h 2683836"/>
                  <a:gd name="connsiteX4" fmla="*/ 59276 w 2999325"/>
                  <a:gd name="connsiteY4" fmla="*/ 1138454 h 2683836"/>
                  <a:gd name="connsiteX0" fmla="*/ 59276 w 3072823"/>
                  <a:gd name="connsiteY0" fmla="*/ 1138454 h 3037233"/>
                  <a:gd name="connsiteX1" fmla="*/ 129126 w 3072823"/>
                  <a:gd name="connsiteY1" fmla="*/ 370104 h 3037233"/>
                  <a:gd name="connsiteX2" fmla="*/ 2782791 w 3072823"/>
                  <a:gd name="connsiteY2" fmla="*/ 574110 h 3037233"/>
                  <a:gd name="connsiteX3" fmla="*/ 2720894 w 3072823"/>
                  <a:gd name="connsiteY3" fmla="*/ 3037228 h 3037233"/>
                  <a:gd name="connsiteX4" fmla="*/ 59276 w 3072823"/>
                  <a:gd name="connsiteY4" fmla="*/ 1138454 h 3037233"/>
                  <a:gd name="connsiteX0" fmla="*/ 59276 w 3244086"/>
                  <a:gd name="connsiteY0" fmla="*/ 1138454 h 3037233"/>
                  <a:gd name="connsiteX1" fmla="*/ 129126 w 3244086"/>
                  <a:gd name="connsiteY1" fmla="*/ 370104 h 3037233"/>
                  <a:gd name="connsiteX2" fmla="*/ 2782791 w 3244086"/>
                  <a:gd name="connsiteY2" fmla="*/ 574110 h 3037233"/>
                  <a:gd name="connsiteX3" fmla="*/ 2720894 w 3244086"/>
                  <a:gd name="connsiteY3" fmla="*/ 3037228 h 3037233"/>
                  <a:gd name="connsiteX4" fmla="*/ 59276 w 3244086"/>
                  <a:gd name="connsiteY4" fmla="*/ 1138454 h 3037233"/>
                  <a:gd name="connsiteX0" fmla="*/ 59276 w 3263191"/>
                  <a:gd name="connsiteY0" fmla="*/ 1138454 h 3037233"/>
                  <a:gd name="connsiteX1" fmla="*/ 129126 w 3263191"/>
                  <a:gd name="connsiteY1" fmla="*/ 370104 h 3037233"/>
                  <a:gd name="connsiteX2" fmla="*/ 2782791 w 3263191"/>
                  <a:gd name="connsiteY2" fmla="*/ 574110 h 3037233"/>
                  <a:gd name="connsiteX3" fmla="*/ 2720894 w 3263191"/>
                  <a:gd name="connsiteY3" fmla="*/ 3037228 h 3037233"/>
                  <a:gd name="connsiteX4" fmla="*/ 59276 w 3263191"/>
                  <a:gd name="connsiteY4" fmla="*/ 1138454 h 3037233"/>
                  <a:gd name="connsiteX0" fmla="*/ 59276 w 3309484"/>
                  <a:gd name="connsiteY0" fmla="*/ 1138454 h 3037233"/>
                  <a:gd name="connsiteX1" fmla="*/ 129126 w 3309484"/>
                  <a:gd name="connsiteY1" fmla="*/ 370104 h 3037233"/>
                  <a:gd name="connsiteX2" fmla="*/ 2782791 w 3309484"/>
                  <a:gd name="connsiteY2" fmla="*/ 574110 h 3037233"/>
                  <a:gd name="connsiteX3" fmla="*/ 2720894 w 3309484"/>
                  <a:gd name="connsiteY3" fmla="*/ 3037228 h 3037233"/>
                  <a:gd name="connsiteX4" fmla="*/ 59276 w 3309484"/>
                  <a:gd name="connsiteY4" fmla="*/ 1138454 h 3037233"/>
                  <a:gd name="connsiteX0" fmla="*/ 59276 w 3405805"/>
                  <a:gd name="connsiteY0" fmla="*/ 1138454 h 2998988"/>
                  <a:gd name="connsiteX1" fmla="*/ 129126 w 3405805"/>
                  <a:gd name="connsiteY1" fmla="*/ 370104 h 2998988"/>
                  <a:gd name="connsiteX2" fmla="*/ 2782791 w 3405805"/>
                  <a:gd name="connsiteY2" fmla="*/ 574110 h 2998988"/>
                  <a:gd name="connsiteX3" fmla="*/ 2873514 w 3405805"/>
                  <a:gd name="connsiteY3" fmla="*/ 2998988 h 2998988"/>
                  <a:gd name="connsiteX4" fmla="*/ 59276 w 3405805"/>
                  <a:gd name="connsiteY4" fmla="*/ 1138454 h 2998988"/>
                  <a:gd name="connsiteX0" fmla="*/ 59276 w 3335394"/>
                  <a:gd name="connsiteY0" fmla="*/ 1116848 h 2977382"/>
                  <a:gd name="connsiteX1" fmla="*/ 129126 w 3335394"/>
                  <a:gd name="connsiteY1" fmla="*/ 348498 h 2977382"/>
                  <a:gd name="connsiteX2" fmla="*/ 2548012 w 3335394"/>
                  <a:gd name="connsiteY2" fmla="*/ 623480 h 2977382"/>
                  <a:gd name="connsiteX3" fmla="*/ 2873514 w 3335394"/>
                  <a:gd name="connsiteY3" fmla="*/ 2977382 h 2977382"/>
                  <a:gd name="connsiteX4" fmla="*/ 59276 w 3335394"/>
                  <a:gd name="connsiteY4" fmla="*/ 1116848 h 2977382"/>
                  <a:gd name="connsiteX0" fmla="*/ 59276 w 3401854"/>
                  <a:gd name="connsiteY0" fmla="*/ 1129904 h 2990438"/>
                  <a:gd name="connsiteX1" fmla="*/ 129126 w 3401854"/>
                  <a:gd name="connsiteY1" fmla="*/ 361554 h 2990438"/>
                  <a:gd name="connsiteX2" fmla="*/ 2771085 w 3401854"/>
                  <a:gd name="connsiteY2" fmla="*/ 592777 h 2990438"/>
                  <a:gd name="connsiteX3" fmla="*/ 2873514 w 3401854"/>
                  <a:gd name="connsiteY3" fmla="*/ 2990438 h 2990438"/>
                  <a:gd name="connsiteX4" fmla="*/ 59276 w 3401854"/>
                  <a:gd name="connsiteY4" fmla="*/ 1129904 h 2990438"/>
                  <a:gd name="connsiteX0" fmla="*/ 59276 w 3200183"/>
                  <a:gd name="connsiteY0" fmla="*/ 1129904 h 2990438"/>
                  <a:gd name="connsiteX1" fmla="*/ 129126 w 3200183"/>
                  <a:gd name="connsiteY1" fmla="*/ 361554 h 2990438"/>
                  <a:gd name="connsiteX2" fmla="*/ 2771085 w 3200183"/>
                  <a:gd name="connsiteY2" fmla="*/ 592777 h 2990438"/>
                  <a:gd name="connsiteX3" fmla="*/ 2873514 w 3200183"/>
                  <a:gd name="connsiteY3" fmla="*/ 2990438 h 2990438"/>
                  <a:gd name="connsiteX4" fmla="*/ 59276 w 3200183"/>
                  <a:gd name="connsiteY4" fmla="*/ 1129904 h 2990438"/>
                  <a:gd name="connsiteX0" fmla="*/ 59276 w 3330481"/>
                  <a:gd name="connsiteY0" fmla="*/ 1129904 h 2990438"/>
                  <a:gd name="connsiteX1" fmla="*/ 129126 w 3330481"/>
                  <a:gd name="connsiteY1" fmla="*/ 361554 h 2990438"/>
                  <a:gd name="connsiteX2" fmla="*/ 2771085 w 3330481"/>
                  <a:gd name="connsiteY2" fmla="*/ 592777 h 2990438"/>
                  <a:gd name="connsiteX3" fmla="*/ 2873514 w 3330481"/>
                  <a:gd name="connsiteY3" fmla="*/ 2990438 h 2990438"/>
                  <a:gd name="connsiteX4" fmla="*/ 59276 w 3330481"/>
                  <a:gd name="connsiteY4" fmla="*/ 1129904 h 2990438"/>
                  <a:gd name="connsiteX0" fmla="*/ 59276 w 3356242"/>
                  <a:gd name="connsiteY0" fmla="*/ 1131611 h 2992145"/>
                  <a:gd name="connsiteX1" fmla="*/ 129126 w 3356242"/>
                  <a:gd name="connsiteY1" fmla="*/ 363261 h 2992145"/>
                  <a:gd name="connsiteX2" fmla="*/ 2841544 w 3356242"/>
                  <a:gd name="connsiteY2" fmla="*/ 588972 h 2992145"/>
                  <a:gd name="connsiteX3" fmla="*/ 2873514 w 3356242"/>
                  <a:gd name="connsiteY3" fmla="*/ 2992145 h 2992145"/>
                  <a:gd name="connsiteX4" fmla="*/ 59276 w 3356242"/>
                  <a:gd name="connsiteY4" fmla="*/ 1131611 h 2992145"/>
                  <a:gd name="connsiteX0" fmla="*/ 59276 w 3356242"/>
                  <a:gd name="connsiteY0" fmla="*/ 1155600 h 3016134"/>
                  <a:gd name="connsiteX1" fmla="*/ 129126 w 3356242"/>
                  <a:gd name="connsiteY1" fmla="*/ 387250 h 3016134"/>
                  <a:gd name="connsiteX2" fmla="*/ 2841544 w 3356242"/>
                  <a:gd name="connsiteY2" fmla="*/ 612961 h 3016134"/>
                  <a:gd name="connsiteX3" fmla="*/ 2873514 w 3356242"/>
                  <a:gd name="connsiteY3" fmla="*/ 3016134 h 3016134"/>
                  <a:gd name="connsiteX4" fmla="*/ 59276 w 3356242"/>
                  <a:gd name="connsiteY4" fmla="*/ 1155600 h 3016134"/>
                  <a:gd name="connsiteX0" fmla="*/ 59276 w 3356242"/>
                  <a:gd name="connsiteY0" fmla="*/ 1155600 h 3016134"/>
                  <a:gd name="connsiteX1" fmla="*/ 129126 w 3356242"/>
                  <a:gd name="connsiteY1" fmla="*/ 387250 h 3016134"/>
                  <a:gd name="connsiteX2" fmla="*/ 2841544 w 3356242"/>
                  <a:gd name="connsiteY2" fmla="*/ 612961 h 3016134"/>
                  <a:gd name="connsiteX3" fmla="*/ 2873514 w 3356242"/>
                  <a:gd name="connsiteY3" fmla="*/ 3016134 h 3016134"/>
                  <a:gd name="connsiteX4" fmla="*/ 59276 w 3356242"/>
                  <a:gd name="connsiteY4" fmla="*/ 1155600 h 3016134"/>
                  <a:gd name="connsiteX0" fmla="*/ 59276 w 2873559"/>
                  <a:gd name="connsiteY0" fmla="*/ 768357 h 2628891"/>
                  <a:gd name="connsiteX1" fmla="*/ 129126 w 2873559"/>
                  <a:gd name="connsiteY1" fmla="*/ 7 h 2628891"/>
                  <a:gd name="connsiteX2" fmla="*/ 2873514 w 2873559"/>
                  <a:gd name="connsiteY2" fmla="*/ 2628891 h 2628891"/>
                  <a:gd name="connsiteX3" fmla="*/ 59276 w 2873559"/>
                  <a:gd name="connsiteY3" fmla="*/ 768357 h 2628891"/>
                  <a:gd name="connsiteX0" fmla="*/ 59276 w 3266876"/>
                  <a:gd name="connsiteY0" fmla="*/ 768357 h 2628891"/>
                  <a:gd name="connsiteX1" fmla="*/ 129126 w 3266876"/>
                  <a:gd name="connsiteY1" fmla="*/ 7 h 2628891"/>
                  <a:gd name="connsiteX2" fmla="*/ 2873514 w 3266876"/>
                  <a:gd name="connsiteY2" fmla="*/ 2628891 h 2628891"/>
                  <a:gd name="connsiteX3" fmla="*/ 59276 w 3266876"/>
                  <a:gd name="connsiteY3" fmla="*/ 768357 h 2628891"/>
                  <a:gd name="connsiteX0" fmla="*/ 59276 w 3361570"/>
                  <a:gd name="connsiteY0" fmla="*/ 1112757 h 2973291"/>
                  <a:gd name="connsiteX1" fmla="*/ 129126 w 3361570"/>
                  <a:gd name="connsiteY1" fmla="*/ 344407 h 2973291"/>
                  <a:gd name="connsiteX2" fmla="*/ 2873514 w 3361570"/>
                  <a:gd name="connsiteY2" fmla="*/ 2973291 h 2973291"/>
                  <a:gd name="connsiteX3" fmla="*/ 59276 w 3361570"/>
                  <a:gd name="connsiteY3" fmla="*/ 1112757 h 2973291"/>
                  <a:gd name="connsiteX0" fmla="*/ 59276 w 3351196"/>
                  <a:gd name="connsiteY0" fmla="*/ 1178605 h 3039139"/>
                  <a:gd name="connsiteX1" fmla="*/ 129126 w 3351196"/>
                  <a:gd name="connsiteY1" fmla="*/ 410255 h 3039139"/>
                  <a:gd name="connsiteX2" fmla="*/ 2873514 w 3351196"/>
                  <a:gd name="connsiteY2" fmla="*/ 3039139 h 3039139"/>
                  <a:gd name="connsiteX3" fmla="*/ 59276 w 3351196"/>
                  <a:gd name="connsiteY3" fmla="*/ 1178605 h 3039139"/>
                  <a:gd name="connsiteX0" fmla="*/ 59276 w 3374201"/>
                  <a:gd name="connsiteY0" fmla="*/ 1176022 h 3036556"/>
                  <a:gd name="connsiteX1" fmla="*/ 129126 w 3374201"/>
                  <a:gd name="connsiteY1" fmla="*/ 407672 h 3036556"/>
                  <a:gd name="connsiteX2" fmla="*/ 2873514 w 3374201"/>
                  <a:gd name="connsiteY2" fmla="*/ 3036556 h 3036556"/>
                  <a:gd name="connsiteX3" fmla="*/ 59276 w 3374201"/>
                  <a:gd name="connsiteY3" fmla="*/ 1176022 h 3036556"/>
                  <a:gd name="connsiteX0" fmla="*/ 59276 w 3352955"/>
                  <a:gd name="connsiteY0" fmla="*/ 1233735 h 3094269"/>
                  <a:gd name="connsiteX1" fmla="*/ 129126 w 3352955"/>
                  <a:gd name="connsiteY1" fmla="*/ 465385 h 3094269"/>
                  <a:gd name="connsiteX2" fmla="*/ 2873514 w 3352955"/>
                  <a:gd name="connsiteY2" fmla="*/ 3094269 h 3094269"/>
                  <a:gd name="connsiteX3" fmla="*/ 59276 w 3352955"/>
                  <a:gd name="connsiteY3" fmla="*/ 1233735 h 3094269"/>
                  <a:gd name="connsiteX0" fmla="*/ 59276 w 3321883"/>
                  <a:gd name="connsiteY0" fmla="*/ 1169164 h 3029698"/>
                  <a:gd name="connsiteX1" fmla="*/ 129126 w 3321883"/>
                  <a:gd name="connsiteY1" fmla="*/ 400814 h 3029698"/>
                  <a:gd name="connsiteX2" fmla="*/ 2873514 w 3321883"/>
                  <a:gd name="connsiteY2" fmla="*/ 3029698 h 3029698"/>
                  <a:gd name="connsiteX3" fmla="*/ 59276 w 3321883"/>
                  <a:gd name="connsiteY3" fmla="*/ 1169164 h 3029698"/>
                  <a:gd name="connsiteX0" fmla="*/ 59276 w 3365753"/>
                  <a:gd name="connsiteY0" fmla="*/ 1203349 h 3063883"/>
                  <a:gd name="connsiteX1" fmla="*/ 129126 w 3365753"/>
                  <a:gd name="connsiteY1" fmla="*/ 434999 h 3063883"/>
                  <a:gd name="connsiteX2" fmla="*/ 2873514 w 3365753"/>
                  <a:gd name="connsiteY2" fmla="*/ 3063883 h 3063883"/>
                  <a:gd name="connsiteX3" fmla="*/ 59276 w 3365753"/>
                  <a:gd name="connsiteY3" fmla="*/ 1203349 h 306388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365753" h="3063883">
                    <a:moveTo>
                      <a:pt x="59276" y="1203349"/>
                    </a:moveTo>
                    <a:cubicBezTo>
                      <a:pt x="35993" y="993799"/>
                      <a:pt x="-95241" y="828699"/>
                      <a:pt x="129126" y="434999"/>
                    </a:cubicBezTo>
                    <a:cubicBezTo>
                      <a:pt x="1024914" y="-800276"/>
                      <a:pt x="4673362" y="758000"/>
                      <a:pt x="2873514" y="3063883"/>
                    </a:cubicBezTo>
                    <a:cubicBezTo>
                      <a:pt x="2340114" y="2864917"/>
                      <a:pt x="836909" y="383763"/>
                      <a:pt x="59276" y="1203349"/>
                    </a:cubicBezTo>
                    <a:close/>
                  </a:path>
                </a:pathLst>
              </a:custGeom>
              <a:solidFill>
                <a:sysClr val="windowText" lastClr="000000">
                  <a:lumMod val="75000"/>
                  <a:lumOff val="25000"/>
                </a:sys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33" name="Rectangle 3"/>
              <p:cNvSpPr/>
              <p:nvPr/>
            </p:nvSpPr>
            <p:spPr>
              <a:xfrm>
                <a:off x="5674058" y="2412365"/>
                <a:ext cx="868851" cy="677638"/>
              </a:xfrm>
              <a:custGeom>
                <a:avLst/>
                <a:gdLst>
                  <a:gd name="connsiteX0" fmla="*/ 0 w 838200"/>
                  <a:gd name="connsiteY0" fmla="*/ 0 h 1206500"/>
                  <a:gd name="connsiteX1" fmla="*/ 838200 w 838200"/>
                  <a:gd name="connsiteY1" fmla="*/ 0 h 1206500"/>
                  <a:gd name="connsiteX2" fmla="*/ 838200 w 838200"/>
                  <a:gd name="connsiteY2" fmla="*/ 1206500 h 1206500"/>
                  <a:gd name="connsiteX3" fmla="*/ 0 w 838200"/>
                  <a:gd name="connsiteY3" fmla="*/ 1206500 h 1206500"/>
                  <a:gd name="connsiteX4" fmla="*/ 0 w 838200"/>
                  <a:gd name="connsiteY4" fmla="*/ 0 h 1206500"/>
                  <a:gd name="connsiteX0" fmla="*/ 0 w 838200"/>
                  <a:gd name="connsiteY0" fmla="*/ 0 h 1206500"/>
                  <a:gd name="connsiteX1" fmla="*/ 619125 w 838200"/>
                  <a:gd name="connsiteY1" fmla="*/ 0 h 1206500"/>
                  <a:gd name="connsiteX2" fmla="*/ 838200 w 838200"/>
                  <a:gd name="connsiteY2" fmla="*/ 0 h 1206500"/>
                  <a:gd name="connsiteX3" fmla="*/ 838200 w 838200"/>
                  <a:gd name="connsiteY3" fmla="*/ 1206500 h 1206500"/>
                  <a:gd name="connsiteX4" fmla="*/ 0 w 838200"/>
                  <a:gd name="connsiteY4" fmla="*/ 1206500 h 1206500"/>
                  <a:gd name="connsiteX5" fmla="*/ 0 w 838200"/>
                  <a:gd name="connsiteY5" fmla="*/ 0 h 1206500"/>
                  <a:gd name="connsiteX0" fmla="*/ 0 w 838200"/>
                  <a:gd name="connsiteY0" fmla="*/ 0 h 1206500"/>
                  <a:gd name="connsiteX1" fmla="*/ 619125 w 838200"/>
                  <a:gd name="connsiteY1" fmla="*/ 0 h 1206500"/>
                  <a:gd name="connsiteX2" fmla="*/ 838200 w 838200"/>
                  <a:gd name="connsiteY2" fmla="*/ 0 h 1206500"/>
                  <a:gd name="connsiteX3" fmla="*/ 838200 w 838200"/>
                  <a:gd name="connsiteY3" fmla="*/ 307975 h 1206500"/>
                  <a:gd name="connsiteX4" fmla="*/ 838200 w 838200"/>
                  <a:gd name="connsiteY4" fmla="*/ 1206500 h 1206500"/>
                  <a:gd name="connsiteX5" fmla="*/ 0 w 838200"/>
                  <a:gd name="connsiteY5" fmla="*/ 1206500 h 1206500"/>
                  <a:gd name="connsiteX6" fmla="*/ 0 w 838200"/>
                  <a:gd name="connsiteY6" fmla="*/ 0 h 1206500"/>
                  <a:gd name="connsiteX0" fmla="*/ 0 w 838200"/>
                  <a:gd name="connsiteY0" fmla="*/ 3175 h 1209675"/>
                  <a:gd name="connsiteX1" fmla="*/ 619125 w 838200"/>
                  <a:gd name="connsiteY1" fmla="*/ 3175 h 1209675"/>
                  <a:gd name="connsiteX2" fmla="*/ 679450 w 838200"/>
                  <a:gd name="connsiteY2" fmla="*/ 0 h 1209675"/>
                  <a:gd name="connsiteX3" fmla="*/ 838200 w 838200"/>
                  <a:gd name="connsiteY3" fmla="*/ 3175 h 1209675"/>
                  <a:gd name="connsiteX4" fmla="*/ 838200 w 838200"/>
                  <a:gd name="connsiteY4" fmla="*/ 311150 h 1209675"/>
                  <a:gd name="connsiteX5" fmla="*/ 838200 w 838200"/>
                  <a:gd name="connsiteY5" fmla="*/ 1209675 h 1209675"/>
                  <a:gd name="connsiteX6" fmla="*/ 0 w 838200"/>
                  <a:gd name="connsiteY6" fmla="*/ 1209675 h 1209675"/>
                  <a:gd name="connsiteX7" fmla="*/ 0 w 838200"/>
                  <a:gd name="connsiteY7" fmla="*/ 3175 h 1209675"/>
                  <a:gd name="connsiteX0" fmla="*/ 0 w 838200"/>
                  <a:gd name="connsiteY0" fmla="*/ 0 h 1206500"/>
                  <a:gd name="connsiteX1" fmla="*/ 619125 w 838200"/>
                  <a:gd name="connsiteY1" fmla="*/ 0 h 1206500"/>
                  <a:gd name="connsiteX2" fmla="*/ 676275 w 838200"/>
                  <a:gd name="connsiteY2" fmla="*/ 0 h 1206500"/>
                  <a:gd name="connsiteX3" fmla="*/ 838200 w 838200"/>
                  <a:gd name="connsiteY3" fmla="*/ 0 h 1206500"/>
                  <a:gd name="connsiteX4" fmla="*/ 838200 w 838200"/>
                  <a:gd name="connsiteY4" fmla="*/ 307975 h 1206500"/>
                  <a:gd name="connsiteX5" fmla="*/ 838200 w 838200"/>
                  <a:gd name="connsiteY5" fmla="*/ 1206500 h 1206500"/>
                  <a:gd name="connsiteX6" fmla="*/ 0 w 838200"/>
                  <a:gd name="connsiteY6" fmla="*/ 1206500 h 1206500"/>
                  <a:gd name="connsiteX7" fmla="*/ 0 w 838200"/>
                  <a:gd name="connsiteY7" fmla="*/ 0 h 1206500"/>
                  <a:gd name="connsiteX0" fmla="*/ 0 w 838200"/>
                  <a:gd name="connsiteY0" fmla="*/ 0 h 1206500"/>
                  <a:gd name="connsiteX1" fmla="*/ 619125 w 838200"/>
                  <a:gd name="connsiteY1" fmla="*/ 0 h 1206500"/>
                  <a:gd name="connsiteX2" fmla="*/ 676275 w 838200"/>
                  <a:gd name="connsiteY2" fmla="*/ 0 h 1206500"/>
                  <a:gd name="connsiteX3" fmla="*/ 838200 w 838200"/>
                  <a:gd name="connsiteY3" fmla="*/ 307975 h 1206500"/>
                  <a:gd name="connsiteX4" fmla="*/ 838200 w 838200"/>
                  <a:gd name="connsiteY4" fmla="*/ 1206500 h 1206500"/>
                  <a:gd name="connsiteX5" fmla="*/ 0 w 838200"/>
                  <a:gd name="connsiteY5" fmla="*/ 1206500 h 1206500"/>
                  <a:gd name="connsiteX6" fmla="*/ 0 w 838200"/>
                  <a:gd name="connsiteY6" fmla="*/ 0 h 1206500"/>
                  <a:gd name="connsiteX0" fmla="*/ 0 w 838200"/>
                  <a:gd name="connsiteY0" fmla="*/ 0 h 1206500"/>
                  <a:gd name="connsiteX1" fmla="*/ 619125 w 838200"/>
                  <a:gd name="connsiteY1" fmla="*/ 0 h 1206500"/>
                  <a:gd name="connsiteX2" fmla="*/ 676275 w 838200"/>
                  <a:gd name="connsiteY2" fmla="*/ 0 h 1206500"/>
                  <a:gd name="connsiteX3" fmla="*/ 838200 w 838200"/>
                  <a:gd name="connsiteY3" fmla="*/ 307975 h 1206500"/>
                  <a:gd name="connsiteX4" fmla="*/ 838200 w 838200"/>
                  <a:gd name="connsiteY4" fmla="*/ 1206500 h 1206500"/>
                  <a:gd name="connsiteX5" fmla="*/ 0 w 838200"/>
                  <a:gd name="connsiteY5" fmla="*/ 1206500 h 1206500"/>
                  <a:gd name="connsiteX6" fmla="*/ 0 w 838200"/>
                  <a:gd name="connsiteY6" fmla="*/ 0 h 1206500"/>
                  <a:gd name="connsiteX0" fmla="*/ 0 w 838200"/>
                  <a:gd name="connsiteY0" fmla="*/ 0 h 1206500"/>
                  <a:gd name="connsiteX1" fmla="*/ 619125 w 838200"/>
                  <a:gd name="connsiteY1" fmla="*/ 0 h 1206500"/>
                  <a:gd name="connsiteX2" fmla="*/ 676275 w 838200"/>
                  <a:gd name="connsiteY2" fmla="*/ 0 h 1206500"/>
                  <a:gd name="connsiteX3" fmla="*/ 838200 w 838200"/>
                  <a:gd name="connsiteY3" fmla="*/ 307975 h 1206500"/>
                  <a:gd name="connsiteX4" fmla="*/ 838200 w 838200"/>
                  <a:gd name="connsiteY4" fmla="*/ 1206500 h 1206500"/>
                  <a:gd name="connsiteX5" fmla="*/ 0 w 838200"/>
                  <a:gd name="connsiteY5" fmla="*/ 1206500 h 1206500"/>
                  <a:gd name="connsiteX6" fmla="*/ 0 w 838200"/>
                  <a:gd name="connsiteY6" fmla="*/ 0 h 1206500"/>
                  <a:gd name="connsiteX0" fmla="*/ 0 w 838200"/>
                  <a:gd name="connsiteY0" fmla="*/ 0 h 1206500"/>
                  <a:gd name="connsiteX1" fmla="*/ 619125 w 838200"/>
                  <a:gd name="connsiteY1" fmla="*/ 0 h 1206500"/>
                  <a:gd name="connsiteX2" fmla="*/ 676275 w 838200"/>
                  <a:gd name="connsiteY2" fmla="*/ 0 h 1206500"/>
                  <a:gd name="connsiteX3" fmla="*/ 838200 w 838200"/>
                  <a:gd name="connsiteY3" fmla="*/ 307975 h 1206500"/>
                  <a:gd name="connsiteX4" fmla="*/ 835025 w 838200"/>
                  <a:gd name="connsiteY4" fmla="*/ 673100 h 1206500"/>
                  <a:gd name="connsiteX5" fmla="*/ 838200 w 838200"/>
                  <a:gd name="connsiteY5" fmla="*/ 1206500 h 1206500"/>
                  <a:gd name="connsiteX6" fmla="*/ 0 w 838200"/>
                  <a:gd name="connsiteY6" fmla="*/ 1206500 h 1206500"/>
                  <a:gd name="connsiteX7" fmla="*/ 0 w 838200"/>
                  <a:gd name="connsiteY7" fmla="*/ 0 h 1206500"/>
                  <a:gd name="connsiteX0" fmla="*/ 0 w 838200"/>
                  <a:gd name="connsiteY0" fmla="*/ 0 h 1206500"/>
                  <a:gd name="connsiteX1" fmla="*/ 619125 w 838200"/>
                  <a:gd name="connsiteY1" fmla="*/ 0 h 1206500"/>
                  <a:gd name="connsiteX2" fmla="*/ 676275 w 838200"/>
                  <a:gd name="connsiteY2" fmla="*/ 0 h 1206500"/>
                  <a:gd name="connsiteX3" fmla="*/ 838200 w 838200"/>
                  <a:gd name="connsiteY3" fmla="*/ 307975 h 1206500"/>
                  <a:gd name="connsiteX4" fmla="*/ 765175 w 838200"/>
                  <a:gd name="connsiteY4" fmla="*/ 676275 h 1206500"/>
                  <a:gd name="connsiteX5" fmla="*/ 838200 w 838200"/>
                  <a:gd name="connsiteY5" fmla="*/ 1206500 h 1206500"/>
                  <a:gd name="connsiteX6" fmla="*/ 0 w 838200"/>
                  <a:gd name="connsiteY6" fmla="*/ 1206500 h 1206500"/>
                  <a:gd name="connsiteX7" fmla="*/ 0 w 838200"/>
                  <a:gd name="connsiteY7" fmla="*/ 0 h 1206500"/>
                  <a:gd name="connsiteX0" fmla="*/ 0 w 838200"/>
                  <a:gd name="connsiteY0" fmla="*/ 0 h 1206500"/>
                  <a:gd name="connsiteX1" fmla="*/ 619125 w 838200"/>
                  <a:gd name="connsiteY1" fmla="*/ 0 h 1206500"/>
                  <a:gd name="connsiteX2" fmla="*/ 676275 w 838200"/>
                  <a:gd name="connsiteY2" fmla="*/ 0 h 1206500"/>
                  <a:gd name="connsiteX3" fmla="*/ 838200 w 838200"/>
                  <a:gd name="connsiteY3" fmla="*/ 307975 h 1206500"/>
                  <a:gd name="connsiteX4" fmla="*/ 765175 w 838200"/>
                  <a:gd name="connsiteY4" fmla="*/ 676275 h 1206500"/>
                  <a:gd name="connsiteX5" fmla="*/ 838200 w 838200"/>
                  <a:gd name="connsiteY5" fmla="*/ 1206500 h 1206500"/>
                  <a:gd name="connsiteX6" fmla="*/ 0 w 838200"/>
                  <a:gd name="connsiteY6" fmla="*/ 1206500 h 1206500"/>
                  <a:gd name="connsiteX7" fmla="*/ 0 w 838200"/>
                  <a:gd name="connsiteY7" fmla="*/ 0 h 1206500"/>
                  <a:gd name="connsiteX0" fmla="*/ 0 w 845244"/>
                  <a:gd name="connsiteY0" fmla="*/ 0 h 1206500"/>
                  <a:gd name="connsiteX1" fmla="*/ 619125 w 845244"/>
                  <a:gd name="connsiteY1" fmla="*/ 0 h 1206500"/>
                  <a:gd name="connsiteX2" fmla="*/ 676275 w 845244"/>
                  <a:gd name="connsiteY2" fmla="*/ 0 h 1206500"/>
                  <a:gd name="connsiteX3" fmla="*/ 838200 w 845244"/>
                  <a:gd name="connsiteY3" fmla="*/ 307975 h 1206500"/>
                  <a:gd name="connsiteX4" fmla="*/ 765175 w 845244"/>
                  <a:gd name="connsiteY4" fmla="*/ 676275 h 1206500"/>
                  <a:gd name="connsiteX5" fmla="*/ 838200 w 845244"/>
                  <a:gd name="connsiteY5" fmla="*/ 1206500 h 1206500"/>
                  <a:gd name="connsiteX6" fmla="*/ 0 w 845244"/>
                  <a:gd name="connsiteY6" fmla="*/ 1206500 h 1206500"/>
                  <a:gd name="connsiteX7" fmla="*/ 0 w 845244"/>
                  <a:gd name="connsiteY7" fmla="*/ 0 h 1206500"/>
                  <a:gd name="connsiteX0" fmla="*/ 0 w 849316"/>
                  <a:gd name="connsiteY0" fmla="*/ 0 h 1206500"/>
                  <a:gd name="connsiteX1" fmla="*/ 619125 w 849316"/>
                  <a:gd name="connsiteY1" fmla="*/ 0 h 1206500"/>
                  <a:gd name="connsiteX2" fmla="*/ 676275 w 849316"/>
                  <a:gd name="connsiteY2" fmla="*/ 0 h 1206500"/>
                  <a:gd name="connsiteX3" fmla="*/ 838200 w 849316"/>
                  <a:gd name="connsiteY3" fmla="*/ 307975 h 1206500"/>
                  <a:gd name="connsiteX4" fmla="*/ 765175 w 849316"/>
                  <a:gd name="connsiteY4" fmla="*/ 676275 h 1206500"/>
                  <a:gd name="connsiteX5" fmla="*/ 838200 w 849316"/>
                  <a:gd name="connsiteY5" fmla="*/ 1206500 h 1206500"/>
                  <a:gd name="connsiteX6" fmla="*/ 0 w 849316"/>
                  <a:gd name="connsiteY6" fmla="*/ 1206500 h 1206500"/>
                  <a:gd name="connsiteX7" fmla="*/ 0 w 849316"/>
                  <a:gd name="connsiteY7" fmla="*/ 0 h 1206500"/>
                  <a:gd name="connsiteX0" fmla="*/ 0 w 853444"/>
                  <a:gd name="connsiteY0" fmla="*/ 0 h 1206500"/>
                  <a:gd name="connsiteX1" fmla="*/ 619125 w 853444"/>
                  <a:gd name="connsiteY1" fmla="*/ 0 h 1206500"/>
                  <a:gd name="connsiteX2" fmla="*/ 676275 w 853444"/>
                  <a:gd name="connsiteY2" fmla="*/ 0 h 1206500"/>
                  <a:gd name="connsiteX3" fmla="*/ 838200 w 853444"/>
                  <a:gd name="connsiteY3" fmla="*/ 307975 h 1206500"/>
                  <a:gd name="connsiteX4" fmla="*/ 765175 w 853444"/>
                  <a:gd name="connsiteY4" fmla="*/ 676275 h 1206500"/>
                  <a:gd name="connsiteX5" fmla="*/ 838200 w 853444"/>
                  <a:gd name="connsiteY5" fmla="*/ 1206500 h 1206500"/>
                  <a:gd name="connsiteX6" fmla="*/ 0 w 853444"/>
                  <a:gd name="connsiteY6" fmla="*/ 1206500 h 1206500"/>
                  <a:gd name="connsiteX7" fmla="*/ 0 w 853444"/>
                  <a:gd name="connsiteY7" fmla="*/ 0 h 1206500"/>
                  <a:gd name="connsiteX0" fmla="*/ 0 w 856213"/>
                  <a:gd name="connsiteY0" fmla="*/ 0 h 1206500"/>
                  <a:gd name="connsiteX1" fmla="*/ 619125 w 856213"/>
                  <a:gd name="connsiteY1" fmla="*/ 0 h 1206500"/>
                  <a:gd name="connsiteX2" fmla="*/ 676275 w 856213"/>
                  <a:gd name="connsiteY2" fmla="*/ 0 h 1206500"/>
                  <a:gd name="connsiteX3" fmla="*/ 838200 w 856213"/>
                  <a:gd name="connsiteY3" fmla="*/ 307975 h 1206500"/>
                  <a:gd name="connsiteX4" fmla="*/ 765175 w 856213"/>
                  <a:gd name="connsiteY4" fmla="*/ 676275 h 1206500"/>
                  <a:gd name="connsiteX5" fmla="*/ 838200 w 856213"/>
                  <a:gd name="connsiteY5" fmla="*/ 1206500 h 1206500"/>
                  <a:gd name="connsiteX6" fmla="*/ 0 w 856213"/>
                  <a:gd name="connsiteY6" fmla="*/ 1206500 h 1206500"/>
                  <a:gd name="connsiteX7" fmla="*/ 0 w 856213"/>
                  <a:gd name="connsiteY7" fmla="*/ 0 h 1206500"/>
                  <a:gd name="connsiteX0" fmla="*/ 0 w 850124"/>
                  <a:gd name="connsiteY0" fmla="*/ 0 h 1206500"/>
                  <a:gd name="connsiteX1" fmla="*/ 619125 w 850124"/>
                  <a:gd name="connsiteY1" fmla="*/ 0 h 1206500"/>
                  <a:gd name="connsiteX2" fmla="*/ 676275 w 850124"/>
                  <a:gd name="connsiteY2" fmla="*/ 0 h 1206500"/>
                  <a:gd name="connsiteX3" fmla="*/ 838200 w 850124"/>
                  <a:gd name="connsiteY3" fmla="*/ 307975 h 1206500"/>
                  <a:gd name="connsiteX4" fmla="*/ 765175 w 850124"/>
                  <a:gd name="connsiteY4" fmla="*/ 676275 h 1206500"/>
                  <a:gd name="connsiteX5" fmla="*/ 838200 w 850124"/>
                  <a:gd name="connsiteY5" fmla="*/ 1206500 h 1206500"/>
                  <a:gd name="connsiteX6" fmla="*/ 0 w 850124"/>
                  <a:gd name="connsiteY6" fmla="*/ 1206500 h 1206500"/>
                  <a:gd name="connsiteX7" fmla="*/ 0 w 850124"/>
                  <a:gd name="connsiteY7" fmla="*/ 0 h 1206500"/>
                  <a:gd name="connsiteX0" fmla="*/ 0 w 850124"/>
                  <a:gd name="connsiteY0" fmla="*/ 0 h 1206500"/>
                  <a:gd name="connsiteX1" fmla="*/ 619125 w 850124"/>
                  <a:gd name="connsiteY1" fmla="*/ 0 h 1206500"/>
                  <a:gd name="connsiteX2" fmla="*/ 676275 w 850124"/>
                  <a:gd name="connsiteY2" fmla="*/ 0 h 1206500"/>
                  <a:gd name="connsiteX3" fmla="*/ 838200 w 850124"/>
                  <a:gd name="connsiteY3" fmla="*/ 307975 h 1206500"/>
                  <a:gd name="connsiteX4" fmla="*/ 765175 w 850124"/>
                  <a:gd name="connsiteY4" fmla="*/ 676275 h 1206500"/>
                  <a:gd name="connsiteX5" fmla="*/ 838200 w 850124"/>
                  <a:gd name="connsiteY5" fmla="*/ 1206500 h 1206500"/>
                  <a:gd name="connsiteX6" fmla="*/ 0 w 850124"/>
                  <a:gd name="connsiteY6" fmla="*/ 1206500 h 1206500"/>
                  <a:gd name="connsiteX7" fmla="*/ 0 w 850124"/>
                  <a:gd name="connsiteY7" fmla="*/ 0 h 1206500"/>
                  <a:gd name="connsiteX0" fmla="*/ 0 w 850124"/>
                  <a:gd name="connsiteY0" fmla="*/ 243 h 1206743"/>
                  <a:gd name="connsiteX1" fmla="*/ 619125 w 850124"/>
                  <a:gd name="connsiteY1" fmla="*/ 243 h 1206743"/>
                  <a:gd name="connsiteX2" fmla="*/ 676275 w 850124"/>
                  <a:gd name="connsiteY2" fmla="*/ 243 h 1206743"/>
                  <a:gd name="connsiteX3" fmla="*/ 838200 w 850124"/>
                  <a:gd name="connsiteY3" fmla="*/ 308218 h 1206743"/>
                  <a:gd name="connsiteX4" fmla="*/ 765175 w 850124"/>
                  <a:gd name="connsiteY4" fmla="*/ 676518 h 1206743"/>
                  <a:gd name="connsiteX5" fmla="*/ 838200 w 850124"/>
                  <a:gd name="connsiteY5" fmla="*/ 1206743 h 1206743"/>
                  <a:gd name="connsiteX6" fmla="*/ 0 w 850124"/>
                  <a:gd name="connsiteY6" fmla="*/ 1206743 h 1206743"/>
                  <a:gd name="connsiteX7" fmla="*/ 0 w 850124"/>
                  <a:gd name="connsiteY7" fmla="*/ 243 h 1206743"/>
                  <a:gd name="connsiteX0" fmla="*/ 0 w 850124"/>
                  <a:gd name="connsiteY0" fmla="*/ 243 h 1206743"/>
                  <a:gd name="connsiteX1" fmla="*/ 619125 w 850124"/>
                  <a:gd name="connsiteY1" fmla="*/ 243 h 1206743"/>
                  <a:gd name="connsiteX2" fmla="*/ 676275 w 850124"/>
                  <a:gd name="connsiteY2" fmla="*/ 243 h 1206743"/>
                  <a:gd name="connsiteX3" fmla="*/ 838200 w 850124"/>
                  <a:gd name="connsiteY3" fmla="*/ 308218 h 1206743"/>
                  <a:gd name="connsiteX4" fmla="*/ 765175 w 850124"/>
                  <a:gd name="connsiteY4" fmla="*/ 676518 h 1206743"/>
                  <a:gd name="connsiteX5" fmla="*/ 838200 w 850124"/>
                  <a:gd name="connsiteY5" fmla="*/ 1206743 h 1206743"/>
                  <a:gd name="connsiteX6" fmla="*/ 0 w 850124"/>
                  <a:gd name="connsiteY6" fmla="*/ 1206743 h 1206743"/>
                  <a:gd name="connsiteX7" fmla="*/ 0 w 850124"/>
                  <a:gd name="connsiteY7" fmla="*/ 663819 h 1206743"/>
                  <a:gd name="connsiteX8" fmla="*/ 0 w 850124"/>
                  <a:gd name="connsiteY8" fmla="*/ 243 h 1206743"/>
                  <a:gd name="connsiteX0" fmla="*/ 0 w 850124"/>
                  <a:gd name="connsiteY0" fmla="*/ 243 h 1206751"/>
                  <a:gd name="connsiteX1" fmla="*/ 619125 w 850124"/>
                  <a:gd name="connsiteY1" fmla="*/ 243 h 1206751"/>
                  <a:gd name="connsiteX2" fmla="*/ 676275 w 850124"/>
                  <a:gd name="connsiteY2" fmla="*/ 243 h 1206751"/>
                  <a:gd name="connsiteX3" fmla="*/ 838200 w 850124"/>
                  <a:gd name="connsiteY3" fmla="*/ 308218 h 1206751"/>
                  <a:gd name="connsiteX4" fmla="*/ 765175 w 850124"/>
                  <a:gd name="connsiteY4" fmla="*/ 676518 h 1206751"/>
                  <a:gd name="connsiteX5" fmla="*/ 0 w 850124"/>
                  <a:gd name="connsiteY5" fmla="*/ 1206743 h 1206751"/>
                  <a:gd name="connsiteX6" fmla="*/ 0 w 850124"/>
                  <a:gd name="connsiteY6" fmla="*/ 663819 h 1206751"/>
                  <a:gd name="connsiteX7" fmla="*/ 0 w 850124"/>
                  <a:gd name="connsiteY7" fmla="*/ 243 h 1206751"/>
                  <a:gd name="connsiteX0" fmla="*/ 0 w 850124"/>
                  <a:gd name="connsiteY0" fmla="*/ 243 h 1206751"/>
                  <a:gd name="connsiteX1" fmla="*/ 619125 w 850124"/>
                  <a:gd name="connsiteY1" fmla="*/ 243 h 1206751"/>
                  <a:gd name="connsiteX2" fmla="*/ 676275 w 850124"/>
                  <a:gd name="connsiteY2" fmla="*/ 243 h 1206751"/>
                  <a:gd name="connsiteX3" fmla="*/ 838200 w 850124"/>
                  <a:gd name="connsiteY3" fmla="*/ 308218 h 1206751"/>
                  <a:gd name="connsiteX4" fmla="*/ 765175 w 850124"/>
                  <a:gd name="connsiteY4" fmla="*/ 676518 h 1206751"/>
                  <a:gd name="connsiteX5" fmla="*/ 0 w 850124"/>
                  <a:gd name="connsiteY5" fmla="*/ 1206743 h 1206751"/>
                  <a:gd name="connsiteX6" fmla="*/ 0 w 850124"/>
                  <a:gd name="connsiteY6" fmla="*/ 663819 h 1206751"/>
                  <a:gd name="connsiteX7" fmla="*/ 0 w 850124"/>
                  <a:gd name="connsiteY7" fmla="*/ 243 h 1206751"/>
                  <a:gd name="connsiteX0" fmla="*/ 0 w 850124"/>
                  <a:gd name="connsiteY0" fmla="*/ 243 h 735081"/>
                  <a:gd name="connsiteX1" fmla="*/ 619125 w 850124"/>
                  <a:gd name="connsiteY1" fmla="*/ 243 h 735081"/>
                  <a:gd name="connsiteX2" fmla="*/ 676275 w 850124"/>
                  <a:gd name="connsiteY2" fmla="*/ 243 h 735081"/>
                  <a:gd name="connsiteX3" fmla="*/ 838200 w 850124"/>
                  <a:gd name="connsiteY3" fmla="*/ 308218 h 735081"/>
                  <a:gd name="connsiteX4" fmla="*/ 765175 w 850124"/>
                  <a:gd name="connsiteY4" fmla="*/ 676518 h 735081"/>
                  <a:gd name="connsiteX5" fmla="*/ 0 w 850124"/>
                  <a:gd name="connsiteY5" fmla="*/ 663819 h 735081"/>
                  <a:gd name="connsiteX6" fmla="*/ 0 w 850124"/>
                  <a:gd name="connsiteY6" fmla="*/ 243 h 735081"/>
                  <a:gd name="connsiteX0" fmla="*/ 0 w 850124"/>
                  <a:gd name="connsiteY0" fmla="*/ 243 h 695778"/>
                  <a:gd name="connsiteX1" fmla="*/ 619125 w 850124"/>
                  <a:gd name="connsiteY1" fmla="*/ 243 h 695778"/>
                  <a:gd name="connsiteX2" fmla="*/ 676275 w 850124"/>
                  <a:gd name="connsiteY2" fmla="*/ 243 h 695778"/>
                  <a:gd name="connsiteX3" fmla="*/ 838200 w 850124"/>
                  <a:gd name="connsiteY3" fmla="*/ 308218 h 695778"/>
                  <a:gd name="connsiteX4" fmla="*/ 765175 w 850124"/>
                  <a:gd name="connsiteY4" fmla="*/ 676518 h 695778"/>
                  <a:gd name="connsiteX5" fmla="*/ 565150 w 850124"/>
                  <a:gd name="connsiteY5" fmla="*/ 536819 h 695778"/>
                  <a:gd name="connsiteX6" fmla="*/ 0 w 850124"/>
                  <a:gd name="connsiteY6" fmla="*/ 243 h 695778"/>
                  <a:gd name="connsiteX0" fmla="*/ 0 w 850124"/>
                  <a:gd name="connsiteY0" fmla="*/ 243 h 688525"/>
                  <a:gd name="connsiteX1" fmla="*/ 619125 w 850124"/>
                  <a:gd name="connsiteY1" fmla="*/ 243 h 688525"/>
                  <a:gd name="connsiteX2" fmla="*/ 676275 w 850124"/>
                  <a:gd name="connsiteY2" fmla="*/ 243 h 688525"/>
                  <a:gd name="connsiteX3" fmla="*/ 838200 w 850124"/>
                  <a:gd name="connsiteY3" fmla="*/ 308218 h 688525"/>
                  <a:gd name="connsiteX4" fmla="*/ 765175 w 850124"/>
                  <a:gd name="connsiteY4" fmla="*/ 676518 h 688525"/>
                  <a:gd name="connsiteX5" fmla="*/ 565150 w 850124"/>
                  <a:gd name="connsiteY5" fmla="*/ 536819 h 688525"/>
                  <a:gd name="connsiteX6" fmla="*/ 0 w 850124"/>
                  <a:gd name="connsiteY6" fmla="*/ 243 h 688525"/>
                  <a:gd name="connsiteX0" fmla="*/ 0 w 850124"/>
                  <a:gd name="connsiteY0" fmla="*/ 243 h 676518"/>
                  <a:gd name="connsiteX1" fmla="*/ 619125 w 850124"/>
                  <a:gd name="connsiteY1" fmla="*/ 243 h 676518"/>
                  <a:gd name="connsiteX2" fmla="*/ 676275 w 850124"/>
                  <a:gd name="connsiteY2" fmla="*/ 243 h 676518"/>
                  <a:gd name="connsiteX3" fmla="*/ 838200 w 850124"/>
                  <a:gd name="connsiteY3" fmla="*/ 308218 h 676518"/>
                  <a:gd name="connsiteX4" fmla="*/ 765175 w 850124"/>
                  <a:gd name="connsiteY4" fmla="*/ 676518 h 676518"/>
                  <a:gd name="connsiteX5" fmla="*/ 565150 w 850124"/>
                  <a:gd name="connsiteY5" fmla="*/ 536819 h 676518"/>
                  <a:gd name="connsiteX6" fmla="*/ 0 w 850124"/>
                  <a:gd name="connsiteY6" fmla="*/ 243 h 676518"/>
                  <a:gd name="connsiteX0" fmla="*/ 0 w 850124"/>
                  <a:gd name="connsiteY0" fmla="*/ 243 h 676518"/>
                  <a:gd name="connsiteX1" fmla="*/ 619125 w 850124"/>
                  <a:gd name="connsiteY1" fmla="*/ 243 h 676518"/>
                  <a:gd name="connsiteX2" fmla="*/ 676275 w 850124"/>
                  <a:gd name="connsiteY2" fmla="*/ 243 h 676518"/>
                  <a:gd name="connsiteX3" fmla="*/ 838200 w 850124"/>
                  <a:gd name="connsiteY3" fmla="*/ 308218 h 676518"/>
                  <a:gd name="connsiteX4" fmla="*/ 765175 w 850124"/>
                  <a:gd name="connsiteY4" fmla="*/ 676518 h 676518"/>
                  <a:gd name="connsiteX5" fmla="*/ 565150 w 850124"/>
                  <a:gd name="connsiteY5" fmla="*/ 536819 h 676518"/>
                  <a:gd name="connsiteX6" fmla="*/ 0 w 850124"/>
                  <a:gd name="connsiteY6" fmla="*/ 243 h 676518"/>
                  <a:gd name="connsiteX0" fmla="*/ 0 w 850124"/>
                  <a:gd name="connsiteY0" fmla="*/ 243 h 676518"/>
                  <a:gd name="connsiteX1" fmla="*/ 619125 w 850124"/>
                  <a:gd name="connsiteY1" fmla="*/ 243 h 676518"/>
                  <a:gd name="connsiteX2" fmla="*/ 676275 w 850124"/>
                  <a:gd name="connsiteY2" fmla="*/ 243 h 676518"/>
                  <a:gd name="connsiteX3" fmla="*/ 838200 w 850124"/>
                  <a:gd name="connsiteY3" fmla="*/ 308218 h 676518"/>
                  <a:gd name="connsiteX4" fmla="*/ 765175 w 850124"/>
                  <a:gd name="connsiteY4" fmla="*/ 676518 h 676518"/>
                  <a:gd name="connsiteX5" fmla="*/ 565150 w 850124"/>
                  <a:gd name="connsiteY5" fmla="*/ 536819 h 676518"/>
                  <a:gd name="connsiteX6" fmla="*/ 422275 w 850124"/>
                  <a:gd name="connsiteY6" fmla="*/ 406645 h 676518"/>
                  <a:gd name="connsiteX7" fmla="*/ 0 w 850124"/>
                  <a:gd name="connsiteY7" fmla="*/ 243 h 676518"/>
                  <a:gd name="connsiteX0" fmla="*/ 0 w 850124"/>
                  <a:gd name="connsiteY0" fmla="*/ 243 h 676518"/>
                  <a:gd name="connsiteX1" fmla="*/ 619125 w 850124"/>
                  <a:gd name="connsiteY1" fmla="*/ 243 h 676518"/>
                  <a:gd name="connsiteX2" fmla="*/ 676275 w 850124"/>
                  <a:gd name="connsiteY2" fmla="*/ 243 h 676518"/>
                  <a:gd name="connsiteX3" fmla="*/ 838200 w 850124"/>
                  <a:gd name="connsiteY3" fmla="*/ 308218 h 676518"/>
                  <a:gd name="connsiteX4" fmla="*/ 765175 w 850124"/>
                  <a:gd name="connsiteY4" fmla="*/ 676518 h 676518"/>
                  <a:gd name="connsiteX5" fmla="*/ 565150 w 850124"/>
                  <a:gd name="connsiteY5" fmla="*/ 536819 h 676518"/>
                  <a:gd name="connsiteX6" fmla="*/ 536575 w 850124"/>
                  <a:gd name="connsiteY6" fmla="*/ 273295 h 676518"/>
                  <a:gd name="connsiteX7" fmla="*/ 0 w 850124"/>
                  <a:gd name="connsiteY7" fmla="*/ 243 h 676518"/>
                  <a:gd name="connsiteX0" fmla="*/ 0 w 850124"/>
                  <a:gd name="connsiteY0" fmla="*/ 243 h 676518"/>
                  <a:gd name="connsiteX1" fmla="*/ 619125 w 850124"/>
                  <a:gd name="connsiteY1" fmla="*/ 243 h 676518"/>
                  <a:gd name="connsiteX2" fmla="*/ 676275 w 850124"/>
                  <a:gd name="connsiteY2" fmla="*/ 243 h 676518"/>
                  <a:gd name="connsiteX3" fmla="*/ 838200 w 850124"/>
                  <a:gd name="connsiteY3" fmla="*/ 308218 h 676518"/>
                  <a:gd name="connsiteX4" fmla="*/ 765175 w 850124"/>
                  <a:gd name="connsiteY4" fmla="*/ 676518 h 676518"/>
                  <a:gd name="connsiteX5" fmla="*/ 565150 w 850124"/>
                  <a:gd name="connsiteY5" fmla="*/ 536819 h 676518"/>
                  <a:gd name="connsiteX6" fmla="*/ 536575 w 850124"/>
                  <a:gd name="connsiteY6" fmla="*/ 273295 h 676518"/>
                  <a:gd name="connsiteX7" fmla="*/ 0 w 850124"/>
                  <a:gd name="connsiteY7" fmla="*/ 243 h 676518"/>
                  <a:gd name="connsiteX0" fmla="*/ 0 w 850124"/>
                  <a:gd name="connsiteY0" fmla="*/ 243 h 676518"/>
                  <a:gd name="connsiteX1" fmla="*/ 619125 w 850124"/>
                  <a:gd name="connsiteY1" fmla="*/ 243 h 676518"/>
                  <a:gd name="connsiteX2" fmla="*/ 676275 w 850124"/>
                  <a:gd name="connsiteY2" fmla="*/ 243 h 676518"/>
                  <a:gd name="connsiteX3" fmla="*/ 838200 w 850124"/>
                  <a:gd name="connsiteY3" fmla="*/ 308218 h 676518"/>
                  <a:gd name="connsiteX4" fmla="*/ 765175 w 850124"/>
                  <a:gd name="connsiteY4" fmla="*/ 676518 h 676518"/>
                  <a:gd name="connsiteX5" fmla="*/ 565150 w 850124"/>
                  <a:gd name="connsiteY5" fmla="*/ 536819 h 676518"/>
                  <a:gd name="connsiteX6" fmla="*/ 536575 w 850124"/>
                  <a:gd name="connsiteY6" fmla="*/ 273295 h 676518"/>
                  <a:gd name="connsiteX7" fmla="*/ 0 w 850124"/>
                  <a:gd name="connsiteY7" fmla="*/ 243 h 676518"/>
                  <a:gd name="connsiteX0" fmla="*/ 0 w 850124"/>
                  <a:gd name="connsiteY0" fmla="*/ 243 h 676518"/>
                  <a:gd name="connsiteX1" fmla="*/ 619125 w 850124"/>
                  <a:gd name="connsiteY1" fmla="*/ 243 h 676518"/>
                  <a:gd name="connsiteX2" fmla="*/ 676275 w 850124"/>
                  <a:gd name="connsiteY2" fmla="*/ 243 h 676518"/>
                  <a:gd name="connsiteX3" fmla="*/ 838200 w 850124"/>
                  <a:gd name="connsiteY3" fmla="*/ 308218 h 676518"/>
                  <a:gd name="connsiteX4" fmla="*/ 765175 w 850124"/>
                  <a:gd name="connsiteY4" fmla="*/ 676518 h 676518"/>
                  <a:gd name="connsiteX5" fmla="*/ 565150 w 850124"/>
                  <a:gd name="connsiteY5" fmla="*/ 536819 h 676518"/>
                  <a:gd name="connsiteX6" fmla="*/ 536575 w 850124"/>
                  <a:gd name="connsiteY6" fmla="*/ 273295 h 676518"/>
                  <a:gd name="connsiteX7" fmla="*/ 419100 w 850124"/>
                  <a:gd name="connsiteY7" fmla="*/ 203445 h 676518"/>
                  <a:gd name="connsiteX8" fmla="*/ 0 w 850124"/>
                  <a:gd name="connsiteY8" fmla="*/ 243 h 676518"/>
                  <a:gd name="connsiteX0" fmla="*/ 0 w 850124"/>
                  <a:gd name="connsiteY0" fmla="*/ 243 h 676518"/>
                  <a:gd name="connsiteX1" fmla="*/ 619125 w 850124"/>
                  <a:gd name="connsiteY1" fmla="*/ 243 h 676518"/>
                  <a:gd name="connsiteX2" fmla="*/ 676275 w 850124"/>
                  <a:gd name="connsiteY2" fmla="*/ 243 h 676518"/>
                  <a:gd name="connsiteX3" fmla="*/ 838200 w 850124"/>
                  <a:gd name="connsiteY3" fmla="*/ 308218 h 676518"/>
                  <a:gd name="connsiteX4" fmla="*/ 765175 w 850124"/>
                  <a:gd name="connsiteY4" fmla="*/ 676518 h 676518"/>
                  <a:gd name="connsiteX5" fmla="*/ 565150 w 850124"/>
                  <a:gd name="connsiteY5" fmla="*/ 536819 h 676518"/>
                  <a:gd name="connsiteX6" fmla="*/ 536575 w 850124"/>
                  <a:gd name="connsiteY6" fmla="*/ 273295 h 676518"/>
                  <a:gd name="connsiteX7" fmla="*/ 419100 w 850124"/>
                  <a:gd name="connsiteY7" fmla="*/ 203445 h 676518"/>
                  <a:gd name="connsiteX8" fmla="*/ 0 w 850124"/>
                  <a:gd name="connsiteY8" fmla="*/ 243 h 676518"/>
                  <a:gd name="connsiteX0" fmla="*/ 0 w 850124"/>
                  <a:gd name="connsiteY0" fmla="*/ 243 h 676518"/>
                  <a:gd name="connsiteX1" fmla="*/ 619125 w 850124"/>
                  <a:gd name="connsiteY1" fmla="*/ 243 h 676518"/>
                  <a:gd name="connsiteX2" fmla="*/ 676275 w 850124"/>
                  <a:gd name="connsiteY2" fmla="*/ 243 h 676518"/>
                  <a:gd name="connsiteX3" fmla="*/ 838200 w 850124"/>
                  <a:gd name="connsiteY3" fmla="*/ 308218 h 676518"/>
                  <a:gd name="connsiteX4" fmla="*/ 765175 w 850124"/>
                  <a:gd name="connsiteY4" fmla="*/ 676518 h 676518"/>
                  <a:gd name="connsiteX5" fmla="*/ 565150 w 850124"/>
                  <a:gd name="connsiteY5" fmla="*/ 536819 h 676518"/>
                  <a:gd name="connsiteX6" fmla="*/ 536575 w 850124"/>
                  <a:gd name="connsiteY6" fmla="*/ 273295 h 676518"/>
                  <a:gd name="connsiteX7" fmla="*/ 3175 w 850124"/>
                  <a:gd name="connsiteY7" fmla="*/ 492370 h 676518"/>
                  <a:gd name="connsiteX8" fmla="*/ 0 w 850124"/>
                  <a:gd name="connsiteY8" fmla="*/ 243 h 676518"/>
                  <a:gd name="connsiteX0" fmla="*/ 0 w 850124"/>
                  <a:gd name="connsiteY0" fmla="*/ 243 h 676518"/>
                  <a:gd name="connsiteX1" fmla="*/ 619125 w 850124"/>
                  <a:gd name="connsiteY1" fmla="*/ 243 h 676518"/>
                  <a:gd name="connsiteX2" fmla="*/ 676275 w 850124"/>
                  <a:gd name="connsiteY2" fmla="*/ 243 h 676518"/>
                  <a:gd name="connsiteX3" fmla="*/ 838200 w 850124"/>
                  <a:gd name="connsiteY3" fmla="*/ 308218 h 676518"/>
                  <a:gd name="connsiteX4" fmla="*/ 765175 w 850124"/>
                  <a:gd name="connsiteY4" fmla="*/ 676518 h 676518"/>
                  <a:gd name="connsiteX5" fmla="*/ 565150 w 850124"/>
                  <a:gd name="connsiteY5" fmla="*/ 536819 h 676518"/>
                  <a:gd name="connsiteX6" fmla="*/ 536575 w 850124"/>
                  <a:gd name="connsiteY6" fmla="*/ 273295 h 676518"/>
                  <a:gd name="connsiteX7" fmla="*/ 209550 w 850124"/>
                  <a:gd name="connsiteY7" fmla="*/ 409820 h 676518"/>
                  <a:gd name="connsiteX8" fmla="*/ 3175 w 850124"/>
                  <a:gd name="connsiteY8" fmla="*/ 492370 h 676518"/>
                  <a:gd name="connsiteX9" fmla="*/ 0 w 850124"/>
                  <a:gd name="connsiteY9" fmla="*/ 243 h 676518"/>
                  <a:gd name="connsiteX0" fmla="*/ 0 w 850124"/>
                  <a:gd name="connsiteY0" fmla="*/ 243 h 676518"/>
                  <a:gd name="connsiteX1" fmla="*/ 619125 w 850124"/>
                  <a:gd name="connsiteY1" fmla="*/ 243 h 676518"/>
                  <a:gd name="connsiteX2" fmla="*/ 676275 w 850124"/>
                  <a:gd name="connsiteY2" fmla="*/ 243 h 676518"/>
                  <a:gd name="connsiteX3" fmla="*/ 838200 w 850124"/>
                  <a:gd name="connsiteY3" fmla="*/ 308218 h 676518"/>
                  <a:gd name="connsiteX4" fmla="*/ 765175 w 850124"/>
                  <a:gd name="connsiteY4" fmla="*/ 676518 h 676518"/>
                  <a:gd name="connsiteX5" fmla="*/ 565150 w 850124"/>
                  <a:gd name="connsiteY5" fmla="*/ 536819 h 676518"/>
                  <a:gd name="connsiteX6" fmla="*/ 536575 w 850124"/>
                  <a:gd name="connsiteY6" fmla="*/ 273295 h 676518"/>
                  <a:gd name="connsiteX7" fmla="*/ 212725 w 850124"/>
                  <a:gd name="connsiteY7" fmla="*/ 495545 h 676518"/>
                  <a:gd name="connsiteX8" fmla="*/ 3175 w 850124"/>
                  <a:gd name="connsiteY8" fmla="*/ 492370 h 676518"/>
                  <a:gd name="connsiteX9" fmla="*/ 0 w 850124"/>
                  <a:gd name="connsiteY9" fmla="*/ 243 h 676518"/>
                  <a:gd name="connsiteX0" fmla="*/ 0 w 850124"/>
                  <a:gd name="connsiteY0" fmla="*/ 243 h 676518"/>
                  <a:gd name="connsiteX1" fmla="*/ 619125 w 850124"/>
                  <a:gd name="connsiteY1" fmla="*/ 243 h 676518"/>
                  <a:gd name="connsiteX2" fmla="*/ 676275 w 850124"/>
                  <a:gd name="connsiteY2" fmla="*/ 243 h 676518"/>
                  <a:gd name="connsiteX3" fmla="*/ 838200 w 850124"/>
                  <a:gd name="connsiteY3" fmla="*/ 308218 h 676518"/>
                  <a:gd name="connsiteX4" fmla="*/ 765175 w 850124"/>
                  <a:gd name="connsiteY4" fmla="*/ 676518 h 676518"/>
                  <a:gd name="connsiteX5" fmla="*/ 565150 w 850124"/>
                  <a:gd name="connsiteY5" fmla="*/ 536819 h 676518"/>
                  <a:gd name="connsiteX6" fmla="*/ 536575 w 850124"/>
                  <a:gd name="connsiteY6" fmla="*/ 273295 h 676518"/>
                  <a:gd name="connsiteX7" fmla="*/ 212725 w 850124"/>
                  <a:gd name="connsiteY7" fmla="*/ 495545 h 676518"/>
                  <a:gd name="connsiteX8" fmla="*/ 3175 w 850124"/>
                  <a:gd name="connsiteY8" fmla="*/ 492370 h 676518"/>
                  <a:gd name="connsiteX9" fmla="*/ 0 w 850124"/>
                  <a:gd name="connsiteY9" fmla="*/ 243 h 676518"/>
                  <a:gd name="connsiteX0" fmla="*/ 0 w 850124"/>
                  <a:gd name="connsiteY0" fmla="*/ 243 h 676518"/>
                  <a:gd name="connsiteX1" fmla="*/ 619125 w 850124"/>
                  <a:gd name="connsiteY1" fmla="*/ 243 h 676518"/>
                  <a:gd name="connsiteX2" fmla="*/ 676275 w 850124"/>
                  <a:gd name="connsiteY2" fmla="*/ 243 h 676518"/>
                  <a:gd name="connsiteX3" fmla="*/ 838200 w 850124"/>
                  <a:gd name="connsiteY3" fmla="*/ 308218 h 676518"/>
                  <a:gd name="connsiteX4" fmla="*/ 765175 w 850124"/>
                  <a:gd name="connsiteY4" fmla="*/ 676518 h 676518"/>
                  <a:gd name="connsiteX5" fmla="*/ 565150 w 850124"/>
                  <a:gd name="connsiteY5" fmla="*/ 536819 h 676518"/>
                  <a:gd name="connsiteX6" fmla="*/ 536575 w 850124"/>
                  <a:gd name="connsiteY6" fmla="*/ 273295 h 676518"/>
                  <a:gd name="connsiteX7" fmla="*/ 460375 w 850124"/>
                  <a:gd name="connsiteY7" fmla="*/ 333620 h 676518"/>
                  <a:gd name="connsiteX8" fmla="*/ 212725 w 850124"/>
                  <a:gd name="connsiteY8" fmla="*/ 495545 h 676518"/>
                  <a:gd name="connsiteX9" fmla="*/ 3175 w 850124"/>
                  <a:gd name="connsiteY9" fmla="*/ 492370 h 676518"/>
                  <a:gd name="connsiteX10" fmla="*/ 0 w 850124"/>
                  <a:gd name="connsiteY10" fmla="*/ 243 h 676518"/>
                  <a:gd name="connsiteX0" fmla="*/ 0 w 850124"/>
                  <a:gd name="connsiteY0" fmla="*/ 243 h 676518"/>
                  <a:gd name="connsiteX1" fmla="*/ 619125 w 850124"/>
                  <a:gd name="connsiteY1" fmla="*/ 243 h 676518"/>
                  <a:gd name="connsiteX2" fmla="*/ 676275 w 850124"/>
                  <a:gd name="connsiteY2" fmla="*/ 243 h 676518"/>
                  <a:gd name="connsiteX3" fmla="*/ 838200 w 850124"/>
                  <a:gd name="connsiteY3" fmla="*/ 308218 h 676518"/>
                  <a:gd name="connsiteX4" fmla="*/ 765175 w 850124"/>
                  <a:gd name="connsiteY4" fmla="*/ 676518 h 676518"/>
                  <a:gd name="connsiteX5" fmla="*/ 565150 w 850124"/>
                  <a:gd name="connsiteY5" fmla="*/ 536819 h 676518"/>
                  <a:gd name="connsiteX6" fmla="*/ 536575 w 850124"/>
                  <a:gd name="connsiteY6" fmla="*/ 273295 h 676518"/>
                  <a:gd name="connsiteX7" fmla="*/ 434975 w 850124"/>
                  <a:gd name="connsiteY7" fmla="*/ 305045 h 676518"/>
                  <a:gd name="connsiteX8" fmla="*/ 212725 w 850124"/>
                  <a:gd name="connsiteY8" fmla="*/ 495545 h 676518"/>
                  <a:gd name="connsiteX9" fmla="*/ 3175 w 850124"/>
                  <a:gd name="connsiteY9" fmla="*/ 492370 h 676518"/>
                  <a:gd name="connsiteX10" fmla="*/ 0 w 850124"/>
                  <a:gd name="connsiteY10" fmla="*/ 243 h 676518"/>
                  <a:gd name="connsiteX0" fmla="*/ 0 w 850124"/>
                  <a:gd name="connsiteY0" fmla="*/ 243 h 676518"/>
                  <a:gd name="connsiteX1" fmla="*/ 619125 w 850124"/>
                  <a:gd name="connsiteY1" fmla="*/ 243 h 676518"/>
                  <a:gd name="connsiteX2" fmla="*/ 676275 w 850124"/>
                  <a:gd name="connsiteY2" fmla="*/ 243 h 676518"/>
                  <a:gd name="connsiteX3" fmla="*/ 838200 w 850124"/>
                  <a:gd name="connsiteY3" fmla="*/ 308218 h 676518"/>
                  <a:gd name="connsiteX4" fmla="*/ 765175 w 850124"/>
                  <a:gd name="connsiteY4" fmla="*/ 676518 h 676518"/>
                  <a:gd name="connsiteX5" fmla="*/ 565150 w 850124"/>
                  <a:gd name="connsiteY5" fmla="*/ 536819 h 676518"/>
                  <a:gd name="connsiteX6" fmla="*/ 536575 w 850124"/>
                  <a:gd name="connsiteY6" fmla="*/ 273295 h 676518"/>
                  <a:gd name="connsiteX7" fmla="*/ 441325 w 850124"/>
                  <a:gd name="connsiteY7" fmla="*/ 320920 h 676518"/>
                  <a:gd name="connsiteX8" fmla="*/ 212725 w 850124"/>
                  <a:gd name="connsiteY8" fmla="*/ 495545 h 676518"/>
                  <a:gd name="connsiteX9" fmla="*/ 3175 w 850124"/>
                  <a:gd name="connsiteY9" fmla="*/ 492370 h 676518"/>
                  <a:gd name="connsiteX10" fmla="*/ 0 w 850124"/>
                  <a:gd name="connsiteY10" fmla="*/ 243 h 676518"/>
                  <a:gd name="connsiteX0" fmla="*/ 0 w 850124"/>
                  <a:gd name="connsiteY0" fmla="*/ 243 h 676518"/>
                  <a:gd name="connsiteX1" fmla="*/ 619125 w 850124"/>
                  <a:gd name="connsiteY1" fmla="*/ 243 h 676518"/>
                  <a:gd name="connsiteX2" fmla="*/ 676275 w 850124"/>
                  <a:gd name="connsiteY2" fmla="*/ 243 h 676518"/>
                  <a:gd name="connsiteX3" fmla="*/ 838200 w 850124"/>
                  <a:gd name="connsiteY3" fmla="*/ 308218 h 676518"/>
                  <a:gd name="connsiteX4" fmla="*/ 765175 w 850124"/>
                  <a:gd name="connsiteY4" fmla="*/ 676518 h 676518"/>
                  <a:gd name="connsiteX5" fmla="*/ 565150 w 850124"/>
                  <a:gd name="connsiteY5" fmla="*/ 536819 h 676518"/>
                  <a:gd name="connsiteX6" fmla="*/ 536575 w 850124"/>
                  <a:gd name="connsiteY6" fmla="*/ 273295 h 676518"/>
                  <a:gd name="connsiteX7" fmla="*/ 441325 w 850124"/>
                  <a:gd name="connsiteY7" fmla="*/ 320920 h 676518"/>
                  <a:gd name="connsiteX8" fmla="*/ 212725 w 850124"/>
                  <a:gd name="connsiteY8" fmla="*/ 495545 h 676518"/>
                  <a:gd name="connsiteX9" fmla="*/ 3175 w 850124"/>
                  <a:gd name="connsiteY9" fmla="*/ 492370 h 676518"/>
                  <a:gd name="connsiteX10" fmla="*/ 0 w 850124"/>
                  <a:gd name="connsiteY10" fmla="*/ 243 h 676518"/>
                  <a:gd name="connsiteX0" fmla="*/ 0 w 850124"/>
                  <a:gd name="connsiteY0" fmla="*/ 243 h 676518"/>
                  <a:gd name="connsiteX1" fmla="*/ 619125 w 850124"/>
                  <a:gd name="connsiteY1" fmla="*/ 243 h 676518"/>
                  <a:gd name="connsiteX2" fmla="*/ 676275 w 850124"/>
                  <a:gd name="connsiteY2" fmla="*/ 243 h 676518"/>
                  <a:gd name="connsiteX3" fmla="*/ 838200 w 850124"/>
                  <a:gd name="connsiteY3" fmla="*/ 308218 h 676518"/>
                  <a:gd name="connsiteX4" fmla="*/ 765175 w 850124"/>
                  <a:gd name="connsiteY4" fmla="*/ 676518 h 676518"/>
                  <a:gd name="connsiteX5" fmla="*/ 565150 w 850124"/>
                  <a:gd name="connsiteY5" fmla="*/ 536819 h 676518"/>
                  <a:gd name="connsiteX6" fmla="*/ 536575 w 850124"/>
                  <a:gd name="connsiteY6" fmla="*/ 273295 h 676518"/>
                  <a:gd name="connsiteX7" fmla="*/ 441325 w 850124"/>
                  <a:gd name="connsiteY7" fmla="*/ 320920 h 676518"/>
                  <a:gd name="connsiteX8" fmla="*/ 212725 w 850124"/>
                  <a:gd name="connsiteY8" fmla="*/ 495545 h 676518"/>
                  <a:gd name="connsiteX9" fmla="*/ 3175 w 850124"/>
                  <a:gd name="connsiteY9" fmla="*/ 492370 h 676518"/>
                  <a:gd name="connsiteX10" fmla="*/ 0 w 850124"/>
                  <a:gd name="connsiteY10" fmla="*/ 243 h 676518"/>
                  <a:gd name="connsiteX0" fmla="*/ 0 w 850124"/>
                  <a:gd name="connsiteY0" fmla="*/ 243 h 676518"/>
                  <a:gd name="connsiteX1" fmla="*/ 619125 w 850124"/>
                  <a:gd name="connsiteY1" fmla="*/ 243 h 676518"/>
                  <a:gd name="connsiteX2" fmla="*/ 676275 w 850124"/>
                  <a:gd name="connsiteY2" fmla="*/ 243 h 676518"/>
                  <a:gd name="connsiteX3" fmla="*/ 838200 w 850124"/>
                  <a:gd name="connsiteY3" fmla="*/ 308218 h 676518"/>
                  <a:gd name="connsiteX4" fmla="*/ 765175 w 850124"/>
                  <a:gd name="connsiteY4" fmla="*/ 676518 h 676518"/>
                  <a:gd name="connsiteX5" fmla="*/ 565150 w 850124"/>
                  <a:gd name="connsiteY5" fmla="*/ 536819 h 676518"/>
                  <a:gd name="connsiteX6" fmla="*/ 536575 w 850124"/>
                  <a:gd name="connsiteY6" fmla="*/ 273295 h 676518"/>
                  <a:gd name="connsiteX7" fmla="*/ 441325 w 850124"/>
                  <a:gd name="connsiteY7" fmla="*/ 320920 h 676518"/>
                  <a:gd name="connsiteX8" fmla="*/ 212725 w 850124"/>
                  <a:gd name="connsiteY8" fmla="*/ 495545 h 676518"/>
                  <a:gd name="connsiteX9" fmla="*/ 3175 w 850124"/>
                  <a:gd name="connsiteY9" fmla="*/ 492370 h 676518"/>
                  <a:gd name="connsiteX10" fmla="*/ 0 w 850124"/>
                  <a:gd name="connsiteY10" fmla="*/ 243 h 676518"/>
                  <a:gd name="connsiteX0" fmla="*/ 45979 w 896103"/>
                  <a:gd name="connsiteY0" fmla="*/ 243 h 676518"/>
                  <a:gd name="connsiteX1" fmla="*/ 665104 w 896103"/>
                  <a:gd name="connsiteY1" fmla="*/ 243 h 676518"/>
                  <a:gd name="connsiteX2" fmla="*/ 722254 w 896103"/>
                  <a:gd name="connsiteY2" fmla="*/ 243 h 676518"/>
                  <a:gd name="connsiteX3" fmla="*/ 884179 w 896103"/>
                  <a:gd name="connsiteY3" fmla="*/ 308218 h 676518"/>
                  <a:gd name="connsiteX4" fmla="*/ 811154 w 896103"/>
                  <a:gd name="connsiteY4" fmla="*/ 676518 h 676518"/>
                  <a:gd name="connsiteX5" fmla="*/ 611129 w 896103"/>
                  <a:gd name="connsiteY5" fmla="*/ 536819 h 676518"/>
                  <a:gd name="connsiteX6" fmla="*/ 582554 w 896103"/>
                  <a:gd name="connsiteY6" fmla="*/ 273295 h 676518"/>
                  <a:gd name="connsiteX7" fmla="*/ 487304 w 896103"/>
                  <a:gd name="connsiteY7" fmla="*/ 320920 h 676518"/>
                  <a:gd name="connsiteX8" fmla="*/ 258704 w 896103"/>
                  <a:gd name="connsiteY8" fmla="*/ 495545 h 676518"/>
                  <a:gd name="connsiteX9" fmla="*/ 49154 w 896103"/>
                  <a:gd name="connsiteY9" fmla="*/ 492370 h 676518"/>
                  <a:gd name="connsiteX10" fmla="*/ 45979 w 896103"/>
                  <a:gd name="connsiteY10" fmla="*/ 368545 h 676518"/>
                  <a:gd name="connsiteX11" fmla="*/ 45979 w 896103"/>
                  <a:gd name="connsiteY11" fmla="*/ 243 h 676518"/>
                  <a:gd name="connsiteX0" fmla="*/ 55350 w 905474"/>
                  <a:gd name="connsiteY0" fmla="*/ 243 h 676518"/>
                  <a:gd name="connsiteX1" fmla="*/ 674475 w 905474"/>
                  <a:gd name="connsiteY1" fmla="*/ 243 h 676518"/>
                  <a:gd name="connsiteX2" fmla="*/ 731625 w 905474"/>
                  <a:gd name="connsiteY2" fmla="*/ 243 h 676518"/>
                  <a:gd name="connsiteX3" fmla="*/ 893550 w 905474"/>
                  <a:gd name="connsiteY3" fmla="*/ 308218 h 676518"/>
                  <a:gd name="connsiteX4" fmla="*/ 820525 w 905474"/>
                  <a:gd name="connsiteY4" fmla="*/ 676518 h 676518"/>
                  <a:gd name="connsiteX5" fmla="*/ 620500 w 905474"/>
                  <a:gd name="connsiteY5" fmla="*/ 536819 h 676518"/>
                  <a:gd name="connsiteX6" fmla="*/ 591925 w 905474"/>
                  <a:gd name="connsiteY6" fmla="*/ 273295 h 676518"/>
                  <a:gd name="connsiteX7" fmla="*/ 496675 w 905474"/>
                  <a:gd name="connsiteY7" fmla="*/ 320920 h 676518"/>
                  <a:gd name="connsiteX8" fmla="*/ 268075 w 905474"/>
                  <a:gd name="connsiteY8" fmla="*/ 495545 h 676518"/>
                  <a:gd name="connsiteX9" fmla="*/ 58525 w 905474"/>
                  <a:gd name="connsiteY9" fmla="*/ 492370 h 676518"/>
                  <a:gd name="connsiteX10" fmla="*/ 55350 w 905474"/>
                  <a:gd name="connsiteY10" fmla="*/ 368545 h 676518"/>
                  <a:gd name="connsiteX11" fmla="*/ 29951 w 905474"/>
                  <a:gd name="connsiteY11" fmla="*/ 241545 h 676518"/>
                  <a:gd name="connsiteX12" fmla="*/ 55350 w 905474"/>
                  <a:gd name="connsiteY12" fmla="*/ 243 h 676518"/>
                  <a:gd name="connsiteX0" fmla="*/ 17861 w 867985"/>
                  <a:gd name="connsiteY0" fmla="*/ 243 h 676518"/>
                  <a:gd name="connsiteX1" fmla="*/ 636986 w 867985"/>
                  <a:gd name="connsiteY1" fmla="*/ 243 h 676518"/>
                  <a:gd name="connsiteX2" fmla="*/ 694136 w 867985"/>
                  <a:gd name="connsiteY2" fmla="*/ 243 h 676518"/>
                  <a:gd name="connsiteX3" fmla="*/ 856061 w 867985"/>
                  <a:gd name="connsiteY3" fmla="*/ 308218 h 676518"/>
                  <a:gd name="connsiteX4" fmla="*/ 783036 w 867985"/>
                  <a:gd name="connsiteY4" fmla="*/ 676518 h 676518"/>
                  <a:gd name="connsiteX5" fmla="*/ 583011 w 867985"/>
                  <a:gd name="connsiteY5" fmla="*/ 536819 h 676518"/>
                  <a:gd name="connsiteX6" fmla="*/ 554436 w 867985"/>
                  <a:gd name="connsiteY6" fmla="*/ 273295 h 676518"/>
                  <a:gd name="connsiteX7" fmla="*/ 459186 w 867985"/>
                  <a:gd name="connsiteY7" fmla="*/ 320920 h 676518"/>
                  <a:gd name="connsiteX8" fmla="*/ 230586 w 867985"/>
                  <a:gd name="connsiteY8" fmla="*/ 495545 h 676518"/>
                  <a:gd name="connsiteX9" fmla="*/ 21036 w 867985"/>
                  <a:gd name="connsiteY9" fmla="*/ 492370 h 676518"/>
                  <a:gd name="connsiteX10" fmla="*/ 17861 w 867985"/>
                  <a:gd name="connsiteY10" fmla="*/ 368545 h 676518"/>
                  <a:gd name="connsiteX11" fmla="*/ 322662 w 867985"/>
                  <a:gd name="connsiteY11" fmla="*/ 314570 h 676518"/>
                  <a:gd name="connsiteX12" fmla="*/ 17861 w 867985"/>
                  <a:gd name="connsiteY12" fmla="*/ 243 h 676518"/>
                  <a:gd name="connsiteX0" fmla="*/ 17861 w 867985"/>
                  <a:gd name="connsiteY0" fmla="*/ 243 h 676518"/>
                  <a:gd name="connsiteX1" fmla="*/ 636986 w 867985"/>
                  <a:gd name="connsiteY1" fmla="*/ 243 h 676518"/>
                  <a:gd name="connsiteX2" fmla="*/ 694136 w 867985"/>
                  <a:gd name="connsiteY2" fmla="*/ 243 h 676518"/>
                  <a:gd name="connsiteX3" fmla="*/ 856061 w 867985"/>
                  <a:gd name="connsiteY3" fmla="*/ 308218 h 676518"/>
                  <a:gd name="connsiteX4" fmla="*/ 783036 w 867985"/>
                  <a:gd name="connsiteY4" fmla="*/ 676518 h 676518"/>
                  <a:gd name="connsiteX5" fmla="*/ 583011 w 867985"/>
                  <a:gd name="connsiteY5" fmla="*/ 536819 h 676518"/>
                  <a:gd name="connsiteX6" fmla="*/ 554436 w 867985"/>
                  <a:gd name="connsiteY6" fmla="*/ 273295 h 676518"/>
                  <a:gd name="connsiteX7" fmla="*/ 459186 w 867985"/>
                  <a:gd name="connsiteY7" fmla="*/ 320920 h 676518"/>
                  <a:gd name="connsiteX8" fmla="*/ 230586 w 867985"/>
                  <a:gd name="connsiteY8" fmla="*/ 495545 h 676518"/>
                  <a:gd name="connsiteX9" fmla="*/ 21036 w 867985"/>
                  <a:gd name="connsiteY9" fmla="*/ 492370 h 676518"/>
                  <a:gd name="connsiteX10" fmla="*/ 17861 w 867985"/>
                  <a:gd name="connsiteY10" fmla="*/ 368545 h 676518"/>
                  <a:gd name="connsiteX11" fmla="*/ 322662 w 867985"/>
                  <a:gd name="connsiteY11" fmla="*/ 314570 h 676518"/>
                  <a:gd name="connsiteX12" fmla="*/ 17861 w 867985"/>
                  <a:gd name="connsiteY12" fmla="*/ 243 h 676518"/>
                  <a:gd name="connsiteX0" fmla="*/ 17861 w 867985"/>
                  <a:gd name="connsiteY0" fmla="*/ 243 h 676518"/>
                  <a:gd name="connsiteX1" fmla="*/ 636986 w 867985"/>
                  <a:gd name="connsiteY1" fmla="*/ 243 h 676518"/>
                  <a:gd name="connsiteX2" fmla="*/ 694136 w 867985"/>
                  <a:gd name="connsiteY2" fmla="*/ 243 h 676518"/>
                  <a:gd name="connsiteX3" fmla="*/ 856061 w 867985"/>
                  <a:gd name="connsiteY3" fmla="*/ 308218 h 676518"/>
                  <a:gd name="connsiteX4" fmla="*/ 783036 w 867985"/>
                  <a:gd name="connsiteY4" fmla="*/ 676518 h 676518"/>
                  <a:gd name="connsiteX5" fmla="*/ 583011 w 867985"/>
                  <a:gd name="connsiteY5" fmla="*/ 536819 h 676518"/>
                  <a:gd name="connsiteX6" fmla="*/ 554436 w 867985"/>
                  <a:gd name="connsiteY6" fmla="*/ 273295 h 676518"/>
                  <a:gd name="connsiteX7" fmla="*/ 459186 w 867985"/>
                  <a:gd name="connsiteY7" fmla="*/ 320920 h 676518"/>
                  <a:gd name="connsiteX8" fmla="*/ 230586 w 867985"/>
                  <a:gd name="connsiteY8" fmla="*/ 495545 h 676518"/>
                  <a:gd name="connsiteX9" fmla="*/ 21036 w 867985"/>
                  <a:gd name="connsiteY9" fmla="*/ 492370 h 676518"/>
                  <a:gd name="connsiteX10" fmla="*/ 17861 w 867985"/>
                  <a:gd name="connsiteY10" fmla="*/ 368545 h 676518"/>
                  <a:gd name="connsiteX11" fmla="*/ 322662 w 867985"/>
                  <a:gd name="connsiteY11" fmla="*/ 314570 h 676518"/>
                  <a:gd name="connsiteX12" fmla="*/ 17861 w 867985"/>
                  <a:gd name="connsiteY12" fmla="*/ 243 h 676518"/>
                  <a:gd name="connsiteX0" fmla="*/ 17861 w 867985"/>
                  <a:gd name="connsiteY0" fmla="*/ 243 h 676518"/>
                  <a:gd name="connsiteX1" fmla="*/ 636986 w 867985"/>
                  <a:gd name="connsiteY1" fmla="*/ 243 h 676518"/>
                  <a:gd name="connsiteX2" fmla="*/ 694136 w 867985"/>
                  <a:gd name="connsiteY2" fmla="*/ 243 h 676518"/>
                  <a:gd name="connsiteX3" fmla="*/ 856061 w 867985"/>
                  <a:gd name="connsiteY3" fmla="*/ 308218 h 676518"/>
                  <a:gd name="connsiteX4" fmla="*/ 783036 w 867985"/>
                  <a:gd name="connsiteY4" fmla="*/ 676518 h 676518"/>
                  <a:gd name="connsiteX5" fmla="*/ 583011 w 867985"/>
                  <a:gd name="connsiteY5" fmla="*/ 536819 h 676518"/>
                  <a:gd name="connsiteX6" fmla="*/ 554436 w 867985"/>
                  <a:gd name="connsiteY6" fmla="*/ 273295 h 676518"/>
                  <a:gd name="connsiteX7" fmla="*/ 459186 w 867985"/>
                  <a:gd name="connsiteY7" fmla="*/ 320920 h 676518"/>
                  <a:gd name="connsiteX8" fmla="*/ 230586 w 867985"/>
                  <a:gd name="connsiteY8" fmla="*/ 495545 h 676518"/>
                  <a:gd name="connsiteX9" fmla="*/ 21036 w 867985"/>
                  <a:gd name="connsiteY9" fmla="*/ 492370 h 676518"/>
                  <a:gd name="connsiteX10" fmla="*/ 17861 w 867985"/>
                  <a:gd name="connsiteY10" fmla="*/ 368545 h 676518"/>
                  <a:gd name="connsiteX11" fmla="*/ 322662 w 867985"/>
                  <a:gd name="connsiteY11" fmla="*/ 314570 h 676518"/>
                  <a:gd name="connsiteX12" fmla="*/ 17861 w 867985"/>
                  <a:gd name="connsiteY12" fmla="*/ 243 h 676518"/>
                  <a:gd name="connsiteX0" fmla="*/ 17861 w 867985"/>
                  <a:gd name="connsiteY0" fmla="*/ 243 h 676518"/>
                  <a:gd name="connsiteX1" fmla="*/ 636986 w 867985"/>
                  <a:gd name="connsiteY1" fmla="*/ 243 h 676518"/>
                  <a:gd name="connsiteX2" fmla="*/ 694136 w 867985"/>
                  <a:gd name="connsiteY2" fmla="*/ 243 h 676518"/>
                  <a:gd name="connsiteX3" fmla="*/ 856061 w 867985"/>
                  <a:gd name="connsiteY3" fmla="*/ 308218 h 676518"/>
                  <a:gd name="connsiteX4" fmla="*/ 783036 w 867985"/>
                  <a:gd name="connsiteY4" fmla="*/ 676518 h 676518"/>
                  <a:gd name="connsiteX5" fmla="*/ 583011 w 867985"/>
                  <a:gd name="connsiteY5" fmla="*/ 536819 h 676518"/>
                  <a:gd name="connsiteX6" fmla="*/ 554436 w 867985"/>
                  <a:gd name="connsiteY6" fmla="*/ 273295 h 676518"/>
                  <a:gd name="connsiteX7" fmla="*/ 446486 w 867985"/>
                  <a:gd name="connsiteY7" fmla="*/ 343145 h 676518"/>
                  <a:gd name="connsiteX8" fmla="*/ 230586 w 867985"/>
                  <a:gd name="connsiteY8" fmla="*/ 495545 h 676518"/>
                  <a:gd name="connsiteX9" fmla="*/ 21036 w 867985"/>
                  <a:gd name="connsiteY9" fmla="*/ 492370 h 676518"/>
                  <a:gd name="connsiteX10" fmla="*/ 17861 w 867985"/>
                  <a:gd name="connsiteY10" fmla="*/ 368545 h 676518"/>
                  <a:gd name="connsiteX11" fmla="*/ 322662 w 867985"/>
                  <a:gd name="connsiteY11" fmla="*/ 314570 h 676518"/>
                  <a:gd name="connsiteX12" fmla="*/ 17861 w 867985"/>
                  <a:gd name="connsiteY12" fmla="*/ 243 h 676518"/>
                  <a:gd name="connsiteX0" fmla="*/ 17861 w 867985"/>
                  <a:gd name="connsiteY0" fmla="*/ 243 h 676518"/>
                  <a:gd name="connsiteX1" fmla="*/ 636986 w 867985"/>
                  <a:gd name="connsiteY1" fmla="*/ 243 h 676518"/>
                  <a:gd name="connsiteX2" fmla="*/ 694136 w 867985"/>
                  <a:gd name="connsiteY2" fmla="*/ 243 h 676518"/>
                  <a:gd name="connsiteX3" fmla="*/ 856061 w 867985"/>
                  <a:gd name="connsiteY3" fmla="*/ 308218 h 676518"/>
                  <a:gd name="connsiteX4" fmla="*/ 783036 w 867985"/>
                  <a:gd name="connsiteY4" fmla="*/ 676518 h 676518"/>
                  <a:gd name="connsiteX5" fmla="*/ 583011 w 867985"/>
                  <a:gd name="connsiteY5" fmla="*/ 536819 h 676518"/>
                  <a:gd name="connsiteX6" fmla="*/ 554436 w 867985"/>
                  <a:gd name="connsiteY6" fmla="*/ 273295 h 676518"/>
                  <a:gd name="connsiteX7" fmla="*/ 446486 w 867985"/>
                  <a:gd name="connsiteY7" fmla="*/ 343145 h 676518"/>
                  <a:gd name="connsiteX8" fmla="*/ 230586 w 867985"/>
                  <a:gd name="connsiteY8" fmla="*/ 495545 h 676518"/>
                  <a:gd name="connsiteX9" fmla="*/ 21036 w 867985"/>
                  <a:gd name="connsiteY9" fmla="*/ 492370 h 676518"/>
                  <a:gd name="connsiteX10" fmla="*/ 17861 w 867985"/>
                  <a:gd name="connsiteY10" fmla="*/ 368545 h 676518"/>
                  <a:gd name="connsiteX11" fmla="*/ 322662 w 867985"/>
                  <a:gd name="connsiteY11" fmla="*/ 314570 h 676518"/>
                  <a:gd name="connsiteX12" fmla="*/ 17861 w 867985"/>
                  <a:gd name="connsiteY12" fmla="*/ 243 h 676518"/>
                  <a:gd name="connsiteX0" fmla="*/ 17861 w 867985"/>
                  <a:gd name="connsiteY0" fmla="*/ 243 h 676518"/>
                  <a:gd name="connsiteX1" fmla="*/ 636986 w 867985"/>
                  <a:gd name="connsiteY1" fmla="*/ 243 h 676518"/>
                  <a:gd name="connsiteX2" fmla="*/ 694136 w 867985"/>
                  <a:gd name="connsiteY2" fmla="*/ 243 h 676518"/>
                  <a:gd name="connsiteX3" fmla="*/ 856061 w 867985"/>
                  <a:gd name="connsiteY3" fmla="*/ 308218 h 676518"/>
                  <a:gd name="connsiteX4" fmla="*/ 783036 w 867985"/>
                  <a:gd name="connsiteY4" fmla="*/ 676518 h 676518"/>
                  <a:gd name="connsiteX5" fmla="*/ 583011 w 867985"/>
                  <a:gd name="connsiteY5" fmla="*/ 536819 h 676518"/>
                  <a:gd name="connsiteX6" fmla="*/ 554436 w 867985"/>
                  <a:gd name="connsiteY6" fmla="*/ 273295 h 676518"/>
                  <a:gd name="connsiteX7" fmla="*/ 446486 w 867985"/>
                  <a:gd name="connsiteY7" fmla="*/ 343145 h 676518"/>
                  <a:gd name="connsiteX8" fmla="*/ 233761 w 867985"/>
                  <a:gd name="connsiteY8" fmla="*/ 489195 h 676518"/>
                  <a:gd name="connsiteX9" fmla="*/ 21036 w 867985"/>
                  <a:gd name="connsiteY9" fmla="*/ 492370 h 676518"/>
                  <a:gd name="connsiteX10" fmla="*/ 17861 w 867985"/>
                  <a:gd name="connsiteY10" fmla="*/ 368545 h 676518"/>
                  <a:gd name="connsiteX11" fmla="*/ 322662 w 867985"/>
                  <a:gd name="connsiteY11" fmla="*/ 314570 h 676518"/>
                  <a:gd name="connsiteX12" fmla="*/ 17861 w 867985"/>
                  <a:gd name="connsiteY12" fmla="*/ 243 h 676518"/>
                  <a:gd name="connsiteX0" fmla="*/ 17861 w 867985"/>
                  <a:gd name="connsiteY0" fmla="*/ 243 h 676518"/>
                  <a:gd name="connsiteX1" fmla="*/ 636986 w 867985"/>
                  <a:gd name="connsiteY1" fmla="*/ 243 h 676518"/>
                  <a:gd name="connsiteX2" fmla="*/ 694136 w 867985"/>
                  <a:gd name="connsiteY2" fmla="*/ 243 h 676518"/>
                  <a:gd name="connsiteX3" fmla="*/ 856061 w 867985"/>
                  <a:gd name="connsiteY3" fmla="*/ 308218 h 676518"/>
                  <a:gd name="connsiteX4" fmla="*/ 783036 w 867985"/>
                  <a:gd name="connsiteY4" fmla="*/ 676518 h 676518"/>
                  <a:gd name="connsiteX5" fmla="*/ 583011 w 867985"/>
                  <a:gd name="connsiteY5" fmla="*/ 536819 h 676518"/>
                  <a:gd name="connsiteX6" fmla="*/ 554436 w 867985"/>
                  <a:gd name="connsiteY6" fmla="*/ 273295 h 676518"/>
                  <a:gd name="connsiteX7" fmla="*/ 446486 w 867985"/>
                  <a:gd name="connsiteY7" fmla="*/ 343145 h 676518"/>
                  <a:gd name="connsiteX8" fmla="*/ 227411 w 867985"/>
                  <a:gd name="connsiteY8" fmla="*/ 489195 h 676518"/>
                  <a:gd name="connsiteX9" fmla="*/ 21036 w 867985"/>
                  <a:gd name="connsiteY9" fmla="*/ 492370 h 676518"/>
                  <a:gd name="connsiteX10" fmla="*/ 17861 w 867985"/>
                  <a:gd name="connsiteY10" fmla="*/ 368545 h 676518"/>
                  <a:gd name="connsiteX11" fmla="*/ 322662 w 867985"/>
                  <a:gd name="connsiteY11" fmla="*/ 314570 h 676518"/>
                  <a:gd name="connsiteX12" fmla="*/ 17861 w 867985"/>
                  <a:gd name="connsiteY12" fmla="*/ 243 h 676518"/>
                  <a:gd name="connsiteX0" fmla="*/ 17861 w 867985"/>
                  <a:gd name="connsiteY0" fmla="*/ 243 h 676518"/>
                  <a:gd name="connsiteX1" fmla="*/ 636986 w 867985"/>
                  <a:gd name="connsiteY1" fmla="*/ 243 h 676518"/>
                  <a:gd name="connsiteX2" fmla="*/ 694136 w 867985"/>
                  <a:gd name="connsiteY2" fmla="*/ 243 h 676518"/>
                  <a:gd name="connsiteX3" fmla="*/ 856061 w 867985"/>
                  <a:gd name="connsiteY3" fmla="*/ 308218 h 676518"/>
                  <a:gd name="connsiteX4" fmla="*/ 783036 w 867985"/>
                  <a:gd name="connsiteY4" fmla="*/ 676518 h 676518"/>
                  <a:gd name="connsiteX5" fmla="*/ 583011 w 867985"/>
                  <a:gd name="connsiteY5" fmla="*/ 536819 h 676518"/>
                  <a:gd name="connsiteX6" fmla="*/ 554436 w 867985"/>
                  <a:gd name="connsiteY6" fmla="*/ 273295 h 676518"/>
                  <a:gd name="connsiteX7" fmla="*/ 446486 w 867985"/>
                  <a:gd name="connsiteY7" fmla="*/ 343145 h 676518"/>
                  <a:gd name="connsiteX8" fmla="*/ 233761 w 867985"/>
                  <a:gd name="connsiteY8" fmla="*/ 489195 h 676518"/>
                  <a:gd name="connsiteX9" fmla="*/ 21036 w 867985"/>
                  <a:gd name="connsiteY9" fmla="*/ 492370 h 676518"/>
                  <a:gd name="connsiteX10" fmla="*/ 17861 w 867985"/>
                  <a:gd name="connsiteY10" fmla="*/ 368545 h 676518"/>
                  <a:gd name="connsiteX11" fmla="*/ 322662 w 867985"/>
                  <a:gd name="connsiteY11" fmla="*/ 314570 h 676518"/>
                  <a:gd name="connsiteX12" fmla="*/ 17861 w 867985"/>
                  <a:gd name="connsiteY12" fmla="*/ 243 h 676518"/>
                  <a:gd name="connsiteX0" fmla="*/ 17861 w 867985"/>
                  <a:gd name="connsiteY0" fmla="*/ 243 h 676518"/>
                  <a:gd name="connsiteX1" fmla="*/ 636986 w 867985"/>
                  <a:gd name="connsiteY1" fmla="*/ 243 h 676518"/>
                  <a:gd name="connsiteX2" fmla="*/ 694136 w 867985"/>
                  <a:gd name="connsiteY2" fmla="*/ 243 h 676518"/>
                  <a:gd name="connsiteX3" fmla="*/ 856061 w 867985"/>
                  <a:gd name="connsiteY3" fmla="*/ 308218 h 676518"/>
                  <a:gd name="connsiteX4" fmla="*/ 783036 w 867985"/>
                  <a:gd name="connsiteY4" fmla="*/ 676518 h 676518"/>
                  <a:gd name="connsiteX5" fmla="*/ 583011 w 867985"/>
                  <a:gd name="connsiteY5" fmla="*/ 536819 h 676518"/>
                  <a:gd name="connsiteX6" fmla="*/ 554436 w 867985"/>
                  <a:gd name="connsiteY6" fmla="*/ 273295 h 676518"/>
                  <a:gd name="connsiteX7" fmla="*/ 446486 w 867985"/>
                  <a:gd name="connsiteY7" fmla="*/ 343145 h 676518"/>
                  <a:gd name="connsiteX8" fmla="*/ 236936 w 867985"/>
                  <a:gd name="connsiteY8" fmla="*/ 489195 h 676518"/>
                  <a:gd name="connsiteX9" fmla="*/ 21036 w 867985"/>
                  <a:gd name="connsiteY9" fmla="*/ 492370 h 676518"/>
                  <a:gd name="connsiteX10" fmla="*/ 17861 w 867985"/>
                  <a:gd name="connsiteY10" fmla="*/ 368545 h 676518"/>
                  <a:gd name="connsiteX11" fmla="*/ 322662 w 867985"/>
                  <a:gd name="connsiteY11" fmla="*/ 314570 h 676518"/>
                  <a:gd name="connsiteX12" fmla="*/ 17861 w 867985"/>
                  <a:gd name="connsiteY12" fmla="*/ 243 h 676518"/>
                  <a:gd name="connsiteX0" fmla="*/ 17861 w 867985"/>
                  <a:gd name="connsiteY0" fmla="*/ 243 h 676518"/>
                  <a:gd name="connsiteX1" fmla="*/ 636986 w 867985"/>
                  <a:gd name="connsiteY1" fmla="*/ 243 h 676518"/>
                  <a:gd name="connsiteX2" fmla="*/ 694136 w 867985"/>
                  <a:gd name="connsiteY2" fmla="*/ 243 h 676518"/>
                  <a:gd name="connsiteX3" fmla="*/ 856061 w 867985"/>
                  <a:gd name="connsiteY3" fmla="*/ 308218 h 676518"/>
                  <a:gd name="connsiteX4" fmla="*/ 783036 w 867985"/>
                  <a:gd name="connsiteY4" fmla="*/ 676518 h 676518"/>
                  <a:gd name="connsiteX5" fmla="*/ 583011 w 867985"/>
                  <a:gd name="connsiteY5" fmla="*/ 536819 h 676518"/>
                  <a:gd name="connsiteX6" fmla="*/ 554436 w 867985"/>
                  <a:gd name="connsiteY6" fmla="*/ 273295 h 676518"/>
                  <a:gd name="connsiteX7" fmla="*/ 446486 w 867985"/>
                  <a:gd name="connsiteY7" fmla="*/ 343145 h 676518"/>
                  <a:gd name="connsiteX8" fmla="*/ 233761 w 867985"/>
                  <a:gd name="connsiteY8" fmla="*/ 495545 h 676518"/>
                  <a:gd name="connsiteX9" fmla="*/ 21036 w 867985"/>
                  <a:gd name="connsiteY9" fmla="*/ 492370 h 676518"/>
                  <a:gd name="connsiteX10" fmla="*/ 17861 w 867985"/>
                  <a:gd name="connsiteY10" fmla="*/ 368545 h 676518"/>
                  <a:gd name="connsiteX11" fmla="*/ 322662 w 867985"/>
                  <a:gd name="connsiteY11" fmla="*/ 314570 h 676518"/>
                  <a:gd name="connsiteX12" fmla="*/ 17861 w 867985"/>
                  <a:gd name="connsiteY12" fmla="*/ 243 h 676518"/>
                  <a:gd name="connsiteX0" fmla="*/ 17583 w 867707"/>
                  <a:gd name="connsiteY0" fmla="*/ 243 h 676518"/>
                  <a:gd name="connsiteX1" fmla="*/ 636708 w 867707"/>
                  <a:gd name="connsiteY1" fmla="*/ 243 h 676518"/>
                  <a:gd name="connsiteX2" fmla="*/ 693858 w 867707"/>
                  <a:gd name="connsiteY2" fmla="*/ 243 h 676518"/>
                  <a:gd name="connsiteX3" fmla="*/ 855783 w 867707"/>
                  <a:gd name="connsiteY3" fmla="*/ 308218 h 676518"/>
                  <a:gd name="connsiteX4" fmla="*/ 782758 w 867707"/>
                  <a:gd name="connsiteY4" fmla="*/ 676518 h 676518"/>
                  <a:gd name="connsiteX5" fmla="*/ 582733 w 867707"/>
                  <a:gd name="connsiteY5" fmla="*/ 536819 h 676518"/>
                  <a:gd name="connsiteX6" fmla="*/ 554158 w 867707"/>
                  <a:gd name="connsiteY6" fmla="*/ 273295 h 676518"/>
                  <a:gd name="connsiteX7" fmla="*/ 446208 w 867707"/>
                  <a:gd name="connsiteY7" fmla="*/ 343145 h 676518"/>
                  <a:gd name="connsiteX8" fmla="*/ 233483 w 867707"/>
                  <a:gd name="connsiteY8" fmla="*/ 495545 h 676518"/>
                  <a:gd name="connsiteX9" fmla="*/ 20758 w 867707"/>
                  <a:gd name="connsiteY9" fmla="*/ 492370 h 676518"/>
                  <a:gd name="connsiteX10" fmla="*/ 17583 w 867707"/>
                  <a:gd name="connsiteY10" fmla="*/ 368545 h 676518"/>
                  <a:gd name="connsiteX11" fmla="*/ 322384 w 867707"/>
                  <a:gd name="connsiteY11" fmla="*/ 314570 h 676518"/>
                  <a:gd name="connsiteX12" fmla="*/ 182684 w 867707"/>
                  <a:gd name="connsiteY12" fmla="*/ 178045 h 676518"/>
                  <a:gd name="connsiteX13" fmla="*/ 17583 w 867707"/>
                  <a:gd name="connsiteY13" fmla="*/ 243 h 676518"/>
                  <a:gd name="connsiteX0" fmla="*/ 18043 w 868167"/>
                  <a:gd name="connsiteY0" fmla="*/ 243 h 676518"/>
                  <a:gd name="connsiteX1" fmla="*/ 637168 w 868167"/>
                  <a:gd name="connsiteY1" fmla="*/ 243 h 676518"/>
                  <a:gd name="connsiteX2" fmla="*/ 694318 w 868167"/>
                  <a:gd name="connsiteY2" fmla="*/ 243 h 676518"/>
                  <a:gd name="connsiteX3" fmla="*/ 856243 w 868167"/>
                  <a:gd name="connsiteY3" fmla="*/ 308218 h 676518"/>
                  <a:gd name="connsiteX4" fmla="*/ 783218 w 868167"/>
                  <a:gd name="connsiteY4" fmla="*/ 676518 h 676518"/>
                  <a:gd name="connsiteX5" fmla="*/ 583193 w 868167"/>
                  <a:gd name="connsiteY5" fmla="*/ 536819 h 676518"/>
                  <a:gd name="connsiteX6" fmla="*/ 554618 w 868167"/>
                  <a:gd name="connsiteY6" fmla="*/ 273295 h 676518"/>
                  <a:gd name="connsiteX7" fmla="*/ 446668 w 868167"/>
                  <a:gd name="connsiteY7" fmla="*/ 343145 h 676518"/>
                  <a:gd name="connsiteX8" fmla="*/ 233943 w 868167"/>
                  <a:gd name="connsiteY8" fmla="*/ 495545 h 676518"/>
                  <a:gd name="connsiteX9" fmla="*/ 21218 w 868167"/>
                  <a:gd name="connsiteY9" fmla="*/ 492370 h 676518"/>
                  <a:gd name="connsiteX10" fmla="*/ 18043 w 868167"/>
                  <a:gd name="connsiteY10" fmla="*/ 368545 h 676518"/>
                  <a:gd name="connsiteX11" fmla="*/ 322844 w 868167"/>
                  <a:gd name="connsiteY11" fmla="*/ 314570 h 676518"/>
                  <a:gd name="connsiteX12" fmla="*/ 176794 w 868167"/>
                  <a:gd name="connsiteY12" fmla="*/ 270120 h 676518"/>
                  <a:gd name="connsiteX13" fmla="*/ 18043 w 868167"/>
                  <a:gd name="connsiteY13" fmla="*/ 243 h 676518"/>
                  <a:gd name="connsiteX0" fmla="*/ 18043 w 868167"/>
                  <a:gd name="connsiteY0" fmla="*/ 243 h 676518"/>
                  <a:gd name="connsiteX1" fmla="*/ 637168 w 868167"/>
                  <a:gd name="connsiteY1" fmla="*/ 243 h 676518"/>
                  <a:gd name="connsiteX2" fmla="*/ 694318 w 868167"/>
                  <a:gd name="connsiteY2" fmla="*/ 243 h 676518"/>
                  <a:gd name="connsiteX3" fmla="*/ 856243 w 868167"/>
                  <a:gd name="connsiteY3" fmla="*/ 308218 h 676518"/>
                  <a:gd name="connsiteX4" fmla="*/ 783218 w 868167"/>
                  <a:gd name="connsiteY4" fmla="*/ 676518 h 676518"/>
                  <a:gd name="connsiteX5" fmla="*/ 583193 w 868167"/>
                  <a:gd name="connsiteY5" fmla="*/ 536819 h 676518"/>
                  <a:gd name="connsiteX6" fmla="*/ 554618 w 868167"/>
                  <a:gd name="connsiteY6" fmla="*/ 273295 h 676518"/>
                  <a:gd name="connsiteX7" fmla="*/ 446668 w 868167"/>
                  <a:gd name="connsiteY7" fmla="*/ 343145 h 676518"/>
                  <a:gd name="connsiteX8" fmla="*/ 233943 w 868167"/>
                  <a:gd name="connsiteY8" fmla="*/ 495545 h 676518"/>
                  <a:gd name="connsiteX9" fmla="*/ 21218 w 868167"/>
                  <a:gd name="connsiteY9" fmla="*/ 492370 h 676518"/>
                  <a:gd name="connsiteX10" fmla="*/ 18043 w 868167"/>
                  <a:gd name="connsiteY10" fmla="*/ 368545 h 676518"/>
                  <a:gd name="connsiteX11" fmla="*/ 322844 w 868167"/>
                  <a:gd name="connsiteY11" fmla="*/ 314570 h 676518"/>
                  <a:gd name="connsiteX12" fmla="*/ 176794 w 868167"/>
                  <a:gd name="connsiteY12" fmla="*/ 270120 h 676518"/>
                  <a:gd name="connsiteX13" fmla="*/ 18043 w 868167"/>
                  <a:gd name="connsiteY13" fmla="*/ 243 h 676518"/>
                  <a:gd name="connsiteX0" fmla="*/ 18043 w 868167"/>
                  <a:gd name="connsiteY0" fmla="*/ 243 h 676518"/>
                  <a:gd name="connsiteX1" fmla="*/ 637168 w 868167"/>
                  <a:gd name="connsiteY1" fmla="*/ 243 h 676518"/>
                  <a:gd name="connsiteX2" fmla="*/ 694318 w 868167"/>
                  <a:gd name="connsiteY2" fmla="*/ 243 h 676518"/>
                  <a:gd name="connsiteX3" fmla="*/ 856243 w 868167"/>
                  <a:gd name="connsiteY3" fmla="*/ 308218 h 676518"/>
                  <a:gd name="connsiteX4" fmla="*/ 783218 w 868167"/>
                  <a:gd name="connsiteY4" fmla="*/ 676518 h 676518"/>
                  <a:gd name="connsiteX5" fmla="*/ 583193 w 868167"/>
                  <a:gd name="connsiteY5" fmla="*/ 536819 h 676518"/>
                  <a:gd name="connsiteX6" fmla="*/ 554618 w 868167"/>
                  <a:gd name="connsiteY6" fmla="*/ 273295 h 676518"/>
                  <a:gd name="connsiteX7" fmla="*/ 446668 w 868167"/>
                  <a:gd name="connsiteY7" fmla="*/ 343145 h 676518"/>
                  <a:gd name="connsiteX8" fmla="*/ 233943 w 868167"/>
                  <a:gd name="connsiteY8" fmla="*/ 495545 h 676518"/>
                  <a:gd name="connsiteX9" fmla="*/ 21218 w 868167"/>
                  <a:gd name="connsiteY9" fmla="*/ 492370 h 676518"/>
                  <a:gd name="connsiteX10" fmla="*/ 18043 w 868167"/>
                  <a:gd name="connsiteY10" fmla="*/ 368545 h 676518"/>
                  <a:gd name="connsiteX11" fmla="*/ 322844 w 868167"/>
                  <a:gd name="connsiteY11" fmla="*/ 314570 h 676518"/>
                  <a:gd name="connsiteX12" fmla="*/ 176794 w 868167"/>
                  <a:gd name="connsiteY12" fmla="*/ 270120 h 676518"/>
                  <a:gd name="connsiteX13" fmla="*/ 18043 w 868167"/>
                  <a:gd name="connsiteY13" fmla="*/ 243 h 676518"/>
                  <a:gd name="connsiteX0" fmla="*/ 18282 w 868406"/>
                  <a:gd name="connsiteY0" fmla="*/ 243 h 676518"/>
                  <a:gd name="connsiteX1" fmla="*/ 637407 w 868406"/>
                  <a:gd name="connsiteY1" fmla="*/ 243 h 676518"/>
                  <a:gd name="connsiteX2" fmla="*/ 694557 w 868406"/>
                  <a:gd name="connsiteY2" fmla="*/ 243 h 676518"/>
                  <a:gd name="connsiteX3" fmla="*/ 856482 w 868406"/>
                  <a:gd name="connsiteY3" fmla="*/ 308218 h 676518"/>
                  <a:gd name="connsiteX4" fmla="*/ 783457 w 868406"/>
                  <a:gd name="connsiteY4" fmla="*/ 676518 h 676518"/>
                  <a:gd name="connsiteX5" fmla="*/ 583432 w 868406"/>
                  <a:gd name="connsiteY5" fmla="*/ 536819 h 676518"/>
                  <a:gd name="connsiteX6" fmla="*/ 554857 w 868406"/>
                  <a:gd name="connsiteY6" fmla="*/ 273295 h 676518"/>
                  <a:gd name="connsiteX7" fmla="*/ 446907 w 868406"/>
                  <a:gd name="connsiteY7" fmla="*/ 343145 h 676518"/>
                  <a:gd name="connsiteX8" fmla="*/ 234182 w 868406"/>
                  <a:gd name="connsiteY8" fmla="*/ 495545 h 676518"/>
                  <a:gd name="connsiteX9" fmla="*/ 21457 w 868406"/>
                  <a:gd name="connsiteY9" fmla="*/ 492370 h 676518"/>
                  <a:gd name="connsiteX10" fmla="*/ 18282 w 868406"/>
                  <a:gd name="connsiteY10" fmla="*/ 368545 h 676518"/>
                  <a:gd name="connsiteX11" fmla="*/ 323083 w 868406"/>
                  <a:gd name="connsiteY11" fmla="*/ 314570 h 676518"/>
                  <a:gd name="connsiteX12" fmla="*/ 173858 w 868406"/>
                  <a:gd name="connsiteY12" fmla="*/ 279645 h 676518"/>
                  <a:gd name="connsiteX13" fmla="*/ 18282 w 868406"/>
                  <a:gd name="connsiteY13" fmla="*/ 243 h 676518"/>
                  <a:gd name="connsiteX0" fmla="*/ 257985 w 850934"/>
                  <a:gd name="connsiteY0" fmla="*/ 54218 h 676518"/>
                  <a:gd name="connsiteX1" fmla="*/ 619935 w 850934"/>
                  <a:gd name="connsiteY1" fmla="*/ 243 h 676518"/>
                  <a:gd name="connsiteX2" fmla="*/ 677085 w 850934"/>
                  <a:gd name="connsiteY2" fmla="*/ 243 h 676518"/>
                  <a:gd name="connsiteX3" fmla="*/ 839010 w 850934"/>
                  <a:gd name="connsiteY3" fmla="*/ 308218 h 676518"/>
                  <a:gd name="connsiteX4" fmla="*/ 765985 w 850934"/>
                  <a:gd name="connsiteY4" fmla="*/ 676518 h 676518"/>
                  <a:gd name="connsiteX5" fmla="*/ 565960 w 850934"/>
                  <a:gd name="connsiteY5" fmla="*/ 536819 h 676518"/>
                  <a:gd name="connsiteX6" fmla="*/ 537385 w 850934"/>
                  <a:gd name="connsiteY6" fmla="*/ 273295 h 676518"/>
                  <a:gd name="connsiteX7" fmla="*/ 429435 w 850934"/>
                  <a:gd name="connsiteY7" fmla="*/ 343145 h 676518"/>
                  <a:gd name="connsiteX8" fmla="*/ 216710 w 850934"/>
                  <a:gd name="connsiteY8" fmla="*/ 495545 h 676518"/>
                  <a:gd name="connsiteX9" fmla="*/ 3985 w 850934"/>
                  <a:gd name="connsiteY9" fmla="*/ 492370 h 676518"/>
                  <a:gd name="connsiteX10" fmla="*/ 810 w 850934"/>
                  <a:gd name="connsiteY10" fmla="*/ 368545 h 676518"/>
                  <a:gd name="connsiteX11" fmla="*/ 305611 w 850934"/>
                  <a:gd name="connsiteY11" fmla="*/ 314570 h 676518"/>
                  <a:gd name="connsiteX12" fmla="*/ 156386 w 850934"/>
                  <a:gd name="connsiteY12" fmla="*/ 279645 h 676518"/>
                  <a:gd name="connsiteX13" fmla="*/ 257985 w 850934"/>
                  <a:gd name="connsiteY13" fmla="*/ 54218 h 676518"/>
                  <a:gd name="connsiteX0" fmla="*/ 257985 w 850934"/>
                  <a:gd name="connsiteY0" fmla="*/ 54218 h 676518"/>
                  <a:gd name="connsiteX1" fmla="*/ 619935 w 850934"/>
                  <a:gd name="connsiteY1" fmla="*/ 243 h 676518"/>
                  <a:gd name="connsiteX2" fmla="*/ 677085 w 850934"/>
                  <a:gd name="connsiteY2" fmla="*/ 243 h 676518"/>
                  <a:gd name="connsiteX3" fmla="*/ 839010 w 850934"/>
                  <a:gd name="connsiteY3" fmla="*/ 308218 h 676518"/>
                  <a:gd name="connsiteX4" fmla="*/ 765985 w 850934"/>
                  <a:gd name="connsiteY4" fmla="*/ 676518 h 676518"/>
                  <a:gd name="connsiteX5" fmla="*/ 565960 w 850934"/>
                  <a:gd name="connsiteY5" fmla="*/ 536819 h 676518"/>
                  <a:gd name="connsiteX6" fmla="*/ 537385 w 850934"/>
                  <a:gd name="connsiteY6" fmla="*/ 273295 h 676518"/>
                  <a:gd name="connsiteX7" fmla="*/ 429435 w 850934"/>
                  <a:gd name="connsiteY7" fmla="*/ 343145 h 676518"/>
                  <a:gd name="connsiteX8" fmla="*/ 216710 w 850934"/>
                  <a:gd name="connsiteY8" fmla="*/ 495545 h 676518"/>
                  <a:gd name="connsiteX9" fmla="*/ 3985 w 850934"/>
                  <a:gd name="connsiteY9" fmla="*/ 492370 h 676518"/>
                  <a:gd name="connsiteX10" fmla="*/ 810 w 850934"/>
                  <a:gd name="connsiteY10" fmla="*/ 368545 h 676518"/>
                  <a:gd name="connsiteX11" fmla="*/ 305611 w 850934"/>
                  <a:gd name="connsiteY11" fmla="*/ 314570 h 676518"/>
                  <a:gd name="connsiteX12" fmla="*/ 156386 w 850934"/>
                  <a:gd name="connsiteY12" fmla="*/ 279645 h 676518"/>
                  <a:gd name="connsiteX13" fmla="*/ 159561 w 850934"/>
                  <a:gd name="connsiteY13" fmla="*/ 136770 h 676518"/>
                  <a:gd name="connsiteX14" fmla="*/ 257985 w 850934"/>
                  <a:gd name="connsiteY14" fmla="*/ 54218 h 676518"/>
                  <a:gd name="connsiteX0" fmla="*/ 257985 w 850934"/>
                  <a:gd name="connsiteY0" fmla="*/ 54218 h 676518"/>
                  <a:gd name="connsiteX1" fmla="*/ 619935 w 850934"/>
                  <a:gd name="connsiteY1" fmla="*/ 243 h 676518"/>
                  <a:gd name="connsiteX2" fmla="*/ 677085 w 850934"/>
                  <a:gd name="connsiteY2" fmla="*/ 243 h 676518"/>
                  <a:gd name="connsiteX3" fmla="*/ 839010 w 850934"/>
                  <a:gd name="connsiteY3" fmla="*/ 308218 h 676518"/>
                  <a:gd name="connsiteX4" fmla="*/ 765985 w 850934"/>
                  <a:gd name="connsiteY4" fmla="*/ 676518 h 676518"/>
                  <a:gd name="connsiteX5" fmla="*/ 565960 w 850934"/>
                  <a:gd name="connsiteY5" fmla="*/ 536819 h 676518"/>
                  <a:gd name="connsiteX6" fmla="*/ 537385 w 850934"/>
                  <a:gd name="connsiteY6" fmla="*/ 273295 h 676518"/>
                  <a:gd name="connsiteX7" fmla="*/ 429435 w 850934"/>
                  <a:gd name="connsiteY7" fmla="*/ 343145 h 676518"/>
                  <a:gd name="connsiteX8" fmla="*/ 216710 w 850934"/>
                  <a:gd name="connsiteY8" fmla="*/ 495545 h 676518"/>
                  <a:gd name="connsiteX9" fmla="*/ 3985 w 850934"/>
                  <a:gd name="connsiteY9" fmla="*/ 492370 h 676518"/>
                  <a:gd name="connsiteX10" fmla="*/ 810 w 850934"/>
                  <a:gd name="connsiteY10" fmla="*/ 368545 h 676518"/>
                  <a:gd name="connsiteX11" fmla="*/ 305611 w 850934"/>
                  <a:gd name="connsiteY11" fmla="*/ 314570 h 676518"/>
                  <a:gd name="connsiteX12" fmla="*/ 156386 w 850934"/>
                  <a:gd name="connsiteY12" fmla="*/ 279645 h 676518"/>
                  <a:gd name="connsiteX13" fmla="*/ 192899 w 850934"/>
                  <a:gd name="connsiteY13" fmla="*/ 158201 h 676518"/>
                  <a:gd name="connsiteX14" fmla="*/ 257985 w 850934"/>
                  <a:gd name="connsiteY14" fmla="*/ 54218 h 676518"/>
                  <a:gd name="connsiteX0" fmla="*/ 257985 w 850934"/>
                  <a:gd name="connsiteY0" fmla="*/ 54218 h 676518"/>
                  <a:gd name="connsiteX1" fmla="*/ 619935 w 850934"/>
                  <a:gd name="connsiteY1" fmla="*/ 243 h 676518"/>
                  <a:gd name="connsiteX2" fmla="*/ 677085 w 850934"/>
                  <a:gd name="connsiteY2" fmla="*/ 243 h 676518"/>
                  <a:gd name="connsiteX3" fmla="*/ 839010 w 850934"/>
                  <a:gd name="connsiteY3" fmla="*/ 308218 h 676518"/>
                  <a:gd name="connsiteX4" fmla="*/ 765985 w 850934"/>
                  <a:gd name="connsiteY4" fmla="*/ 676518 h 676518"/>
                  <a:gd name="connsiteX5" fmla="*/ 565960 w 850934"/>
                  <a:gd name="connsiteY5" fmla="*/ 536819 h 676518"/>
                  <a:gd name="connsiteX6" fmla="*/ 537385 w 850934"/>
                  <a:gd name="connsiteY6" fmla="*/ 273295 h 676518"/>
                  <a:gd name="connsiteX7" fmla="*/ 429435 w 850934"/>
                  <a:gd name="connsiteY7" fmla="*/ 343145 h 676518"/>
                  <a:gd name="connsiteX8" fmla="*/ 216710 w 850934"/>
                  <a:gd name="connsiteY8" fmla="*/ 495545 h 676518"/>
                  <a:gd name="connsiteX9" fmla="*/ 3985 w 850934"/>
                  <a:gd name="connsiteY9" fmla="*/ 492370 h 676518"/>
                  <a:gd name="connsiteX10" fmla="*/ 810 w 850934"/>
                  <a:gd name="connsiteY10" fmla="*/ 368545 h 676518"/>
                  <a:gd name="connsiteX11" fmla="*/ 305611 w 850934"/>
                  <a:gd name="connsiteY11" fmla="*/ 314570 h 676518"/>
                  <a:gd name="connsiteX12" fmla="*/ 170673 w 850934"/>
                  <a:gd name="connsiteY12" fmla="*/ 279645 h 676518"/>
                  <a:gd name="connsiteX13" fmla="*/ 192899 w 850934"/>
                  <a:gd name="connsiteY13" fmla="*/ 158201 h 676518"/>
                  <a:gd name="connsiteX14" fmla="*/ 257985 w 850934"/>
                  <a:gd name="connsiteY14" fmla="*/ 54218 h 676518"/>
                  <a:gd name="connsiteX0" fmla="*/ 257985 w 850934"/>
                  <a:gd name="connsiteY0" fmla="*/ 54218 h 676518"/>
                  <a:gd name="connsiteX1" fmla="*/ 619935 w 850934"/>
                  <a:gd name="connsiteY1" fmla="*/ 243 h 676518"/>
                  <a:gd name="connsiteX2" fmla="*/ 677085 w 850934"/>
                  <a:gd name="connsiteY2" fmla="*/ 243 h 676518"/>
                  <a:gd name="connsiteX3" fmla="*/ 839010 w 850934"/>
                  <a:gd name="connsiteY3" fmla="*/ 308218 h 676518"/>
                  <a:gd name="connsiteX4" fmla="*/ 765985 w 850934"/>
                  <a:gd name="connsiteY4" fmla="*/ 676518 h 676518"/>
                  <a:gd name="connsiteX5" fmla="*/ 565960 w 850934"/>
                  <a:gd name="connsiteY5" fmla="*/ 536819 h 676518"/>
                  <a:gd name="connsiteX6" fmla="*/ 537385 w 850934"/>
                  <a:gd name="connsiteY6" fmla="*/ 273295 h 676518"/>
                  <a:gd name="connsiteX7" fmla="*/ 429435 w 850934"/>
                  <a:gd name="connsiteY7" fmla="*/ 343145 h 676518"/>
                  <a:gd name="connsiteX8" fmla="*/ 216710 w 850934"/>
                  <a:gd name="connsiteY8" fmla="*/ 495545 h 676518"/>
                  <a:gd name="connsiteX9" fmla="*/ 3985 w 850934"/>
                  <a:gd name="connsiteY9" fmla="*/ 492370 h 676518"/>
                  <a:gd name="connsiteX10" fmla="*/ 810 w 850934"/>
                  <a:gd name="connsiteY10" fmla="*/ 368545 h 676518"/>
                  <a:gd name="connsiteX11" fmla="*/ 305611 w 850934"/>
                  <a:gd name="connsiteY11" fmla="*/ 314570 h 676518"/>
                  <a:gd name="connsiteX12" fmla="*/ 170673 w 850934"/>
                  <a:gd name="connsiteY12" fmla="*/ 279645 h 676518"/>
                  <a:gd name="connsiteX13" fmla="*/ 176230 w 850934"/>
                  <a:gd name="connsiteY13" fmla="*/ 162964 h 676518"/>
                  <a:gd name="connsiteX14" fmla="*/ 257985 w 850934"/>
                  <a:gd name="connsiteY14" fmla="*/ 54218 h 676518"/>
                  <a:gd name="connsiteX0" fmla="*/ 257985 w 850934"/>
                  <a:gd name="connsiteY0" fmla="*/ 54218 h 676518"/>
                  <a:gd name="connsiteX1" fmla="*/ 619935 w 850934"/>
                  <a:gd name="connsiteY1" fmla="*/ 243 h 676518"/>
                  <a:gd name="connsiteX2" fmla="*/ 677085 w 850934"/>
                  <a:gd name="connsiteY2" fmla="*/ 243 h 676518"/>
                  <a:gd name="connsiteX3" fmla="*/ 839010 w 850934"/>
                  <a:gd name="connsiteY3" fmla="*/ 308218 h 676518"/>
                  <a:gd name="connsiteX4" fmla="*/ 765985 w 850934"/>
                  <a:gd name="connsiteY4" fmla="*/ 676518 h 676518"/>
                  <a:gd name="connsiteX5" fmla="*/ 565960 w 850934"/>
                  <a:gd name="connsiteY5" fmla="*/ 536819 h 676518"/>
                  <a:gd name="connsiteX6" fmla="*/ 537385 w 850934"/>
                  <a:gd name="connsiteY6" fmla="*/ 273295 h 676518"/>
                  <a:gd name="connsiteX7" fmla="*/ 429435 w 850934"/>
                  <a:gd name="connsiteY7" fmla="*/ 343145 h 676518"/>
                  <a:gd name="connsiteX8" fmla="*/ 216710 w 850934"/>
                  <a:gd name="connsiteY8" fmla="*/ 495545 h 676518"/>
                  <a:gd name="connsiteX9" fmla="*/ 3985 w 850934"/>
                  <a:gd name="connsiteY9" fmla="*/ 492370 h 676518"/>
                  <a:gd name="connsiteX10" fmla="*/ 810 w 850934"/>
                  <a:gd name="connsiteY10" fmla="*/ 368545 h 676518"/>
                  <a:gd name="connsiteX11" fmla="*/ 305611 w 850934"/>
                  <a:gd name="connsiteY11" fmla="*/ 314570 h 676518"/>
                  <a:gd name="connsiteX12" fmla="*/ 170673 w 850934"/>
                  <a:gd name="connsiteY12" fmla="*/ 279645 h 676518"/>
                  <a:gd name="connsiteX13" fmla="*/ 172261 w 850934"/>
                  <a:gd name="connsiteY13" fmla="*/ 215351 h 676518"/>
                  <a:gd name="connsiteX14" fmla="*/ 176230 w 850934"/>
                  <a:gd name="connsiteY14" fmla="*/ 162964 h 676518"/>
                  <a:gd name="connsiteX15" fmla="*/ 257985 w 850934"/>
                  <a:gd name="connsiteY15" fmla="*/ 54218 h 676518"/>
                  <a:gd name="connsiteX0" fmla="*/ 257985 w 850934"/>
                  <a:gd name="connsiteY0" fmla="*/ 54218 h 676518"/>
                  <a:gd name="connsiteX1" fmla="*/ 619935 w 850934"/>
                  <a:gd name="connsiteY1" fmla="*/ 243 h 676518"/>
                  <a:gd name="connsiteX2" fmla="*/ 677085 w 850934"/>
                  <a:gd name="connsiteY2" fmla="*/ 243 h 676518"/>
                  <a:gd name="connsiteX3" fmla="*/ 839010 w 850934"/>
                  <a:gd name="connsiteY3" fmla="*/ 308218 h 676518"/>
                  <a:gd name="connsiteX4" fmla="*/ 765985 w 850934"/>
                  <a:gd name="connsiteY4" fmla="*/ 676518 h 676518"/>
                  <a:gd name="connsiteX5" fmla="*/ 565960 w 850934"/>
                  <a:gd name="connsiteY5" fmla="*/ 536819 h 676518"/>
                  <a:gd name="connsiteX6" fmla="*/ 537385 w 850934"/>
                  <a:gd name="connsiteY6" fmla="*/ 273295 h 676518"/>
                  <a:gd name="connsiteX7" fmla="*/ 429435 w 850934"/>
                  <a:gd name="connsiteY7" fmla="*/ 343145 h 676518"/>
                  <a:gd name="connsiteX8" fmla="*/ 216710 w 850934"/>
                  <a:gd name="connsiteY8" fmla="*/ 495545 h 676518"/>
                  <a:gd name="connsiteX9" fmla="*/ 3985 w 850934"/>
                  <a:gd name="connsiteY9" fmla="*/ 492370 h 676518"/>
                  <a:gd name="connsiteX10" fmla="*/ 810 w 850934"/>
                  <a:gd name="connsiteY10" fmla="*/ 368545 h 676518"/>
                  <a:gd name="connsiteX11" fmla="*/ 305611 w 850934"/>
                  <a:gd name="connsiteY11" fmla="*/ 314570 h 676518"/>
                  <a:gd name="connsiteX12" fmla="*/ 170673 w 850934"/>
                  <a:gd name="connsiteY12" fmla="*/ 279645 h 676518"/>
                  <a:gd name="connsiteX13" fmla="*/ 172261 w 850934"/>
                  <a:gd name="connsiteY13" fmla="*/ 215351 h 676518"/>
                  <a:gd name="connsiteX14" fmla="*/ 176230 w 850934"/>
                  <a:gd name="connsiteY14" fmla="*/ 162964 h 676518"/>
                  <a:gd name="connsiteX15" fmla="*/ 257985 w 850934"/>
                  <a:gd name="connsiteY15" fmla="*/ 54218 h 676518"/>
                  <a:gd name="connsiteX0" fmla="*/ 257985 w 850934"/>
                  <a:gd name="connsiteY0" fmla="*/ 54218 h 676518"/>
                  <a:gd name="connsiteX1" fmla="*/ 619935 w 850934"/>
                  <a:gd name="connsiteY1" fmla="*/ 243 h 676518"/>
                  <a:gd name="connsiteX2" fmla="*/ 677085 w 850934"/>
                  <a:gd name="connsiteY2" fmla="*/ 243 h 676518"/>
                  <a:gd name="connsiteX3" fmla="*/ 839010 w 850934"/>
                  <a:gd name="connsiteY3" fmla="*/ 308218 h 676518"/>
                  <a:gd name="connsiteX4" fmla="*/ 765985 w 850934"/>
                  <a:gd name="connsiteY4" fmla="*/ 676518 h 676518"/>
                  <a:gd name="connsiteX5" fmla="*/ 565960 w 850934"/>
                  <a:gd name="connsiteY5" fmla="*/ 536819 h 676518"/>
                  <a:gd name="connsiteX6" fmla="*/ 537385 w 850934"/>
                  <a:gd name="connsiteY6" fmla="*/ 273295 h 676518"/>
                  <a:gd name="connsiteX7" fmla="*/ 429435 w 850934"/>
                  <a:gd name="connsiteY7" fmla="*/ 343145 h 676518"/>
                  <a:gd name="connsiteX8" fmla="*/ 216710 w 850934"/>
                  <a:gd name="connsiteY8" fmla="*/ 495545 h 676518"/>
                  <a:gd name="connsiteX9" fmla="*/ 3985 w 850934"/>
                  <a:gd name="connsiteY9" fmla="*/ 492370 h 676518"/>
                  <a:gd name="connsiteX10" fmla="*/ 810 w 850934"/>
                  <a:gd name="connsiteY10" fmla="*/ 368545 h 676518"/>
                  <a:gd name="connsiteX11" fmla="*/ 305611 w 850934"/>
                  <a:gd name="connsiteY11" fmla="*/ 314570 h 676518"/>
                  <a:gd name="connsiteX12" fmla="*/ 170673 w 850934"/>
                  <a:gd name="connsiteY12" fmla="*/ 279645 h 676518"/>
                  <a:gd name="connsiteX13" fmla="*/ 176230 w 850934"/>
                  <a:gd name="connsiteY13" fmla="*/ 162964 h 676518"/>
                  <a:gd name="connsiteX14" fmla="*/ 257985 w 850934"/>
                  <a:gd name="connsiteY14" fmla="*/ 54218 h 676518"/>
                  <a:gd name="connsiteX0" fmla="*/ 257985 w 850934"/>
                  <a:gd name="connsiteY0" fmla="*/ 54218 h 676518"/>
                  <a:gd name="connsiteX1" fmla="*/ 619935 w 850934"/>
                  <a:gd name="connsiteY1" fmla="*/ 243 h 676518"/>
                  <a:gd name="connsiteX2" fmla="*/ 677085 w 850934"/>
                  <a:gd name="connsiteY2" fmla="*/ 243 h 676518"/>
                  <a:gd name="connsiteX3" fmla="*/ 839010 w 850934"/>
                  <a:gd name="connsiteY3" fmla="*/ 308218 h 676518"/>
                  <a:gd name="connsiteX4" fmla="*/ 765985 w 850934"/>
                  <a:gd name="connsiteY4" fmla="*/ 676518 h 676518"/>
                  <a:gd name="connsiteX5" fmla="*/ 565960 w 850934"/>
                  <a:gd name="connsiteY5" fmla="*/ 536819 h 676518"/>
                  <a:gd name="connsiteX6" fmla="*/ 537385 w 850934"/>
                  <a:gd name="connsiteY6" fmla="*/ 273295 h 676518"/>
                  <a:gd name="connsiteX7" fmla="*/ 429435 w 850934"/>
                  <a:gd name="connsiteY7" fmla="*/ 343145 h 676518"/>
                  <a:gd name="connsiteX8" fmla="*/ 216710 w 850934"/>
                  <a:gd name="connsiteY8" fmla="*/ 495545 h 676518"/>
                  <a:gd name="connsiteX9" fmla="*/ 3985 w 850934"/>
                  <a:gd name="connsiteY9" fmla="*/ 492370 h 676518"/>
                  <a:gd name="connsiteX10" fmla="*/ 810 w 850934"/>
                  <a:gd name="connsiteY10" fmla="*/ 368545 h 676518"/>
                  <a:gd name="connsiteX11" fmla="*/ 305611 w 850934"/>
                  <a:gd name="connsiteY11" fmla="*/ 314570 h 676518"/>
                  <a:gd name="connsiteX12" fmla="*/ 170673 w 850934"/>
                  <a:gd name="connsiteY12" fmla="*/ 279645 h 676518"/>
                  <a:gd name="connsiteX13" fmla="*/ 176230 w 850934"/>
                  <a:gd name="connsiteY13" fmla="*/ 162964 h 676518"/>
                  <a:gd name="connsiteX14" fmla="*/ 257985 w 850934"/>
                  <a:gd name="connsiteY14" fmla="*/ 54218 h 676518"/>
                  <a:gd name="connsiteX0" fmla="*/ 257985 w 850934"/>
                  <a:gd name="connsiteY0" fmla="*/ 54218 h 676518"/>
                  <a:gd name="connsiteX1" fmla="*/ 619935 w 850934"/>
                  <a:gd name="connsiteY1" fmla="*/ 243 h 676518"/>
                  <a:gd name="connsiteX2" fmla="*/ 677085 w 850934"/>
                  <a:gd name="connsiteY2" fmla="*/ 243 h 676518"/>
                  <a:gd name="connsiteX3" fmla="*/ 839010 w 850934"/>
                  <a:gd name="connsiteY3" fmla="*/ 308218 h 676518"/>
                  <a:gd name="connsiteX4" fmla="*/ 765985 w 850934"/>
                  <a:gd name="connsiteY4" fmla="*/ 676518 h 676518"/>
                  <a:gd name="connsiteX5" fmla="*/ 565960 w 850934"/>
                  <a:gd name="connsiteY5" fmla="*/ 536819 h 676518"/>
                  <a:gd name="connsiteX6" fmla="*/ 537385 w 850934"/>
                  <a:gd name="connsiteY6" fmla="*/ 273295 h 676518"/>
                  <a:gd name="connsiteX7" fmla="*/ 429435 w 850934"/>
                  <a:gd name="connsiteY7" fmla="*/ 343145 h 676518"/>
                  <a:gd name="connsiteX8" fmla="*/ 216710 w 850934"/>
                  <a:gd name="connsiteY8" fmla="*/ 495545 h 676518"/>
                  <a:gd name="connsiteX9" fmla="*/ 3985 w 850934"/>
                  <a:gd name="connsiteY9" fmla="*/ 492370 h 676518"/>
                  <a:gd name="connsiteX10" fmla="*/ 810 w 850934"/>
                  <a:gd name="connsiteY10" fmla="*/ 368545 h 676518"/>
                  <a:gd name="connsiteX11" fmla="*/ 305611 w 850934"/>
                  <a:gd name="connsiteY11" fmla="*/ 314570 h 676518"/>
                  <a:gd name="connsiteX12" fmla="*/ 161148 w 850934"/>
                  <a:gd name="connsiteY12" fmla="*/ 279645 h 676518"/>
                  <a:gd name="connsiteX13" fmla="*/ 176230 w 850934"/>
                  <a:gd name="connsiteY13" fmla="*/ 162964 h 676518"/>
                  <a:gd name="connsiteX14" fmla="*/ 257985 w 850934"/>
                  <a:gd name="connsiteY14" fmla="*/ 54218 h 676518"/>
                  <a:gd name="connsiteX0" fmla="*/ 367523 w 850934"/>
                  <a:gd name="connsiteY0" fmla="*/ 201856 h 676518"/>
                  <a:gd name="connsiteX1" fmla="*/ 619935 w 850934"/>
                  <a:gd name="connsiteY1" fmla="*/ 243 h 676518"/>
                  <a:gd name="connsiteX2" fmla="*/ 677085 w 850934"/>
                  <a:gd name="connsiteY2" fmla="*/ 243 h 676518"/>
                  <a:gd name="connsiteX3" fmla="*/ 839010 w 850934"/>
                  <a:gd name="connsiteY3" fmla="*/ 308218 h 676518"/>
                  <a:gd name="connsiteX4" fmla="*/ 765985 w 850934"/>
                  <a:gd name="connsiteY4" fmla="*/ 676518 h 676518"/>
                  <a:gd name="connsiteX5" fmla="*/ 565960 w 850934"/>
                  <a:gd name="connsiteY5" fmla="*/ 536819 h 676518"/>
                  <a:gd name="connsiteX6" fmla="*/ 537385 w 850934"/>
                  <a:gd name="connsiteY6" fmla="*/ 273295 h 676518"/>
                  <a:gd name="connsiteX7" fmla="*/ 429435 w 850934"/>
                  <a:gd name="connsiteY7" fmla="*/ 343145 h 676518"/>
                  <a:gd name="connsiteX8" fmla="*/ 216710 w 850934"/>
                  <a:gd name="connsiteY8" fmla="*/ 495545 h 676518"/>
                  <a:gd name="connsiteX9" fmla="*/ 3985 w 850934"/>
                  <a:gd name="connsiteY9" fmla="*/ 492370 h 676518"/>
                  <a:gd name="connsiteX10" fmla="*/ 810 w 850934"/>
                  <a:gd name="connsiteY10" fmla="*/ 368545 h 676518"/>
                  <a:gd name="connsiteX11" fmla="*/ 305611 w 850934"/>
                  <a:gd name="connsiteY11" fmla="*/ 314570 h 676518"/>
                  <a:gd name="connsiteX12" fmla="*/ 161148 w 850934"/>
                  <a:gd name="connsiteY12" fmla="*/ 279645 h 676518"/>
                  <a:gd name="connsiteX13" fmla="*/ 176230 w 850934"/>
                  <a:gd name="connsiteY13" fmla="*/ 162964 h 676518"/>
                  <a:gd name="connsiteX14" fmla="*/ 367523 w 850934"/>
                  <a:gd name="connsiteY14" fmla="*/ 201856 h 676518"/>
                  <a:gd name="connsiteX0" fmla="*/ 367523 w 850934"/>
                  <a:gd name="connsiteY0" fmla="*/ 201856 h 676518"/>
                  <a:gd name="connsiteX1" fmla="*/ 619935 w 850934"/>
                  <a:gd name="connsiteY1" fmla="*/ 243 h 676518"/>
                  <a:gd name="connsiteX2" fmla="*/ 677085 w 850934"/>
                  <a:gd name="connsiteY2" fmla="*/ 243 h 676518"/>
                  <a:gd name="connsiteX3" fmla="*/ 839010 w 850934"/>
                  <a:gd name="connsiteY3" fmla="*/ 308218 h 676518"/>
                  <a:gd name="connsiteX4" fmla="*/ 765985 w 850934"/>
                  <a:gd name="connsiteY4" fmla="*/ 676518 h 676518"/>
                  <a:gd name="connsiteX5" fmla="*/ 565960 w 850934"/>
                  <a:gd name="connsiteY5" fmla="*/ 536819 h 676518"/>
                  <a:gd name="connsiteX6" fmla="*/ 537385 w 850934"/>
                  <a:gd name="connsiteY6" fmla="*/ 273295 h 676518"/>
                  <a:gd name="connsiteX7" fmla="*/ 429435 w 850934"/>
                  <a:gd name="connsiteY7" fmla="*/ 343145 h 676518"/>
                  <a:gd name="connsiteX8" fmla="*/ 216710 w 850934"/>
                  <a:gd name="connsiteY8" fmla="*/ 495545 h 676518"/>
                  <a:gd name="connsiteX9" fmla="*/ 3985 w 850934"/>
                  <a:gd name="connsiteY9" fmla="*/ 492370 h 676518"/>
                  <a:gd name="connsiteX10" fmla="*/ 810 w 850934"/>
                  <a:gd name="connsiteY10" fmla="*/ 368545 h 676518"/>
                  <a:gd name="connsiteX11" fmla="*/ 305611 w 850934"/>
                  <a:gd name="connsiteY11" fmla="*/ 314570 h 676518"/>
                  <a:gd name="connsiteX12" fmla="*/ 161148 w 850934"/>
                  <a:gd name="connsiteY12" fmla="*/ 279645 h 676518"/>
                  <a:gd name="connsiteX13" fmla="*/ 176230 w 850934"/>
                  <a:gd name="connsiteY13" fmla="*/ 162964 h 676518"/>
                  <a:gd name="connsiteX14" fmla="*/ 367523 w 850934"/>
                  <a:gd name="connsiteY14" fmla="*/ 201856 h 676518"/>
                  <a:gd name="connsiteX0" fmla="*/ 367523 w 850934"/>
                  <a:gd name="connsiteY0" fmla="*/ 201856 h 676518"/>
                  <a:gd name="connsiteX1" fmla="*/ 619935 w 850934"/>
                  <a:gd name="connsiteY1" fmla="*/ 243 h 676518"/>
                  <a:gd name="connsiteX2" fmla="*/ 677085 w 850934"/>
                  <a:gd name="connsiteY2" fmla="*/ 243 h 676518"/>
                  <a:gd name="connsiteX3" fmla="*/ 839010 w 850934"/>
                  <a:gd name="connsiteY3" fmla="*/ 308218 h 676518"/>
                  <a:gd name="connsiteX4" fmla="*/ 765985 w 850934"/>
                  <a:gd name="connsiteY4" fmla="*/ 676518 h 676518"/>
                  <a:gd name="connsiteX5" fmla="*/ 565960 w 850934"/>
                  <a:gd name="connsiteY5" fmla="*/ 536819 h 676518"/>
                  <a:gd name="connsiteX6" fmla="*/ 537385 w 850934"/>
                  <a:gd name="connsiteY6" fmla="*/ 273295 h 676518"/>
                  <a:gd name="connsiteX7" fmla="*/ 429435 w 850934"/>
                  <a:gd name="connsiteY7" fmla="*/ 343145 h 676518"/>
                  <a:gd name="connsiteX8" fmla="*/ 216710 w 850934"/>
                  <a:gd name="connsiteY8" fmla="*/ 495545 h 676518"/>
                  <a:gd name="connsiteX9" fmla="*/ 3985 w 850934"/>
                  <a:gd name="connsiteY9" fmla="*/ 492370 h 676518"/>
                  <a:gd name="connsiteX10" fmla="*/ 810 w 850934"/>
                  <a:gd name="connsiteY10" fmla="*/ 368545 h 676518"/>
                  <a:gd name="connsiteX11" fmla="*/ 305611 w 850934"/>
                  <a:gd name="connsiteY11" fmla="*/ 314570 h 676518"/>
                  <a:gd name="connsiteX12" fmla="*/ 161148 w 850934"/>
                  <a:gd name="connsiteY12" fmla="*/ 279645 h 676518"/>
                  <a:gd name="connsiteX13" fmla="*/ 176230 w 850934"/>
                  <a:gd name="connsiteY13" fmla="*/ 162964 h 676518"/>
                  <a:gd name="connsiteX14" fmla="*/ 367523 w 850934"/>
                  <a:gd name="connsiteY14" fmla="*/ 201856 h 676518"/>
                  <a:gd name="connsiteX0" fmla="*/ 367523 w 850934"/>
                  <a:gd name="connsiteY0" fmla="*/ 201856 h 676518"/>
                  <a:gd name="connsiteX1" fmla="*/ 481824 w 850934"/>
                  <a:gd name="connsiteY1" fmla="*/ 108195 h 676518"/>
                  <a:gd name="connsiteX2" fmla="*/ 619935 w 850934"/>
                  <a:gd name="connsiteY2" fmla="*/ 243 h 676518"/>
                  <a:gd name="connsiteX3" fmla="*/ 677085 w 850934"/>
                  <a:gd name="connsiteY3" fmla="*/ 243 h 676518"/>
                  <a:gd name="connsiteX4" fmla="*/ 839010 w 850934"/>
                  <a:gd name="connsiteY4" fmla="*/ 308218 h 676518"/>
                  <a:gd name="connsiteX5" fmla="*/ 765985 w 850934"/>
                  <a:gd name="connsiteY5" fmla="*/ 676518 h 676518"/>
                  <a:gd name="connsiteX6" fmla="*/ 565960 w 850934"/>
                  <a:gd name="connsiteY6" fmla="*/ 536819 h 676518"/>
                  <a:gd name="connsiteX7" fmla="*/ 537385 w 850934"/>
                  <a:gd name="connsiteY7" fmla="*/ 273295 h 676518"/>
                  <a:gd name="connsiteX8" fmla="*/ 429435 w 850934"/>
                  <a:gd name="connsiteY8" fmla="*/ 343145 h 676518"/>
                  <a:gd name="connsiteX9" fmla="*/ 216710 w 850934"/>
                  <a:gd name="connsiteY9" fmla="*/ 495545 h 676518"/>
                  <a:gd name="connsiteX10" fmla="*/ 3985 w 850934"/>
                  <a:gd name="connsiteY10" fmla="*/ 492370 h 676518"/>
                  <a:gd name="connsiteX11" fmla="*/ 810 w 850934"/>
                  <a:gd name="connsiteY11" fmla="*/ 368545 h 676518"/>
                  <a:gd name="connsiteX12" fmla="*/ 305611 w 850934"/>
                  <a:gd name="connsiteY12" fmla="*/ 314570 h 676518"/>
                  <a:gd name="connsiteX13" fmla="*/ 161148 w 850934"/>
                  <a:gd name="connsiteY13" fmla="*/ 279645 h 676518"/>
                  <a:gd name="connsiteX14" fmla="*/ 176230 w 850934"/>
                  <a:gd name="connsiteY14" fmla="*/ 162964 h 676518"/>
                  <a:gd name="connsiteX15" fmla="*/ 367523 w 850934"/>
                  <a:gd name="connsiteY15" fmla="*/ 201856 h 676518"/>
                  <a:gd name="connsiteX0" fmla="*/ 367523 w 850934"/>
                  <a:gd name="connsiteY0" fmla="*/ 201856 h 676518"/>
                  <a:gd name="connsiteX1" fmla="*/ 477061 w 850934"/>
                  <a:gd name="connsiteY1" fmla="*/ 79620 h 676518"/>
                  <a:gd name="connsiteX2" fmla="*/ 619935 w 850934"/>
                  <a:gd name="connsiteY2" fmla="*/ 243 h 676518"/>
                  <a:gd name="connsiteX3" fmla="*/ 677085 w 850934"/>
                  <a:gd name="connsiteY3" fmla="*/ 243 h 676518"/>
                  <a:gd name="connsiteX4" fmla="*/ 839010 w 850934"/>
                  <a:gd name="connsiteY4" fmla="*/ 308218 h 676518"/>
                  <a:gd name="connsiteX5" fmla="*/ 765985 w 850934"/>
                  <a:gd name="connsiteY5" fmla="*/ 676518 h 676518"/>
                  <a:gd name="connsiteX6" fmla="*/ 565960 w 850934"/>
                  <a:gd name="connsiteY6" fmla="*/ 536819 h 676518"/>
                  <a:gd name="connsiteX7" fmla="*/ 537385 w 850934"/>
                  <a:gd name="connsiteY7" fmla="*/ 273295 h 676518"/>
                  <a:gd name="connsiteX8" fmla="*/ 429435 w 850934"/>
                  <a:gd name="connsiteY8" fmla="*/ 343145 h 676518"/>
                  <a:gd name="connsiteX9" fmla="*/ 216710 w 850934"/>
                  <a:gd name="connsiteY9" fmla="*/ 495545 h 676518"/>
                  <a:gd name="connsiteX10" fmla="*/ 3985 w 850934"/>
                  <a:gd name="connsiteY10" fmla="*/ 492370 h 676518"/>
                  <a:gd name="connsiteX11" fmla="*/ 810 w 850934"/>
                  <a:gd name="connsiteY11" fmla="*/ 368545 h 676518"/>
                  <a:gd name="connsiteX12" fmla="*/ 305611 w 850934"/>
                  <a:gd name="connsiteY12" fmla="*/ 314570 h 676518"/>
                  <a:gd name="connsiteX13" fmla="*/ 161148 w 850934"/>
                  <a:gd name="connsiteY13" fmla="*/ 279645 h 676518"/>
                  <a:gd name="connsiteX14" fmla="*/ 176230 w 850934"/>
                  <a:gd name="connsiteY14" fmla="*/ 162964 h 676518"/>
                  <a:gd name="connsiteX15" fmla="*/ 367523 w 850934"/>
                  <a:gd name="connsiteY15" fmla="*/ 201856 h 676518"/>
                  <a:gd name="connsiteX0" fmla="*/ 367523 w 850934"/>
                  <a:gd name="connsiteY0" fmla="*/ 201856 h 676518"/>
                  <a:gd name="connsiteX1" fmla="*/ 477061 w 850934"/>
                  <a:gd name="connsiteY1" fmla="*/ 79620 h 676518"/>
                  <a:gd name="connsiteX2" fmla="*/ 619935 w 850934"/>
                  <a:gd name="connsiteY2" fmla="*/ 243 h 676518"/>
                  <a:gd name="connsiteX3" fmla="*/ 677085 w 850934"/>
                  <a:gd name="connsiteY3" fmla="*/ 243 h 676518"/>
                  <a:gd name="connsiteX4" fmla="*/ 839010 w 850934"/>
                  <a:gd name="connsiteY4" fmla="*/ 308218 h 676518"/>
                  <a:gd name="connsiteX5" fmla="*/ 765985 w 850934"/>
                  <a:gd name="connsiteY5" fmla="*/ 676518 h 676518"/>
                  <a:gd name="connsiteX6" fmla="*/ 565960 w 850934"/>
                  <a:gd name="connsiteY6" fmla="*/ 536819 h 676518"/>
                  <a:gd name="connsiteX7" fmla="*/ 537385 w 850934"/>
                  <a:gd name="connsiteY7" fmla="*/ 273295 h 676518"/>
                  <a:gd name="connsiteX8" fmla="*/ 429435 w 850934"/>
                  <a:gd name="connsiteY8" fmla="*/ 343145 h 676518"/>
                  <a:gd name="connsiteX9" fmla="*/ 216710 w 850934"/>
                  <a:gd name="connsiteY9" fmla="*/ 495545 h 676518"/>
                  <a:gd name="connsiteX10" fmla="*/ 3985 w 850934"/>
                  <a:gd name="connsiteY10" fmla="*/ 492370 h 676518"/>
                  <a:gd name="connsiteX11" fmla="*/ 810 w 850934"/>
                  <a:gd name="connsiteY11" fmla="*/ 368545 h 676518"/>
                  <a:gd name="connsiteX12" fmla="*/ 305611 w 850934"/>
                  <a:gd name="connsiteY12" fmla="*/ 314570 h 676518"/>
                  <a:gd name="connsiteX13" fmla="*/ 161148 w 850934"/>
                  <a:gd name="connsiteY13" fmla="*/ 279645 h 676518"/>
                  <a:gd name="connsiteX14" fmla="*/ 176230 w 850934"/>
                  <a:gd name="connsiteY14" fmla="*/ 162964 h 676518"/>
                  <a:gd name="connsiteX15" fmla="*/ 367523 w 850934"/>
                  <a:gd name="connsiteY15" fmla="*/ 201856 h 676518"/>
                  <a:gd name="connsiteX0" fmla="*/ 367523 w 850934"/>
                  <a:gd name="connsiteY0" fmla="*/ 201856 h 676518"/>
                  <a:gd name="connsiteX1" fmla="*/ 477061 w 850934"/>
                  <a:gd name="connsiteY1" fmla="*/ 79620 h 676518"/>
                  <a:gd name="connsiteX2" fmla="*/ 619935 w 850934"/>
                  <a:gd name="connsiteY2" fmla="*/ 243 h 676518"/>
                  <a:gd name="connsiteX3" fmla="*/ 677085 w 850934"/>
                  <a:gd name="connsiteY3" fmla="*/ 243 h 676518"/>
                  <a:gd name="connsiteX4" fmla="*/ 839010 w 850934"/>
                  <a:gd name="connsiteY4" fmla="*/ 308218 h 676518"/>
                  <a:gd name="connsiteX5" fmla="*/ 765985 w 850934"/>
                  <a:gd name="connsiteY5" fmla="*/ 676518 h 676518"/>
                  <a:gd name="connsiteX6" fmla="*/ 565960 w 850934"/>
                  <a:gd name="connsiteY6" fmla="*/ 536819 h 676518"/>
                  <a:gd name="connsiteX7" fmla="*/ 537385 w 850934"/>
                  <a:gd name="connsiteY7" fmla="*/ 273295 h 676518"/>
                  <a:gd name="connsiteX8" fmla="*/ 429435 w 850934"/>
                  <a:gd name="connsiteY8" fmla="*/ 343145 h 676518"/>
                  <a:gd name="connsiteX9" fmla="*/ 216710 w 850934"/>
                  <a:gd name="connsiteY9" fmla="*/ 495545 h 676518"/>
                  <a:gd name="connsiteX10" fmla="*/ 3985 w 850934"/>
                  <a:gd name="connsiteY10" fmla="*/ 492370 h 676518"/>
                  <a:gd name="connsiteX11" fmla="*/ 810 w 850934"/>
                  <a:gd name="connsiteY11" fmla="*/ 368545 h 676518"/>
                  <a:gd name="connsiteX12" fmla="*/ 305611 w 850934"/>
                  <a:gd name="connsiteY12" fmla="*/ 314570 h 676518"/>
                  <a:gd name="connsiteX13" fmla="*/ 161148 w 850934"/>
                  <a:gd name="connsiteY13" fmla="*/ 279645 h 676518"/>
                  <a:gd name="connsiteX14" fmla="*/ 176230 w 850934"/>
                  <a:gd name="connsiteY14" fmla="*/ 162964 h 676518"/>
                  <a:gd name="connsiteX15" fmla="*/ 367523 w 850934"/>
                  <a:gd name="connsiteY15" fmla="*/ 201856 h 676518"/>
                  <a:gd name="connsiteX0" fmla="*/ 367523 w 850934"/>
                  <a:gd name="connsiteY0" fmla="*/ 201856 h 676518"/>
                  <a:gd name="connsiteX1" fmla="*/ 477061 w 850934"/>
                  <a:gd name="connsiteY1" fmla="*/ 79620 h 676518"/>
                  <a:gd name="connsiteX2" fmla="*/ 619935 w 850934"/>
                  <a:gd name="connsiteY2" fmla="*/ 243 h 676518"/>
                  <a:gd name="connsiteX3" fmla="*/ 677085 w 850934"/>
                  <a:gd name="connsiteY3" fmla="*/ 243 h 676518"/>
                  <a:gd name="connsiteX4" fmla="*/ 839010 w 850934"/>
                  <a:gd name="connsiteY4" fmla="*/ 308218 h 676518"/>
                  <a:gd name="connsiteX5" fmla="*/ 765985 w 850934"/>
                  <a:gd name="connsiteY5" fmla="*/ 676518 h 676518"/>
                  <a:gd name="connsiteX6" fmla="*/ 565960 w 850934"/>
                  <a:gd name="connsiteY6" fmla="*/ 536819 h 676518"/>
                  <a:gd name="connsiteX7" fmla="*/ 537385 w 850934"/>
                  <a:gd name="connsiteY7" fmla="*/ 273295 h 676518"/>
                  <a:gd name="connsiteX8" fmla="*/ 429435 w 850934"/>
                  <a:gd name="connsiteY8" fmla="*/ 343145 h 676518"/>
                  <a:gd name="connsiteX9" fmla="*/ 216710 w 850934"/>
                  <a:gd name="connsiteY9" fmla="*/ 495545 h 676518"/>
                  <a:gd name="connsiteX10" fmla="*/ 3985 w 850934"/>
                  <a:gd name="connsiteY10" fmla="*/ 492370 h 676518"/>
                  <a:gd name="connsiteX11" fmla="*/ 810 w 850934"/>
                  <a:gd name="connsiteY11" fmla="*/ 368545 h 676518"/>
                  <a:gd name="connsiteX12" fmla="*/ 305611 w 850934"/>
                  <a:gd name="connsiteY12" fmla="*/ 314570 h 676518"/>
                  <a:gd name="connsiteX13" fmla="*/ 161148 w 850934"/>
                  <a:gd name="connsiteY13" fmla="*/ 279645 h 676518"/>
                  <a:gd name="connsiteX14" fmla="*/ 176230 w 850934"/>
                  <a:gd name="connsiteY14" fmla="*/ 162964 h 676518"/>
                  <a:gd name="connsiteX15" fmla="*/ 367523 w 850934"/>
                  <a:gd name="connsiteY15" fmla="*/ 201856 h 676518"/>
                  <a:gd name="connsiteX0" fmla="*/ 367523 w 850934"/>
                  <a:gd name="connsiteY0" fmla="*/ 201856 h 676518"/>
                  <a:gd name="connsiteX1" fmla="*/ 477061 w 850934"/>
                  <a:gd name="connsiteY1" fmla="*/ 79620 h 676518"/>
                  <a:gd name="connsiteX2" fmla="*/ 553261 w 850934"/>
                  <a:gd name="connsiteY2" fmla="*/ 41520 h 676518"/>
                  <a:gd name="connsiteX3" fmla="*/ 619935 w 850934"/>
                  <a:gd name="connsiteY3" fmla="*/ 243 h 676518"/>
                  <a:gd name="connsiteX4" fmla="*/ 677085 w 850934"/>
                  <a:gd name="connsiteY4" fmla="*/ 243 h 676518"/>
                  <a:gd name="connsiteX5" fmla="*/ 839010 w 850934"/>
                  <a:gd name="connsiteY5" fmla="*/ 308218 h 676518"/>
                  <a:gd name="connsiteX6" fmla="*/ 765985 w 850934"/>
                  <a:gd name="connsiteY6" fmla="*/ 676518 h 676518"/>
                  <a:gd name="connsiteX7" fmla="*/ 565960 w 850934"/>
                  <a:gd name="connsiteY7" fmla="*/ 536819 h 676518"/>
                  <a:gd name="connsiteX8" fmla="*/ 537385 w 850934"/>
                  <a:gd name="connsiteY8" fmla="*/ 273295 h 676518"/>
                  <a:gd name="connsiteX9" fmla="*/ 429435 w 850934"/>
                  <a:gd name="connsiteY9" fmla="*/ 343145 h 676518"/>
                  <a:gd name="connsiteX10" fmla="*/ 216710 w 850934"/>
                  <a:gd name="connsiteY10" fmla="*/ 495545 h 676518"/>
                  <a:gd name="connsiteX11" fmla="*/ 3985 w 850934"/>
                  <a:gd name="connsiteY11" fmla="*/ 492370 h 676518"/>
                  <a:gd name="connsiteX12" fmla="*/ 810 w 850934"/>
                  <a:gd name="connsiteY12" fmla="*/ 368545 h 676518"/>
                  <a:gd name="connsiteX13" fmla="*/ 305611 w 850934"/>
                  <a:gd name="connsiteY13" fmla="*/ 314570 h 676518"/>
                  <a:gd name="connsiteX14" fmla="*/ 161148 w 850934"/>
                  <a:gd name="connsiteY14" fmla="*/ 279645 h 676518"/>
                  <a:gd name="connsiteX15" fmla="*/ 176230 w 850934"/>
                  <a:gd name="connsiteY15" fmla="*/ 162964 h 676518"/>
                  <a:gd name="connsiteX16" fmla="*/ 367523 w 850934"/>
                  <a:gd name="connsiteY16" fmla="*/ 201856 h 676518"/>
                  <a:gd name="connsiteX0" fmla="*/ 367523 w 850934"/>
                  <a:gd name="connsiteY0" fmla="*/ 201856 h 676518"/>
                  <a:gd name="connsiteX1" fmla="*/ 477061 w 850934"/>
                  <a:gd name="connsiteY1" fmla="*/ 79620 h 676518"/>
                  <a:gd name="connsiteX2" fmla="*/ 591361 w 850934"/>
                  <a:gd name="connsiteY2" fmla="*/ 115339 h 676518"/>
                  <a:gd name="connsiteX3" fmla="*/ 619935 w 850934"/>
                  <a:gd name="connsiteY3" fmla="*/ 243 h 676518"/>
                  <a:gd name="connsiteX4" fmla="*/ 677085 w 850934"/>
                  <a:gd name="connsiteY4" fmla="*/ 243 h 676518"/>
                  <a:gd name="connsiteX5" fmla="*/ 839010 w 850934"/>
                  <a:gd name="connsiteY5" fmla="*/ 308218 h 676518"/>
                  <a:gd name="connsiteX6" fmla="*/ 765985 w 850934"/>
                  <a:gd name="connsiteY6" fmla="*/ 676518 h 676518"/>
                  <a:gd name="connsiteX7" fmla="*/ 565960 w 850934"/>
                  <a:gd name="connsiteY7" fmla="*/ 536819 h 676518"/>
                  <a:gd name="connsiteX8" fmla="*/ 537385 w 850934"/>
                  <a:gd name="connsiteY8" fmla="*/ 273295 h 676518"/>
                  <a:gd name="connsiteX9" fmla="*/ 429435 w 850934"/>
                  <a:gd name="connsiteY9" fmla="*/ 343145 h 676518"/>
                  <a:gd name="connsiteX10" fmla="*/ 216710 w 850934"/>
                  <a:gd name="connsiteY10" fmla="*/ 495545 h 676518"/>
                  <a:gd name="connsiteX11" fmla="*/ 3985 w 850934"/>
                  <a:gd name="connsiteY11" fmla="*/ 492370 h 676518"/>
                  <a:gd name="connsiteX12" fmla="*/ 810 w 850934"/>
                  <a:gd name="connsiteY12" fmla="*/ 368545 h 676518"/>
                  <a:gd name="connsiteX13" fmla="*/ 305611 w 850934"/>
                  <a:gd name="connsiteY13" fmla="*/ 314570 h 676518"/>
                  <a:gd name="connsiteX14" fmla="*/ 161148 w 850934"/>
                  <a:gd name="connsiteY14" fmla="*/ 279645 h 676518"/>
                  <a:gd name="connsiteX15" fmla="*/ 176230 w 850934"/>
                  <a:gd name="connsiteY15" fmla="*/ 162964 h 676518"/>
                  <a:gd name="connsiteX16" fmla="*/ 367523 w 850934"/>
                  <a:gd name="connsiteY16" fmla="*/ 201856 h 676518"/>
                  <a:gd name="connsiteX0" fmla="*/ 367523 w 850934"/>
                  <a:gd name="connsiteY0" fmla="*/ 201856 h 676518"/>
                  <a:gd name="connsiteX1" fmla="*/ 477061 w 850934"/>
                  <a:gd name="connsiteY1" fmla="*/ 79620 h 676518"/>
                  <a:gd name="connsiteX2" fmla="*/ 588980 w 850934"/>
                  <a:gd name="connsiteY2" fmla="*/ 98670 h 676518"/>
                  <a:gd name="connsiteX3" fmla="*/ 619935 w 850934"/>
                  <a:gd name="connsiteY3" fmla="*/ 243 h 676518"/>
                  <a:gd name="connsiteX4" fmla="*/ 677085 w 850934"/>
                  <a:gd name="connsiteY4" fmla="*/ 243 h 676518"/>
                  <a:gd name="connsiteX5" fmla="*/ 839010 w 850934"/>
                  <a:gd name="connsiteY5" fmla="*/ 308218 h 676518"/>
                  <a:gd name="connsiteX6" fmla="*/ 765985 w 850934"/>
                  <a:gd name="connsiteY6" fmla="*/ 676518 h 676518"/>
                  <a:gd name="connsiteX7" fmla="*/ 565960 w 850934"/>
                  <a:gd name="connsiteY7" fmla="*/ 536819 h 676518"/>
                  <a:gd name="connsiteX8" fmla="*/ 537385 w 850934"/>
                  <a:gd name="connsiteY8" fmla="*/ 273295 h 676518"/>
                  <a:gd name="connsiteX9" fmla="*/ 429435 w 850934"/>
                  <a:gd name="connsiteY9" fmla="*/ 343145 h 676518"/>
                  <a:gd name="connsiteX10" fmla="*/ 216710 w 850934"/>
                  <a:gd name="connsiteY10" fmla="*/ 495545 h 676518"/>
                  <a:gd name="connsiteX11" fmla="*/ 3985 w 850934"/>
                  <a:gd name="connsiteY11" fmla="*/ 492370 h 676518"/>
                  <a:gd name="connsiteX12" fmla="*/ 810 w 850934"/>
                  <a:gd name="connsiteY12" fmla="*/ 368545 h 676518"/>
                  <a:gd name="connsiteX13" fmla="*/ 305611 w 850934"/>
                  <a:gd name="connsiteY13" fmla="*/ 314570 h 676518"/>
                  <a:gd name="connsiteX14" fmla="*/ 161148 w 850934"/>
                  <a:gd name="connsiteY14" fmla="*/ 279645 h 676518"/>
                  <a:gd name="connsiteX15" fmla="*/ 176230 w 850934"/>
                  <a:gd name="connsiteY15" fmla="*/ 162964 h 676518"/>
                  <a:gd name="connsiteX16" fmla="*/ 367523 w 850934"/>
                  <a:gd name="connsiteY16" fmla="*/ 201856 h 676518"/>
                  <a:gd name="connsiteX0" fmla="*/ 367523 w 850934"/>
                  <a:gd name="connsiteY0" fmla="*/ 201856 h 676518"/>
                  <a:gd name="connsiteX1" fmla="*/ 477061 w 850934"/>
                  <a:gd name="connsiteY1" fmla="*/ 79620 h 676518"/>
                  <a:gd name="connsiteX2" fmla="*/ 588980 w 850934"/>
                  <a:gd name="connsiteY2" fmla="*/ 98670 h 676518"/>
                  <a:gd name="connsiteX3" fmla="*/ 619935 w 850934"/>
                  <a:gd name="connsiteY3" fmla="*/ 243 h 676518"/>
                  <a:gd name="connsiteX4" fmla="*/ 677085 w 850934"/>
                  <a:gd name="connsiteY4" fmla="*/ 243 h 676518"/>
                  <a:gd name="connsiteX5" fmla="*/ 839010 w 850934"/>
                  <a:gd name="connsiteY5" fmla="*/ 308218 h 676518"/>
                  <a:gd name="connsiteX6" fmla="*/ 765985 w 850934"/>
                  <a:gd name="connsiteY6" fmla="*/ 676518 h 676518"/>
                  <a:gd name="connsiteX7" fmla="*/ 565960 w 850934"/>
                  <a:gd name="connsiteY7" fmla="*/ 536819 h 676518"/>
                  <a:gd name="connsiteX8" fmla="*/ 537385 w 850934"/>
                  <a:gd name="connsiteY8" fmla="*/ 273295 h 676518"/>
                  <a:gd name="connsiteX9" fmla="*/ 429435 w 850934"/>
                  <a:gd name="connsiteY9" fmla="*/ 343145 h 676518"/>
                  <a:gd name="connsiteX10" fmla="*/ 216710 w 850934"/>
                  <a:gd name="connsiteY10" fmla="*/ 495545 h 676518"/>
                  <a:gd name="connsiteX11" fmla="*/ 3985 w 850934"/>
                  <a:gd name="connsiteY11" fmla="*/ 492370 h 676518"/>
                  <a:gd name="connsiteX12" fmla="*/ 810 w 850934"/>
                  <a:gd name="connsiteY12" fmla="*/ 368545 h 676518"/>
                  <a:gd name="connsiteX13" fmla="*/ 305611 w 850934"/>
                  <a:gd name="connsiteY13" fmla="*/ 314570 h 676518"/>
                  <a:gd name="connsiteX14" fmla="*/ 161148 w 850934"/>
                  <a:gd name="connsiteY14" fmla="*/ 279645 h 676518"/>
                  <a:gd name="connsiteX15" fmla="*/ 176230 w 850934"/>
                  <a:gd name="connsiteY15" fmla="*/ 162964 h 676518"/>
                  <a:gd name="connsiteX16" fmla="*/ 367523 w 850934"/>
                  <a:gd name="connsiteY16" fmla="*/ 201856 h 676518"/>
                  <a:gd name="connsiteX0" fmla="*/ 367523 w 850934"/>
                  <a:gd name="connsiteY0" fmla="*/ 201856 h 676518"/>
                  <a:gd name="connsiteX1" fmla="*/ 477061 w 850934"/>
                  <a:gd name="connsiteY1" fmla="*/ 79620 h 676518"/>
                  <a:gd name="connsiteX2" fmla="*/ 588980 w 850934"/>
                  <a:gd name="connsiteY2" fmla="*/ 98670 h 676518"/>
                  <a:gd name="connsiteX3" fmla="*/ 619935 w 850934"/>
                  <a:gd name="connsiteY3" fmla="*/ 243 h 676518"/>
                  <a:gd name="connsiteX4" fmla="*/ 677085 w 850934"/>
                  <a:gd name="connsiteY4" fmla="*/ 243 h 676518"/>
                  <a:gd name="connsiteX5" fmla="*/ 839010 w 850934"/>
                  <a:gd name="connsiteY5" fmla="*/ 308218 h 676518"/>
                  <a:gd name="connsiteX6" fmla="*/ 765985 w 850934"/>
                  <a:gd name="connsiteY6" fmla="*/ 676518 h 676518"/>
                  <a:gd name="connsiteX7" fmla="*/ 565960 w 850934"/>
                  <a:gd name="connsiteY7" fmla="*/ 536819 h 676518"/>
                  <a:gd name="connsiteX8" fmla="*/ 537385 w 850934"/>
                  <a:gd name="connsiteY8" fmla="*/ 273295 h 676518"/>
                  <a:gd name="connsiteX9" fmla="*/ 429435 w 850934"/>
                  <a:gd name="connsiteY9" fmla="*/ 343145 h 676518"/>
                  <a:gd name="connsiteX10" fmla="*/ 216710 w 850934"/>
                  <a:gd name="connsiteY10" fmla="*/ 495545 h 676518"/>
                  <a:gd name="connsiteX11" fmla="*/ 3985 w 850934"/>
                  <a:gd name="connsiteY11" fmla="*/ 492370 h 676518"/>
                  <a:gd name="connsiteX12" fmla="*/ 810 w 850934"/>
                  <a:gd name="connsiteY12" fmla="*/ 368545 h 676518"/>
                  <a:gd name="connsiteX13" fmla="*/ 305611 w 850934"/>
                  <a:gd name="connsiteY13" fmla="*/ 314570 h 676518"/>
                  <a:gd name="connsiteX14" fmla="*/ 161148 w 850934"/>
                  <a:gd name="connsiteY14" fmla="*/ 279645 h 676518"/>
                  <a:gd name="connsiteX15" fmla="*/ 176230 w 850934"/>
                  <a:gd name="connsiteY15" fmla="*/ 162964 h 676518"/>
                  <a:gd name="connsiteX16" fmla="*/ 367523 w 850934"/>
                  <a:gd name="connsiteY16" fmla="*/ 201856 h 676518"/>
                  <a:gd name="connsiteX0" fmla="*/ 367523 w 850934"/>
                  <a:gd name="connsiteY0" fmla="*/ 201856 h 676518"/>
                  <a:gd name="connsiteX1" fmla="*/ 477061 w 850934"/>
                  <a:gd name="connsiteY1" fmla="*/ 79620 h 676518"/>
                  <a:gd name="connsiteX2" fmla="*/ 588980 w 850934"/>
                  <a:gd name="connsiteY2" fmla="*/ 98670 h 676518"/>
                  <a:gd name="connsiteX3" fmla="*/ 619935 w 850934"/>
                  <a:gd name="connsiteY3" fmla="*/ 243 h 676518"/>
                  <a:gd name="connsiteX4" fmla="*/ 677085 w 850934"/>
                  <a:gd name="connsiteY4" fmla="*/ 243 h 676518"/>
                  <a:gd name="connsiteX5" fmla="*/ 839010 w 850934"/>
                  <a:gd name="connsiteY5" fmla="*/ 308218 h 676518"/>
                  <a:gd name="connsiteX6" fmla="*/ 765985 w 850934"/>
                  <a:gd name="connsiteY6" fmla="*/ 676518 h 676518"/>
                  <a:gd name="connsiteX7" fmla="*/ 565960 w 850934"/>
                  <a:gd name="connsiteY7" fmla="*/ 536819 h 676518"/>
                  <a:gd name="connsiteX8" fmla="*/ 537385 w 850934"/>
                  <a:gd name="connsiteY8" fmla="*/ 273295 h 676518"/>
                  <a:gd name="connsiteX9" fmla="*/ 429435 w 850934"/>
                  <a:gd name="connsiteY9" fmla="*/ 343145 h 676518"/>
                  <a:gd name="connsiteX10" fmla="*/ 216710 w 850934"/>
                  <a:gd name="connsiteY10" fmla="*/ 492370 h 676518"/>
                  <a:gd name="connsiteX11" fmla="*/ 3985 w 850934"/>
                  <a:gd name="connsiteY11" fmla="*/ 492370 h 676518"/>
                  <a:gd name="connsiteX12" fmla="*/ 810 w 850934"/>
                  <a:gd name="connsiteY12" fmla="*/ 368545 h 676518"/>
                  <a:gd name="connsiteX13" fmla="*/ 305611 w 850934"/>
                  <a:gd name="connsiteY13" fmla="*/ 314570 h 676518"/>
                  <a:gd name="connsiteX14" fmla="*/ 161148 w 850934"/>
                  <a:gd name="connsiteY14" fmla="*/ 279645 h 676518"/>
                  <a:gd name="connsiteX15" fmla="*/ 176230 w 850934"/>
                  <a:gd name="connsiteY15" fmla="*/ 162964 h 676518"/>
                  <a:gd name="connsiteX16" fmla="*/ 367523 w 850934"/>
                  <a:gd name="connsiteY16" fmla="*/ 201856 h 676518"/>
                  <a:gd name="connsiteX0" fmla="*/ 367523 w 850934"/>
                  <a:gd name="connsiteY0" fmla="*/ 201856 h 676518"/>
                  <a:gd name="connsiteX1" fmla="*/ 477061 w 850934"/>
                  <a:gd name="connsiteY1" fmla="*/ 79620 h 676518"/>
                  <a:gd name="connsiteX2" fmla="*/ 588980 w 850934"/>
                  <a:gd name="connsiteY2" fmla="*/ 98670 h 676518"/>
                  <a:gd name="connsiteX3" fmla="*/ 619935 w 850934"/>
                  <a:gd name="connsiteY3" fmla="*/ 243 h 676518"/>
                  <a:gd name="connsiteX4" fmla="*/ 677085 w 850934"/>
                  <a:gd name="connsiteY4" fmla="*/ 243 h 676518"/>
                  <a:gd name="connsiteX5" fmla="*/ 839010 w 850934"/>
                  <a:gd name="connsiteY5" fmla="*/ 308218 h 676518"/>
                  <a:gd name="connsiteX6" fmla="*/ 765985 w 850934"/>
                  <a:gd name="connsiteY6" fmla="*/ 676518 h 676518"/>
                  <a:gd name="connsiteX7" fmla="*/ 565960 w 850934"/>
                  <a:gd name="connsiteY7" fmla="*/ 536819 h 676518"/>
                  <a:gd name="connsiteX8" fmla="*/ 537385 w 850934"/>
                  <a:gd name="connsiteY8" fmla="*/ 273295 h 676518"/>
                  <a:gd name="connsiteX9" fmla="*/ 429435 w 850934"/>
                  <a:gd name="connsiteY9" fmla="*/ 343145 h 676518"/>
                  <a:gd name="connsiteX10" fmla="*/ 216710 w 850934"/>
                  <a:gd name="connsiteY10" fmla="*/ 492370 h 676518"/>
                  <a:gd name="connsiteX11" fmla="*/ 3985 w 850934"/>
                  <a:gd name="connsiteY11" fmla="*/ 492370 h 676518"/>
                  <a:gd name="connsiteX12" fmla="*/ 810 w 850934"/>
                  <a:gd name="connsiteY12" fmla="*/ 368545 h 676518"/>
                  <a:gd name="connsiteX13" fmla="*/ 305611 w 850934"/>
                  <a:gd name="connsiteY13" fmla="*/ 314570 h 676518"/>
                  <a:gd name="connsiteX14" fmla="*/ 161148 w 850934"/>
                  <a:gd name="connsiteY14" fmla="*/ 279645 h 676518"/>
                  <a:gd name="connsiteX15" fmla="*/ 176230 w 850934"/>
                  <a:gd name="connsiteY15" fmla="*/ 162964 h 676518"/>
                  <a:gd name="connsiteX16" fmla="*/ 367523 w 850934"/>
                  <a:gd name="connsiteY16" fmla="*/ 201856 h 676518"/>
                  <a:gd name="connsiteX0" fmla="*/ 367523 w 850934"/>
                  <a:gd name="connsiteY0" fmla="*/ 201856 h 676518"/>
                  <a:gd name="connsiteX1" fmla="*/ 477061 w 850934"/>
                  <a:gd name="connsiteY1" fmla="*/ 79620 h 676518"/>
                  <a:gd name="connsiteX2" fmla="*/ 588980 w 850934"/>
                  <a:gd name="connsiteY2" fmla="*/ 98670 h 676518"/>
                  <a:gd name="connsiteX3" fmla="*/ 619935 w 850934"/>
                  <a:gd name="connsiteY3" fmla="*/ 243 h 676518"/>
                  <a:gd name="connsiteX4" fmla="*/ 677085 w 850934"/>
                  <a:gd name="connsiteY4" fmla="*/ 243 h 676518"/>
                  <a:gd name="connsiteX5" fmla="*/ 839010 w 850934"/>
                  <a:gd name="connsiteY5" fmla="*/ 308218 h 676518"/>
                  <a:gd name="connsiteX6" fmla="*/ 765985 w 850934"/>
                  <a:gd name="connsiteY6" fmla="*/ 676518 h 676518"/>
                  <a:gd name="connsiteX7" fmla="*/ 565960 w 850934"/>
                  <a:gd name="connsiteY7" fmla="*/ 536819 h 676518"/>
                  <a:gd name="connsiteX8" fmla="*/ 537385 w 850934"/>
                  <a:gd name="connsiteY8" fmla="*/ 273295 h 676518"/>
                  <a:gd name="connsiteX9" fmla="*/ 429435 w 850934"/>
                  <a:gd name="connsiteY9" fmla="*/ 343145 h 676518"/>
                  <a:gd name="connsiteX10" fmla="*/ 216710 w 850934"/>
                  <a:gd name="connsiteY10" fmla="*/ 492370 h 676518"/>
                  <a:gd name="connsiteX11" fmla="*/ 3985 w 850934"/>
                  <a:gd name="connsiteY11" fmla="*/ 492370 h 676518"/>
                  <a:gd name="connsiteX12" fmla="*/ 810 w 850934"/>
                  <a:gd name="connsiteY12" fmla="*/ 368545 h 676518"/>
                  <a:gd name="connsiteX13" fmla="*/ 305611 w 850934"/>
                  <a:gd name="connsiteY13" fmla="*/ 314570 h 676518"/>
                  <a:gd name="connsiteX14" fmla="*/ 161148 w 850934"/>
                  <a:gd name="connsiteY14" fmla="*/ 279645 h 676518"/>
                  <a:gd name="connsiteX15" fmla="*/ 176230 w 850934"/>
                  <a:gd name="connsiteY15" fmla="*/ 162964 h 676518"/>
                  <a:gd name="connsiteX16" fmla="*/ 367523 w 850934"/>
                  <a:gd name="connsiteY16" fmla="*/ 201856 h 676518"/>
                  <a:gd name="connsiteX0" fmla="*/ 370902 w 854313"/>
                  <a:gd name="connsiteY0" fmla="*/ 201856 h 676518"/>
                  <a:gd name="connsiteX1" fmla="*/ 480440 w 854313"/>
                  <a:gd name="connsiteY1" fmla="*/ 79620 h 676518"/>
                  <a:gd name="connsiteX2" fmla="*/ 592359 w 854313"/>
                  <a:gd name="connsiteY2" fmla="*/ 98670 h 676518"/>
                  <a:gd name="connsiteX3" fmla="*/ 623314 w 854313"/>
                  <a:gd name="connsiteY3" fmla="*/ 243 h 676518"/>
                  <a:gd name="connsiteX4" fmla="*/ 680464 w 854313"/>
                  <a:gd name="connsiteY4" fmla="*/ 243 h 676518"/>
                  <a:gd name="connsiteX5" fmla="*/ 842389 w 854313"/>
                  <a:gd name="connsiteY5" fmla="*/ 308218 h 676518"/>
                  <a:gd name="connsiteX6" fmla="*/ 769364 w 854313"/>
                  <a:gd name="connsiteY6" fmla="*/ 676518 h 676518"/>
                  <a:gd name="connsiteX7" fmla="*/ 569339 w 854313"/>
                  <a:gd name="connsiteY7" fmla="*/ 536819 h 676518"/>
                  <a:gd name="connsiteX8" fmla="*/ 540764 w 854313"/>
                  <a:gd name="connsiteY8" fmla="*/ 273295 h 676518"/>
                  <a:gd name="connsiteX9" fmla="*/ 432814 w 854313"/>
                  <a:gd name="connsiteY9" fmla="*/ 343145 h 676518"/>
                  <a:gd name="connsiteX10" fmla="*/ 220089 w 854313"/>
                  <a:gd name="connsiteY10" fmla="*/ 492370 h 676518"/>
                  <a:gd name="connsiteX11" fmla="*/ 2602 w 854313"/>
                  <a:gd name="connsiteY11" fmla="*/ 492370 h 676518"/>
                  <a:gd name="connsiteX12" fmla="*/ 4189 w 854313"/>
                  <a:gd name="connsiteY12" fmla="*/ 368545 h 676518"/>
                  <a:gd name="connsiteX13" fmla="*/ 308990 w 854313"/>
                  <a:gd name="connsiteY13" fmla="*/ 314570 h 676518"/>
                  <a:gd name="connsiteX14" fmla="*/ 164527 w 854313"/>
                  <a:gd name="connsiteY14" fmla="*/ 279645 h 676518"/>
                  <a:gd name="connsiteX15" fmla="*/ 179609 w 854313"/>
                  <a:gd name="connsiteY15" fmla="*/ 162964 h 676518"/>
                  <a:gd name="connsiteX16" fmla="*/ 370902 w 854313"/>
                  <a:gd name="connsiteY16" fmla="*/ 201856 h 676518"/>
                  <a:gd name="connsiteX0" fmla="*/ 367523 w 850934"/>
                  <a:gd name="connsiteY0" fmla="*/ 201856 h 676518"/>
                  <a:gd name="connsiteX1" fmla="*/ 477061 w 850934"/>
                  <a:gd name="connsiteY1" fmla="*/ 79620 h 676518"/>
                  <a:gd name="connsiteX2" fmla="*/ 588980 w 850934"/>
                  <a:gd name="connsiteY2" fmla="*/ 98670 h 676518"/>
                  <a:gd name="connsiteX3" fmla="*/ 619935 w 850934"/>
                  <a:gd name="connsiteY3" fmla="*/ 243 h 676518"/>
                  <a:gd name="connsiteX4" fmla="*/ 677085 w 850934"/>
                  <a:gd name="connsiteY4" fmla="*/ 243 h 676518"/>
                  <a:gd name="connsiteX5" fmla="*/ 839010 w 850934"/>
                  <a:gd name="connsiteY5" fmla="*/ 308218 h 676518"/>
                  <a:gd name="connsiteX6" fmla="*/ 765985 w 850934"/>
                  <a:gd name="connsiteY6" fmla="*/ 676518 h 676518"/>
                  <a:gd name="connsiteX7" fmla="*/ 565960 w 850934"/>
                  <a:gd name="connsiteY7" fmla="*/ 536819 h 676518"/>
                  <a:gd name="connsiteX8" fmla="*/ 537385 w 850934"/>
                  <a:gd name="connsiteY8" fmla="*/ 273295 h 676518"/>
                  <a:gd name="connsiteX9" fmla="*/ 429435 w 850934"/>
                  <a:gd name="connsiteY9" fmla="*/ 343145 h 676518"/>
                  <a:gd name="connsiteX10" fmla="*/ 216710 w 850934"/>
                  <a:gd name="connsiteY10" fmla="*/ 492370 h 676518"/>
                  <a:gd name="connsiteX11" fmla="*/ 3985 w 850934"/>
                  <a:gd name="connsiteY11" fmla="*/ 494751 h 676518"/>
                  <a:gd name="connsiteX12" fmla="*/ 810 w 850934"/>
                  <a:gd name="connsiteY12" fmla="*/ 368545 h 676518"/>
                  <a:gd name="connsiteX13" fmla="*/ 305611 w 850934"/>
                  <a:gd name="connsiteY13" fmla="*/ 314570 h 676518"/>
                  <a:gd name="connsiteX14" fmla="*/ 161148 w 850934"/>
                  <a:gd name="connsiteY14" fmla="*/ 279645 h 676518"/>
                  <a:gd name="connsiteX15" fmla="*/ 176230 w 850934"/>
                  <a:gd name="connsiteY15" fmla="*/ 162964 h 676518"/>
                  <a:gd name="connsiteX16" fmla="*/ 367523 w 850934"/>
                  <a:gd name="connsiteY16" fmla="*/ 201856 h 676518"/>
                  <a:gd name="connsiteX0" fmla="*/ 369068 w 852479"/>
                  <a:gd name="connsiteY0" fmla="*/ 201856 h 676518"/>
                  <a:gd name="connsiteX1" fmla="*/ 478606 w 852479"/>
                  <a:gd name="connsiteY1" fmla="*/ 79620 h 676518"/>
                  <a:gd name="connsiteX2" fmla="*/ 590525 w 852479"/>
                  <a:gd name="connsiteY2" fmla="*/ 98670 h 676518"/>
                  <a:gd name="connsiteX3" fmla="*/ 621480 w 852479"/>
                  <a:gd name="connsiteY3" fmla="*/ 243 h 676518"/>
                  <a:gd name="connsiteX4" fmla="*/ 678630 w 852479"/>
                  <a:gd name="connsiteY4" fmla="*/ 243 h 676518"/>
                  <a:gd name="connsiteX5" fmla="*/ 840555 w 852479"/>
                  <a:gd name="connsiteY5" fmla="*/ 308218 h 676518"/>
                  <a:gd name="connsiteX6" fmla="*/ 767530 w 852479"/>
                  <a:gd name="connsiteY6" fmla="*/ 676518 h 676518"/>
                  <a:gd name="connsiteX7" fmla="*/ 567505 w 852479"/>
                  <a:gd name="connsiteY7" fmla="*/ 536819 h 676518"/>
                  <a:gd name="connsiteX8" fmla="*/ 538930 w 852479"/>
                  <a:gd name="connsiteY8" fmla="*/ 273295 h 676518"/>
                  <a:gd name="connsiteX9" fmla="*/ 430980 w 852479"/>
                  <a:gd name="connsiteY9" fmla="*/ 343145 h 676518"/>
                  <a:gd name="connsiteX10" fmla="*/ 218255 w 852479"/>
                  <a:gd name="connsiteY10" fmla="*/ 492370 h 676518"/>
                  <a:gd name="connsiteX11" fmla="*/ 3149 w 852479"/>
                  <a:gd name="connsiteY11" fmla="*/ 497132 h 676518"/>
                  <a:gd name="connsiteX12" fmla="*/ 2355 w 852479"/>
                  <a:gd name="connsiteY12" fmla="*/ 368545 h 676518"/>
                  <a:gd name="connsiteX13" fmla="*/ 307156 w 852479"/>
                  <a:gd name="connsiteY13" fmla="*/ 314570 h 676518"/>
                  <a:gd name="connsiteX14" fmla="*/ 162693 w 852479"/>
                  <a:gd name="connsiteY14" fmla="*/ 279645 h 676518"/>
                  <a:gd name="connsiteX15" fmla="*/ 177775 w 852479"/>
                  <a:gd name="connsiteY15" fmla="*/ 162964 h 676518"/>
                  <a:gd name="connsiteX16" fmla="*/ 369068 w 852479"/>
                  <a:gd name="connsiteY16" fmla="*/ 201856 h 676518"/>
                  <a:gd name="connsiteX0" fmla="*/ 369068 w 852479"/>
                  <a:gd name="connsiteY0" fmla="*/ 201856 h 676518"/>
                  <a:gd name="connsiteX1" fmla="*/ 478606 w 852479"/>
                  <a:gd name="connsiteY1" fmla="*/ 79620 h 676518"/>
                  <a:gd name="connsiteX2" fmla="*/ 590525 w 852479"/>
                  <a:gd name="connsiteY2" fmla="*/ 98670 h 676518"/>
                  <a:gd name="connsiteX3" fmla="*/ 621480 w 852479"/>
                  <a:gd name="connsiteY3" fmla="*/ 243 h 676518"/>
                  <a:gd name="connsiteX4" fmla="*/ 678630 w 852479"/>
                  <a:gd name="connsiteY4" fmla="*/ 243 h 676518"/>
                  <a:gd name="connsiteX5" fmla="*/ 840555 w 852479"/>
                  <a:gd name="connsiteY5" fmla="*/ 308218 h 676518"/>
                  <a:gd name="connsiteX6" fmla="*/ 767530 w 852479"/>
                  <a:gd name="connsiteY6" fmla="*/ 676518 h 676518"/>
                  <a:gd name="connsiteX7" fmla="*/ 567505 w 852479"/>
                  <a:gd name="connsiteY7" fmla="*/ 536819 h 676518"/>
                  <a:gd name="connsiteX8" fmla="*/ 538930 w 852479"/>
                  <a:gd name="connsiteY8" fmla="*/ 273295 h 676518"/>
                  <a:gd name="connsiteX9" fmla="*/ 430980 w 852479"/>
                  <a:gd name="connsiteY9" fmla="*/ 343145 h 676518"/>
                  <a:gd name="connsiteX10" fmla="*/ 218255 w 852479"/>
                  <a:gd name="connsiteY10" fmla="*/ 492370 h 676518"/>
                  <a:gd name="connsiteX11" fmla="*/ 3149 w 852479"/>
                  <a:gd name="connsiteY11" fmla="*/ 499514 h 676518"/>
                  <a:gd name="connsiteX12" fmla="*/ 2355 w 852479"/>
                  <a:gd name="connsiteY12" fmla="*/ 368545 h 676518"/>
                  <a:gd name="connsiteX13" fmla="*/ 307156 w 852479"/>
                  <a:gd name="connsiteY13" fmla="*/ 314570 h 676518"/>
                  <a:gd name="connsiteX14" fmla="*/ 162693 w 852479"/>
                  <a:gd name="connsiteY14" fmla="*/ 279645 h 676518"/>
                  <a:gd name="connsiteX15" fmla="*/ 177775 w 852479"/>
                  <a:gd name="connsiteY15" fmla="*/ 162964 h 676518"/>
                  <a:gd name="connsiteX16" fmla="*/ 369068 w 852479"/>
                  <a:gd name="connsiteY16" fmla="*/ 201856 h 676518"/>
                  <a:gd name="connsiteX0" fmla="*/ 366778 w 850189"/>
                  <a:gd name="connsiteY0" fmla="*/ 201856 h 676518"/>
                  <a:gd name="connsiteX1" fmla="*/ 476316 w 850189"/>
                  <a:gd name="connsiteY1" fmla="*/ 79620 h 676518"/>
                  <a:gd name="connsiteX2" fmla="*/ 588235 w 850189"/>
                  <a:gd name="connsiteY2" fmla="*/ 98670 h 676518"/>
                  <a:gd name="connsiteX3" fmla="*/ 619190 w 850189"/>
                  <a:gd name="connsiteY3" fmla="*/ 243 h 676518"/>
                  <a:gd name="connsiteX4" fmla="*/ 676340 w 850189"/>
                  <a:gd name="connsiteY4" fmla="*/ 243 h 676518"/>
                  <a:gd name="connsiteX5" fmla="*/ 838265 w 850189"/>
                  <a:gd name="connsiteY5" fmla="*/ 308218 h 676518"/>
                  <a:gd name="connsiteX6" fmla="*/ 765240 w 850189"/>
                  <a:gd name="connsiteY6" fmla="*/ 676518 h 676518"/>
                  <a:gd name="connsiteX7" fmla="*/ 565215 w 850189"/>
                  <a:gd name="connsiteY7" fmla="*/ 536819 h 676518"/>
                  <a:gd name="connsiteX8" fmla="*/ 536640 w 850189"/>
                  <a:gd name="connsiteY8" fmla="*/ 273295 h 676518"/>
                  <a:gd name="connsiteX9" fmla="*/ 428690 w 850189"/>
                  <a:gd name="connsiteY9" fmla="*/ 343145 h 676518"/>
                  <a:gd name="connsiteX10" fmla="*/ 215965 w 850189"/>
                  <a:gd name="connsiteY10" fmla="*/ 492370 h 676518"/>
                  <a:gd name="connsiteX11" fmla="*/ 5622 w 850189"/>
                  <a:gd name="connsiteY11" fmla="*/ 487607 h 676518"/>
                  <a:gd name="connsiteX12" fmla="*/ 65 w 850189"/>
                  <a:gd name="connsiteY12" fmla="*/ 368545 h 676518"/>
                  <a:gd name="connsiteX13" fmla="*/ 304866 w 850189"/>
                  <a:gd name="connsiteY13" fmla="*/ 314570 h 676518"/>
                  <a:gd name="connsiteX14" fmla="*/ 160403 w 850189"/>
                  <a:gd name="connsiteY14" fmla="*/ 279645 h 676518"/>
                  <a:gd name="connsiteX15" fmla="*/ 175485 w 850189"/>
                  <a:gd name="connsiteY15" fmla="*/ 162964 h 676518"/>
                  <a:gd name="connsiteX16" fmla="*/ 366778 w 850189"/>
                  <a:gd name="connsiteY16" fmla="*/ 201856 h 676518"/>
                  <a:gd name="connsiteX0" fmla="*/ 366778 w 850189"/>
                  <a:gd name="connsiteY0" fmla="*/ 201856 h 676518"/>
                  <a:gd name="connsiteX1" fmla="*/ 476316 w 850189"/>
                  <a:gd name="connsiteY1" fmla="*/ 79620 h 676518"/>
                  <a:gd name="connsiteX2" fmla="*/ 588235 w 850189"/>
                  <a:gd name="connsiteY2" fmla="*/ 98670 h 676518"/>
                  <a:gd name="connsiteX3" fmla="*/ 619190 w 850189"/>
                  <a:gd name="connsiteY3" fmla="*/ 243 h 676518"/>
                  <a:gd name="connsiteX4" fmla="*/ 676340 w 850189"/>
                  <a:gd name="connsiteY4" fmla="*/ 243 h 676518"/>
                  <a:gd name="connsiteX5" fmla="*/ 838265 w 850189"/>
                  <a:gd name="connsiteY5" fmla="*/ 308218 h 676518"/>
                  <a:gd name="connsiteX6" fmla="*/ 765240 w 850189"/>
                  <a:gd name="connsiteY6" fmla="*/ 676518 h 676518"/>
                  <a:gd name="connsiteX7" fmla="*/ 565215 w 850189"/>
                  <a:gd name="connsiteY7" fmla="*/ 536819 h 676518"/>
                  <a:gd name="connsiteX8" fmla="*/ 536640 w 850189"/>
                  <a:gd name="connsiteY8" fmla="*/ 273295 h 676518"/>
                  <a:gd name="connsiteX9" fmla="*/ 428690 w 850189"/>
                  <a:gd name="connsiteY9" fmla="*/ 343145 h 676518"/>
                  <a:gd name="connsiteX10" fmla="*/ 220727 w 850189"/>
                  <a:gd name="connsiteY10" fmla="*/ 482845 h 676518"/>
                  <a:gd name="connsiteX11" fmla="*/ 5622 w 850189"/>
                  <a:gd name="connsiteY11" fmla="*/ 487607 h 676518"/>
                  <a:gd name="connsiteX12" fmla="*/ 65 w 850189"/>
                  <a:gd name="connsiteY12" fmla="*/ 368545 h 676518"/>
                  <a:gd name="connsiteX13" fmla="*/ 304866 w 850189"/>
                  <a:gd name="connsiteY13" fmla="*/ 314570 h 676518"/>
                  <a:gd name="connsiteX14" fmla="*/ 160403 w 850189"/>
                  <a:gd name="connsiteY14" fmla="*/ 279645 h 676518"/>
                  <a:gd name="connsiteX15" fmla="*/ 175485 w 850189"/>
                  <a:gd name="connsiteY15" fmla="*/ 162964 h 676518"/>
                  <a:gd name="connsiteX16" fmla="*/ 366778 w 850189"/>
                  <a:gd name="connsiteY16" fmla="*/ 201856 h 676518"/>
                  <a:gd name="connsiteX0" fmla="*/ 366778 w 850189"/>
                  <a:gd name="connsiteY0" fmla="*/ 201856 h 676518"/>
                  <a:gd name="connsiteX1" fmla="*/ 476316 w 850189"/>
                  <a:gd name="connsiteY1" fmla="*/ 79620 h 676518"/>
                  <a:gd name="connsiteX2" fmla="*/ 588235 w 850189"/>
                  <a:gd name="connsiteY2" fmla="*/ 98670 h 676518"/>
                  <a:gd name="connsiteX3" fmla="*/ 619190 w 850189"/>
                  <a:gd name="connsiteY3" fmla="*/ 243 h 676518"/>
                  <a:gd name="connsiteX4" fmla="*/ 676340 w 850189"/>
                  <a:gd name="connsiteY4" fmla="*/ 243 h 676518"/>
                  <a:gd name="connsiteX5" fmla="*/ 838265 w 850189"/>
                  <a:gd name="connsiteY5" fmla="*/ 308218 h 676518"/>
                  <a:gd name="connsiteX6" fmla="*/ 765240 w 850189"/>
                  <a:gd name="connsiteY6" fmla="*/ 676518 h 676518"/>
                  <a:gd name="connsiteX7" fmla="*/ 565215 w 850189"/>
                  <a:gd name="connsiteY7" fmla="*/ 536819 h 676518"/>
                  <a:gd name="connsiteX8" fmla="*/ 536640 w 850189"/>
                  <a:gd name="connsiteY8" fmla="*/ 273295 h 676518"/>
                  <a:gd name="connsiteX9" fmla="*/ 428690 w 850189"/>
                  <a:gd name="connsiteY9" fmla="*/ 343145 h 676518"/>
                  <a:gd name="connsiteX10" fmla="*/ 223109 w 850189"/>
                  <a:gd name="connsiteY10" fmla="*/ 475701 h 676518"/>
                  <a:gd name="connsiteX11" fmla="*/ 5622 w 850189"/>
                  <a:gd name="connsiteY11" fmla="*/ 487607 h 676518"/>
                  <a:gd name="connsiteX12" fmla="*/ 65 w 850189"/>
                  <a:gd name="connsiteY12" fmla="*/ 368545 h 676518"/>
                  <a:gd name="connsiteX13" fmla="*/ 304866 w 850189"/>
                  <a:gd name="connsiteY13" fmla="*/ 314570 h 676518"/>
                  <a:gd name="connsiteX14" fmla="*/ 160403 w 850189"/>
                  <a:gd name="connsiteY14" fmla="*/ 279645 h 676518"/>
                  <a:gd name="connsiteX15" fmla="*/ 175485 w 850189"/>
                  <a:gd name="connsiteY15" fmla="*/ 162964 h 676518"/>
                  <a:gd name="connsiteX16" fmla="*/ 366778 w 850189"/>
                  <a:gd name="connsiteY16" fmla="*/ 201856 h 676518"/>
                  <a:gd name="connsiteX0" fmla="*/ 370901 w 854312"/>
                  <a:gd name="connsiteY0" fmla="*/ 201856 h 676518"/>
                  <a:gd name="connsiteX1" fmla="*/ 480439 w 854312"/>
                  <a:gd name="connsiteY1" fmla="*/ 79620 h 676518"/>
                  <a:gd name="connsiteX2" fmla="*/ 592358 w 854312"/>
                  <a:gd name="connsiteY2" fmla="*/ 98670 h 676518"/>
                  <a:gd name="connsiteX3" fmla="*/ 623313 w 854312"/>
                  <a:gd name="connsiteY3" fmla="*/ 243 h 676518"/>
                  <a:gd name="connsiteX4" fmla="*/ 680463 w 854312"/>
                  <a:gd name="connsiteY4" fmla="*/ 243 h 676518"/>
                  <a:gd name="connsiteX5" fmla="*/ 842388 w 854312"/>
                  <a:gd name="connsiteY5" fmla="*/ 308218 h 676518"/>
                  <a:gd name="connsiteX6" fmla="*/ 769363 w 854312"/>
                  <a:gd name="connsiteY6" fmla="*/ 676518 h 676518"/>
                  <a:gd name="connsiteX7" fmla="*/ 569338 w 854312"/>
                  <a:gd name="connsiteY7" fmla="*/ 536819 h 676518"/>
                  <a:gd name="connsiteX8" fmla="*/ 540763 w 854312"/>
                  <a:gd name="connsiteY8" fmla="*/ 273295 h 676518"/>
                  <a:gd name="connsiteX9" fmla="*/ 432813 w 854312"/>
                  <a:gd name="connsiteY9" fmla="*/ 343145 h 676518"/>
                  <a:gd name="connsiteX10" fmla="*/ 227232 w 854312"/>
                  <a:gd name="connsiteY10" fmla="*/ 475701 h 676518"/>
                  <a:gd name="connsiteX11" fmla="*/ 2602 w 854312"/>
                  <a:gd name="connsiteY11" fmla="*/ 468557 h 676518"/>
                  <a:gd name="connsiteX12" fmla="*/ 4188 w 854312"/>
                  <a:gd name="connsiteY12" fmla="*/ 368545 h 676518"/>
                  <a:gd name="connsiteX13" fmla="*/ 308989 w 854312"/>
                  <a:gd name="connsiteY13" fmla="*/ 314570 h 676518"/>
                  <a:gd name="connsiteX14" fmla="*/ 164526 w 854312"/>
                  <a:gd name="connsiteY14" fmla="*/ 279645 h 676518"/>
                  <a:gd name="connsiteX15" fmla="*/ 179608 w 854312"/>
                  <a:gd name="connsiteY15" fmla="*/ 162964 h 676518"/>
                  <a:gd name="connsiteX16" fmla="*/ 370901 w 854312"/>
                  <a:gd name="connsiteY16" fmla="*/ 201856 h 676518"/>
                  <a:gd name="connsiteX0" fmla="*/ 370901 w 854312"/>
                  <a:gd name="connsiteY0" fmla="*/ 201856 h 676518"/>
                  <a:gd name="connsiteX1" fmla="*/ 480439 w 854312"/>
                  <a:gd name="connsiteY1" fmla="*/ 79620 h 676518"/>
                  <a:gd name="connsiteX2" fmla="*/ 592358 w 854312"/>
                  <a:gd name="connsiteY2" fmla="*/ 98670 h 676518"/>
                  <a:gd name="connsiteX3" fmla="*/ 623313 w 854312"/>
                  <a:gd name="connsiteY3" fmla="*/ 243 h 676518"/>
                  <a:gd name="connsiteX4" fmla="*/ 680463 w 854312"/>
                  <a:gd name="connsiteY4" fmla="*/ 243 h 676518"/>
                  <a:gd name="connsiteX5" fmla="*/ 842388 w 854312"/>
                  <a:gd name="connsiteY5" fmla="*/ 308218 h 676518"/>
                  <a:gd name="connsiteX6" fmla="*/ 769363 w 854312"/>
                  <a:gd name="connsiteY6" fmla="*/ 676518 h 676518"/>
                  <a:gd name="connsiteX7" fmla="*/ 569338 w 854312"/>
                  <a:gd name="connsiteY7" fmla="*/ 536819 h 676518"/>
                  <a:gd name="connsiteX8" fmla="*/ 540763 w 854312"/>
                  <a:gd name="connsiteY8" fmla="*/ 273295 h 676518"/>
                  <a:gd name="connsiteX9" fmla="*/ 432813 w 854312"/>
                  <a:gd name="connsiteY9" fmla="*/ 343145 h 676518"/>
                  <a:gd name="connsiteX10" fmla="*/ 227232 w 854312"/>
                  <a:gd name="connsiteY10" fmla="*/ 475701 h 676518"/>
                  <a:gd name="connsiteX11" fmla="*/ 2602 w 854312"/>
                  <a:gd name="connsiteY11" fmla="*/ 473319 h 676518"/>
                  <a:gd name="connsiteX12" fmla="*/ 4188 w 854312"/>
                  <a:gd name="connsiteY12" fmla="*/ 368545 h 676518"/>
                  <a:gd name="connsiteX13" fmla="*/ 308989 w 854312"/>
                  <a:gd name="connsiteY13" fmla="*/ 314570 h 676518"/>
                  <a:gd name="connsiteX14" fmla="*/ 164526 w 854312"/>
                  <a:gd name="connsiteY14" fmla="*/ 279645 h 676518"/>
                  <a:gd name="connsiteX15" fmla="*/ 179608 w 854312"/>
                  <a:gd name="connsiteY15" fmla="*/ 162964 h 676518"/>
                  <a:gd name="connsiteX16" fmla="*/ 370901 w 854312"/>
                  <a:gd name="connsiteY16" fmla="*/ 201856 h 676518"/>
                  <a:gd name="connsiteX0" fmla="*/ 369068 w 852479"/>
                  <a:gd name="connsiteY0" fmla="*/ 201856 h 676518"/>
                  <a:gd name="connsiteX1" fmla="*/ 478606 w 852479"/>
                  <a:gd name="connsiteY1" fmla="*/ 79620 h 676518"/>
                  <a:gd name="connsiteX2" fmla="*/ 590525 w 852479"/>
                  <a:gd name="connsiteY2" fmla="*/ 98670 h 676518"/>
                  <a:gd name="connsiteX3" fmla="*/ 621480 w 852479"/>
                  <a:gd name="connsiteY3" fmla="*/ 243 h 676518"/>
                  <a:gd name="connsiteX4" fmla="*/ 678630 w 852479"/>
                  <a:gd name="connsiteY4" fmla="*/ 243 h 676518"/>
                  <a:gd name="connsiteX5" fmla="*/ 840555 w 852479"/>
                  <a:gd name="connsiteY5" fmla="*/ 308218 h 676518"/>
                  <a:gd name="connsiteX6" fmla="*/ 767530 w 852479"/>
                  <a:gd name="connsiteY6" fmla="*/ 676518 h 676518"/>
                  <a:gd name="connsiteX7" fmla="*/ 567505 w 852479"/>
                  <a:gd name="connsiteY7" fmla="*/ 536819 h 676518"/>
                  <a:gd name="connsiteX8" fmla="*/ 538930 w 852479"/>
                  <a:gd name="connsiteY8" fmla="*/ 273295 h 676518"/>
                  <a:gd name="connsiteX9" fmla="*/ 430980 w 852479"/>
                  <a:gd name="connsiteY9" fmla="*/ 343145 h 676518"/>
                  <a:gd name="connsiteX10" fmla="*/ 225399 w 852479"/>
                  <a:gd name="connsiteY10" fmla="*/ 475701 h 676518"/>
                  <a:gd name="connsiteX11" fmla="*/ 3150 w 852479"/>
                  <a:gd name="connsiteY11" fmla="*/ 473319 h 676518"/>
                  <a:gd name="connsiteX12" fmla="*/ 2355 w 852479"/>
                  <a:gd name="connsiteY12" fmla="*/ 368545 h 676518"/>
                  <a:gd name="connsiteX13" fmla="*/ 307156 w 852479"/>
                  <a:gd name="connsiteY13" fmla="*/ 314570 h 676518"/>
                  <a:gd name="connsiteX14" fmla="*/ 162693 w 852479"/>
                  <a:gd name="connsiteY14" fmla="*/ 279645 h 676518"/>
                  <a:gd name="connsiteX15" fmla="*/ 177775 w 852479"/>
                  <a:gd name="connsiteY15" fmla="*/ 162964 h 676518"/>
                  <a:gd name="connsiteX16" fmla="*/ 369068 w 852479"/>
                  <a:gd name="connsiteY16" fmla="*/ 201856 h 676518"/>
                  <a:gd name="connsiteX0" fmla="*/ 366778 w 850189"/>
                  <a:gd name="connsiteY0" fmla="*/ 201856 h 676518"/>
                  <a:gd name="connsiteX1" fmla="*/ 476316 w 850189"/>
                  <a:gd name="connsiteY1" fmla="*/ 79620 h 676518"/>
                  <a:gd name="connsiteX2" fmla="*/ 588235 w 850189"/>
                  <a:gd name="connsiteY2" fmla="*/ 98670 h 676518"/>
                  <a:gd name="connsiteX3" fmla="*/ 619190 w 850189"/>
                  <a:gd name="connsiteY3" fmla="*/ 243 h 676518"/>
                  <a:gd name="connsiteX4" fmla="*/ 676340 w 850189"/>
                  <a:gd name="connsiteY4" fmla="*/ 243 h 676518"/>
                  <a:gd name="connsiteX5" fmla="*/ 838265 w 850189"/>
                  <a:gd name="connsiteY5" fmla="*/ 308218 h 676518"/>
                  <a:gd name="connsiteX6" fmla="*/ 765240 w 850189"/>
                  <a:gd name="connsiteY6" fmla="*/ 676518 h 676518"/>
                  <a:gd name="connsiteX7" fmla="*/ 565215 w 850189"/>
                  <a:gd name="connsiteY7" fmla="*/ 536819 h 676518"/>
                  <a:gd name="connsiteX8" fmla="*/ 536640 w 850189"/>
                  <a:gd name="connsiteY8" fmla="*/ 273295 h 676518"/>
                  <a:gd name="connsiteX9" fmla="*/ 428690 w 850189"/>
                  <a:gd name="connsiteY9" fmla="*/ 343145 h 676518"/>
                  <a:gd name="connsiteX10" fmla="*/ 223109 w 850189"/>
                  <a:gd name="connsiteY10" fmla="*/ 475701 h 676518"/>
                  <a:gd name="connsiteX11" fmla="*/ 5623 w 850189"/>
                  <a:gd name="connsiteY11" fmla="*/ 473319 h 676518"/>
                  <a:gd name="connsiteX12" fmla="*/ 65 w 850189"/>
                  <a:gd name="connsiteY12" fmla="*/ 368545 h 676518"/>
                  <a:gd name="connsiteX13" fmla="*/ 304866 w 850189"/>
                  <a:gd name="connsiteY13" fmla="*/ 314570 h 676518"/>
                  <a:gd name="connsiteX14" fmla="*/ 160403 w 850189"/>
                  <a:gd name="connsiteY14" fmla="*/ 279645 h 676518"/>
                  <a:gd name="connsiteX15" fmla="*/ 175485 w 850189"/>
                  <a:gd name="connsiteY15" fmla="*/ 162964 h 676518"/>
                  <a:gd name="connsiteX16" fmla="*/ 366778 w 850189"/>
                  <a:gd name="connsiteY16" fmla="*/ 201856 h 676518"/>
                  <a:gd name="connsiteX0" fmla="*/ 367521 w 850932"/>
                  <a:gd name="connsiteY0" fmla="*/ 201856 h 676518"/>
                  <a:gd name="connsiteX1" fmla="*/ 477059 w 850932"/>
                  <a:gd name="connsiteY1" fmla="*/ 79620 h 676518"/>
                  <a:gd name="connsiteX2" fmla="*/ 588978 w 850932"/>
                  <a:gd name="connsiteY2" fmla="*/ 98670 h 676518"/>
                  <a:gd name="connsiteX3" fmla="*/ 619933 w 850932"/>
                  <a:gd name="connsiteY3" fmla="*/ 243 h 676518"/>
                  <a:gd name="connsiteX4" fmla="*/ 677083 w 850932"/>
                  <a:gd name="connsiteY4" fmla="*/ 243 h 676518"/>
                  <a:gd name="connsiteX5" fmla="*/ 839008 w 850932"/>
                  <a:gd name="connsiteY5" fmla="*/ 308218 h 676518"/>
                  <a:gd name="connsiteX6" fmla="*/ 765983 w 850932"/>
                  <a:gd name="connsiteY6" fmla="*/ 676518 h 676518"/>
                  <a:gd name="connsiteX7" fmla="*/ 565958 w 850932"/>
                  <a:gd name="connsiteY7" fmla="*/ 536819 h 676518"/>
                  <a:gd name="connsiteX8" fmla="*/ 537383 w 850932"/>
                  <a:gd name="connsiteY8" fmla="*/ 273295 h 676518"/>
                  <a:gd name="connsiteX9" fmla="*/ 429433 w 850932"/>
                  <a:gd name="connsiteY9" fmla="*/ 343145 h 676518"/>
                  <a:gd name="connsiteX10" fmla="*/ 223852 w 850932"/>
                  <a:gd name="connsiteY10" fmla="*/ 475701 h 676518"/>
                  <a:gd name="connsiteX11" fmla="*/ 3985 w 850932"/>
                  <a:gd name="connsiteY11" fmla="*/ 478081 h 676518"/>
                  <a:gd name="connsiteX12" fmla="*/ 808 w 850932"/>
                  <a:gd name="connsiteY12" fmla="*/ 368545 h 676518"/>
                  <a:gd name="connsiteX13" fmla="*/ 305609 w 850932"/>
                  <a:gd name="connsiteY13" fmla="*/ 314570 h 676518"/>
                  <a:gd name="connsiteX14" fmla="*/ 161146 w 850932"/>
                  <a:gd name="connsiteY14" fmla="*/ 279645 h 676518"/>
                  <a:gd name="connsiteX15" fmla="*/ 176228 w 850932"/>
                  <a:gd name="connsiteY15" fmla="*/ 162964 h 676518"/>
                  <a:gd name="connsiteX16" fmla="*/ 367521 w 850932"/>
                  <a:gd name="connsiteY16" fmla="*/ 201856 h 676518"/>
                  <a:gd name="connsiteX0" fmla="*/ 366778 w 850189"/>
                  <a:gd name="connsiteY0" fmla="*/ 201856 h 676518"/>
                  <a:gd name="connsiteX1" fmla="*/ 476316 w 850189"/>
                  <a:gd name="connsiteY1" fmla="*/ 79620 h 676518"/>
                  <a:gd name="connsiteX2" fmla="*/ 588235 w 850189"/>
                  <a:gd name="connsiteY2" fmla="*/ 98670 h 676518"/>
                  <a:gd name="connsiteX3" fmla="*/ 619190 w 850189"/>
                  <a:gd name="connsiteY3" fmla="*/ 243 h 676518"/>
                  <a:gd name="connsiteX4" fmla="*/ 676340 w 850189"/>
                  <a:gd name="connsiteY4" fmla="*/ 243 h 676518"/>
                  <a:gd name="connsiteX5" fmla="*/ 838265 w 850189"/>
                  <a:gd name="connsiteY5" fmla="*/ 308218 h 676518"/>
                  <a:gd name="connsiteX6" fmla="*/ 765240 w 850189"/>
                  <a:gd name="connsiteY6" fmla="*/ 676518 h 676518"/>
                  <a:gd name="connsiteX7" fmla="*/ 565215 w 850189"/>
                  <a:gd name="connsiteY7" fmla="*/ 536819 h 676518"/>
                  <a:gd name="connsiteX8" fmla="*/ 536640 w 850189"/>
                  <a:gd name="connsiteY8" fmla="*/ 273295 h 676518"/>
                  <a:gd name="connsiteX9" fmla="*/ 428690 w 850189"/>
                  <a:gd name="connsiteY9" fmla="*/ 343145 h 676518"/>
                  <a:gd name="connsiteX10" fmla="*/ 223109 w 850189"/>
                  <a:gd name="connsiteY10" fmla="*/ 475701 h 676518"/>
                  <a:gd name="connsiteX11" fmla="*/ 3242 w 850189"/>
                  <a:gd name="connsiteY11" fmla="*/ 478081 h 676518"/>
                  <a:gd name="connsiteX12" fmla="*/ 65 w 850189"/>
                  <a:gd name="connsiteY12" fmla="*/ 368545 h 676518"/>
                  <a:gd name="connsiteX13" fmla="*/ 304866 w 850189"/>
                  <a:gd name="connsiteY13" fmla="*/ 314570 h 676518"/>
                  <a:gd name="connsiteX14" fmla="*/ 160403 w 850189"/>
                  <a:gd name="connsiteY14" fmla="*/ 279645 h 676518"/>
                  <a:gd name="connsiteX15" fmla="*/ 175485 w 850189"/>
                  <a:gd name="connsiteY15" fmla="*/ 162964 h 676518"/>
                  <a:gd name="connsiteX16" fmla="*/ 366778 w 850189"/>
                  <a:gd name="connsiteY16" fmla="*/ 201856 h 676518"/>
                  <a:gd name="connsiteX0" fmla="*/ 366778 w 850189"/>
                  <a:gd name="connsiteY0" fmla="*/ 201856 h 676518"/>
                  <a:gd name="connsiteX1" fmla="*/ 476316 w 850189"/>
                  <a:gd name="connsiteY1" fmla="*/ 79620 h 676518"/>
                  <a:gd name="connsiteX2" fmla="*/ 588235 w 850189"/>
                  <a:gd name="connsiteY2" fmla="*/ 98670 h 676518"/>
                  <a:gd name="connsiteX3" fmla="*/ 619190 w 850189"/>
                  <a:gd name="connsiteY3" fmla="*/ 243 h 676518"/>
                  <a:gd name="connsiteX4" fmla="*/ 676340 w 850189"/>
                  <a:gd name="connsiteY4" fmla="*/ 243 h 676518"/>
                  <a:gd name="connsiteX5" fmla="*/ 838265 w 850189"/>
                  <a:gd name="connsiteY5" fmla="*/ 308218 h 676518"/>
                  <a:gd name="connsiteX6" fmla="*/ 765240 w 850189"/>
                  <a:gd name="connsiteY6" fmla="*/ 676518 h 676518"/>
                  <a:gd name="connsiteX7" fmla="*/ 565215 w 850189"/>
                  <a:gd name="connsiteY7" fmla="*/ 536819 h 676518"/>
                  <a:gd name="connsiteX8" fmla="*/ 536640 w 850189"/>
                  <a:gd name="connsiteY8" fmla="*/ 273295 h 676518"/>
                  <a:gd name="connsiteX9" fmla="*/ 428690 w 850189"/>
                  <a:gd name="connsiteY9" fmla="*/ 343145 h 676518"/>
                  <a:gd name="connsiteX10" fmla="*/ 223109 w 850189"/>
                  <a:gd name="connsiteY10" fmla="*/ 475701 h 676518"/>
                  <a:gd name="connsiteX11" fmla="*/ 5623 w 850189"/>
                  <a:gd name="connsiteY11" fmla="*/ 478081 h 676518"/>
                  <a:gd name="connsiteX12" fmla="*/ 65 w 850189"/>
                  <a:gd name="connsiteY12" fmla="*/ 368545 h 676518"/>
                  <a:gd name="connsiteX13" fmla="*/ 304866 w 850189"/>
                  <a:gd name="connsiteY13" fmla="*/ 314570 h 676518"/>
                  <a:gd name="connsiteX14" fmla="*/ 160403 w 850189"/>
                  <a:gd name="connsiteY14" fmla="*/ 279645 h 676518"/>
                  <a:gd name="connsiteX15" fmla="*/ 175485 w 850189"/>
                  <a:gd name="connsiteY15" fmla="*/ 162964 h 676518"/>
                  <a:gd name="connsiteX16" fmla="*/ 366778 w 850189"/>
                  <a:gd name="connsiteY16" fmla="*/ 201856 h 676518"/>
                  <a:gd name="connsiteX0" fmla="*/ 366778 w 850189"/>
                  <a:gd name="connsiteY0" fmla="*/ 201856 h 676518"/>
                  <a:gd name="connsiteX1" fmla="*/ 476316 w 850189"/>
                  <a:gd name="connsiteY1" fmla="*/ 79620 h 676518"/>
                  <a:gd name="connsiteX2" fmla="*/ 588235 w 850189"/>
                  <a:gd name="connsiteY2" fmla="*/ 98670 h 676518"/>
                  <a:gd name="connsiteX3" fmla="*/ 619190 w 850189"/>
                  <a:gd name="connsiteY3" fmla="*/ 243 h 676518"/>
                  <a:gd name="connsiteX4" fmla="*/ 676340 w 850189"/>
                  <a:gd name="connsiteY4" fmla="*/ 243 h 676518"/>
                  <a:gd name="connsiteX5" fmla="*/ 838265 w 850189"/>
                  <a:gd name="connsiteY5" fmla="*/ 308218 h 676518"/>
                  <a:gd name="connsiteX6" fmla="*/ 765240 w 850189"/>
                  <a:gd name="connsiteY6" fmla="*/ 676518 h 676518"/>
                  <a:gd name="connsiteX7" fmla="*/ 565215 w 850189"/>
                  <a:gd name="connsiteY7" fmla="*/ 536819 h 676518"/>
                  <a:gd name="connsiteX8" fmla="*/ 536640 w 850189"/>
                  <a:gd name="connsiteY8" fmla="*/ 273295 h 676518"/>
                  <a:gd name="connsiteX9" fmla="*/ 428690 w 850189"/>
                  <a:gd name="connsiteY9" fmla="*/ 343145 h 676518"/>
                  <a:gd name="connsiteX10" fmla="*/ 223109 w 850189"/>
                  <a:gd name="connsiteY10" fmla="*/ 475701 h 676518"/>
                  <a:gd name="connsiteX11" fmla="*/ 860 w 850189"/>
                  <a:gd name="connsiteY11" fmla="*/ 478081 h 676518"/>
                  <a:gd name="connsiteX12" fmla="*/ 65 w 850189"/>
                  <a:gd name="connsiteY12" fmla="*/ 368545 h 676518"/>
                  <a:gd name="connsiteX13" fmla="*/ 304866 w 850189"/>
                  <a:gd name="connsiteY13" fmla="*/ 314570 h 676518"/>
                  <a:gd name="connsiteX14" fmla="*/ 160403 w 850189"/>
                  <a:gd name="connsiteY14" fmla="*/ 279645 h 676518"/>
                  <a:gd name="connsiteX15" fmla="*/ 175485 w 850189"/>
                  <a:gd name="connsiteY15" fmla="*/ 162964 h 676518"/>
                  <a:gd name="connsiteX16" fmla="*/ 366778 w 850189"/>
                  <a:gd name="connsiteY16" fmla="*/ 201856 h 676518"/>
                  <a:gd name="connsiteX0" fmla="*/ 366730 w 850141"/>
                  <a:gd name="connsiteY0" fmla="*/ 201856 h 676518"/>
                  <a:gd name="connsiteX1" fmla="*/ 476268 w 850141"/>
                  <a:gd name="connsiteY1" fmla="*/ 79620 h 676518"/>
                  <a:gd name="connsiteX2" fmla="*/ 588187 w 850141"/>
                  <a:gd name="connsiteY2" fmla="*/ 98670 h 676518"/>
                  <a:gd name="connsiteX3" fmla="*/ 619142 w 850141"/>
                  <a:gd name="connsiteY3" fmla="*/ 243 h 676518"/>
                  <a:gd name="connsiteX4" fmla="*/ 676292 w 850141"/>
                  <a:gd name="connsiteY4" fmla="*/ 243 h 676518"/>
                  <a:gd name="connsiteX5" fmla="*/ 838217 w 850141"/>
                  <a:gd name="connsiteY5" fmla="*/ 308218 h 676518"/>
                  <a:gd name="connsiteX6" fmla="*/ 765192 w 850141"/>
                  <a:gd name="connsiteY6" fmla="*/ 676518 h 676518"/>
                  <a:gd name="connsiteX7" fmla="*/ 565167 w 850141"/>
                  <a:gd name="connsiteY7" fmla="*/ 536819 h 676518"/>
                  <a:gd name="connsiteX8" fmla="*/ 536592 w 850141"/>
                  <a:gd name="connsiteY8" fmla="*/ 273295 h 676518"/>
                  <a:gd name="connsiteX9" fmla="*/ 428642 w 850141"/>
                  <a:gd name="connsiteY9" fmla="*/ 343145 h 676518"/>
                  <a:gd name="connsiteX10" fmla="*/ 223061 w 850141"/>
                  <a:gd name="connsiteY10" fmla="*/ 475701 h 676518"/>
                  <a:gd name="connsiteX11" fmla="*/ 812 w 850141"/>
                  <a:gd name="connsiteY11" fmla="*/ 478081 h 676518"/>
                  <a:gd name="connsiteX12" fmla="*/ 17 w 850141"/>
                  <a:gd name="connsiteY12" fmla="*/ 368545 h 676518"/>
                  <a:gd name="connsiteX13" fmla="*/ 304818 w 850141"/>
                  <a:gd name="connsiteY13" fmla="*/ 314570 h 676518"/>
                  <a:gd name="connsiteX14" fmla="*/ 160355 w 850141"/>
                  <a:gd name="connsiteY14" fmla="*/ 279645 h 676518"/>
                  <a:gd name="connsiteX15" fmla="*/ 175437 w 850141"/>
                  <a:gd name="connsiteY15" fmla="*/ 162964 h 676518"/>
                  <a:gd name="connsiteX16" fmla="*/ 366730 w 850141"/>
                  <a:gd name="connsiteY16" fmla="*/ 201856 h 676518"/>
                  <a:gd name="connsiteX0" fmla="*/ 366730 w 850141"/>
                  <a:gd name="connsiteY0" fmla="*/ 201856 h 676518"/>
                  <a:gd name="connsiteX1" fmla="*/ 476268 w 850141"/>
                  <a:gd name="connsiteY1" fmla="*/ 79620 h 676518"/>
                  <a:gd name="connsiteX2" fmla="*/ 588187 w 850141"/>
                  <a:gd name="connsiteY2" fmla="*/ 98670 h 676518"/>
                  <a:gd name="connsiteX3" fmla="*/ 619142 w 850141"/>
                  <a:gd name="connsiteY3" fmla="*/ 243 h 676518"/>
                  <a:gd name="connsiteX4" fmla="*/ 676292 w 850141"/>
                  <a:gd name="connsiteY4" fmla="*/ 243 h 676518"/>
                  <a:gd name="connsiteX5" fmla="*/ 838217 w 850141"/>
                  <a:gd name="connsiteY5" fmla="*/ 308218 h 676518"/>
                  <a:gd name="connsiteX6" fmla="*/ 765192 w 850141"/>
                  <a:gd name="connsiteY6" fmla="*/ 676518 h 676518"/>
                  <a:gd name="connsiteX7" fmla="*/ 565167 w 850141"/>
                  <a:gd name="connsiteY7" fmla="*/ 536819 h 676518"/>
                  <a:gd name="connsiteX8" fmla="*/ 536592 w 850141"/>
                  <a:gd name="connsiteY8" fmla="*/ 273295 h 676518"/>
                  <a:gd name="connsiteX9" fmla="*/ 428642 w 850141"/>
                  <a:gd name="connsiteY9" fmla="*/ 343145 h 676518"/>
                  <a:gd name="connsiteX10" fmla="*/ 223061 w 850141"/>
                  <a:gd name="connsiteY10" fmla="*/ 475701 h 676518"/>
                  <a:gd name="connsiteX11" fmla="*/ 812 w 850141"/>
                  <a:gd name="connsiteY11" fmla="*/ 478081 h 676518"/>
                  <a:gd name="connsiteX12" fmla="*/ 17 w 850141"/>
                  <a:gd name="connsiteY12" fmla="*/ 368545 h 676518"/>
                  <a:gd name="connsiteX13" fmla="*/ 304818 w 850141"/>
                  <a:gd name="connsiteY13" fmla="*/ 314570 h 676518"/>
                  <a:gd name="connsiteX14" fmla="*/ 160355 w 850141"/>
                  <a:gd name="connsiteY14" fmla="*/ 279645 h 676518"/>
                  <a:gd name="connsiteX15" fmla="*/ 175437 w 850141"/>
                  <a:gd name="connsiteY15" fmla="*/ 162964 h 676518"/>
                  <a:gd name="connsiteX16" fmla="*/ 366730 w 850141"/>
                  <a:gd name="connsiteY16" fmla="*/ 201856 h 676518"/>
                  <a:gd name="connsiteX0" fmla="*/ 366730 w 850141"/>
                  <a:gd name="connsiteY0" fmla="*/ 201856 h 676518"/>
                  <a:gd name="connsiteX1" fmla="*/ 476268 w 850141"/>
                  <a:gd name="connsiteY1" fmla="*/ 79620 h 676518"/>
                  <a:gd name="connsiteX2" fmla="*/ 588187 w 850141"/>
                  <a:gd name="connsiteY2" fmla="*/ 98670 h 676518"/>
                  <a:gd name="connsiteX3" fmla="*/ 619142 w 850141"/>
                  <a:gd name="connsiteY3" fmla="*/ 243 h 676518"/>
                  <a:gd name="connsiteX4" fmla="*/ 676292 w 850141"/>
                  <a:gd name="connsiteY4" fmla="*/ 243 h 676518"/>
                  <a:gd name="connsiteX5" fmla="*/ 838217 w 850141"/>
                  <a:gd name="connsiteY5" fmla="*/ 308218 h 676518"/>
                  <a:gd name="connsiteX6" fmla="*/ 765192 w 850141"/>
                  <a:gd name="connsiteY6" fmla="*/ 676518 h 676518"/>
                  <a:gd name="connsiteX7" fmla="*/ 565167 w 850141"/>
                  <a:gd name="connsiteY7" fmla="*/ 536819 h 676518"/>
                  <a:gd name="connsiteX8" fmla="*/ 536592 w 850141"/>
                  <a:gd name="connsiteY8" fmla="*/ 273295 h 676518"/>
                  <a:gd name="connsiteX9" fmla="*/ 428642 w 850141"/>
                  <a:gd name="connsiteY9" fmla="*/ 343145 h 676518"/>
                  <a:gd name="connsiteX10" fmla="*/ 223061 w 850141"/>
                  <a:gd name="connsiteY10" fmla="*/ 475701 h 676518"/>
                  <a:gd name="connsiteX11" fmla="*/ 812 w 850141"/>
                  <a:gd name="connsiteY11" fmla="*/ 478081 h 676518"/>
                  <a:gd name="connsiteX12" fmla="*/ 17 w 850141"/>
                  <a:gd name="connsiteY12" fmla="*/ 368545 h 676518"/>
                  <a:gd name="connsiteX13" fmla="*/ 304818 w 850141"/>
                  <a:gd name="connsiteY13" fmla="*/ 314570 h 676518"/>
                  <a:gd name="connsiteX14" fmla="*/ 160355 w 850141"/>
                  <a:gd name="connsiteY14" fmla="*/ 279645 h 676518"/>
                  <a:gd name="connsiteX15" fmla="*/ 175437 w 850141"/>
                  <a:gd name="connsiteY15" fmla="*/ 162964 h 676518"/>
                  <a:gd name="connsiteX16" fmla="*/ 366730 w 850141"/>
                  <a:gd name="connsiteY16" fmla="*/ 201856 h 676518"/>
                  <a:gd name="connsiteX0" fmla="*/ 366730 w 850141"/>
                  <a:gd name="connsiteY0" fmla="*/ 201856 h 676518"/>
                  <a:gd name="connsiteX1" fmla="*/ 476268 w 850141"/>
                  <a:gd name="connsiteY1" fmla="*/ 79620 h 676518"/>
                  <a:gd name="connsiteX2" fmla="*/ 588187 w 850141"/>
                  <a:gd name="connsiteY2" fmla="*/ 98670 h 676518"/>
                  <a:gd name="connsiteX3" fmla="*/ 619142 w 850141"/>
                  <a:gd name="connsiteY3" fmla="*/ 243 h 676518"/>
                  <a:gd name="connsiteX4" fmla="*/ 676292 w 850141"/>
                  <a:gd name="connsiteY4" fmla="*/ 243 h 676518"/>
                  <a:gd name="connsiteX5" fmla="*/ 838217 w 850141"/>
                  <a:gd name="connsiteY5" fmla="*/ 308218 h 676518"/>
                  <a:gd name="connsiteX6" fmla="*/ 765192 w 850141"/>
                  <a:gd name="connsiteY6" fmla="*/ 676518 h 676518"/>
                  <a:gd name="connsiteX7" fmla="*/ 565167 w 850141"/>
                  <a:gd name="connsiteY7" fmla="*/ 536819 h 676518"/>
                  <a:gd name="connsiteX8" fmla="*/ 536592 w 850141"/>
                  <a:gd name="connsiteY8" fmla="*/ 273295 h 676518"/>
                  <a:gd name="connsiteX9" fmla="*/ 428642 w 850141"/>
                  <a:gd name="connsiteY9" fmla="*/ 343145 h 676518"/>
                  <a:gd name="connsiteX10" fmla="*/ 223061 w 850141"/>
                  <a:gd name="connsiteY10" fmla="*/ 475701 h 676518"/>
                  <a:gd name="connsiteX11" fmla="*/ 812 w 850141"/>
                  <a:gd name="connsiteY11" fmla="*/ 478081 h 676518"/>
                  <a:gd name="connsiteX12" fmla="*/ 17 w 850141"/>
                  <a:gd name="connsiteY12" fmla="*/ 368545 h 676518"/>
                  <a:gd name="connsiteX13" fmla="*/ 304818 w 850141"/>
                  <a:gd name="connsiteY13" fmla="*/ 314570 h 676518"/>
                  <a:gd name="connsiteX14" fmla="*/ 160355 w 850141"/>
                  <a:gd name="connsiteY14" fmla="*/ 279645 h 676518"/>
                  <a:gd name="connsiteX15" fmla="*/ 175437 w 850141"/>
                  <a:gd name="connsiteY15" fmla="*/ 162964 h 676518"/>
                  <a:gd name="connsiteX16" fmla="*/ 366730 w 850141"/>
                  <a:gd name="connsiteY16" fmla="*/ 201856 h 676518"/>
                  <a:gd name="connsiteX0" fmla="*/ 366730 w 850141"/>
                  <a:gd name="connsiteY0" fmla="*/ 201856 h 676518"/>
                  <a:gd name="connsiteX1" fmla="*/ 476268 w 850141"/>
                  <a:gd name="connsiteY1" fmla="*/ 79620 h 676518"/>
                  <a:gd name="connsiteX2" fmla="*/ 588187 w 850141"/>
                  <a:gd name="connsiteY2" fmla="*/ 98670 h 676518"/>
                  <a:gd name="connsiteX3" fmla="*/ 619142 w 850141"/>
                  <a:gd name="connsiteY3" fmla="*/ 243 h 676518"/>
                  <a:gd name="connsiteX4" fmla="*/ 676292 w 850141"/>
                  <a:gd name="connsiteY4" fmla="*/ 243 h 676518"/>
                  <a:gd name="connsiteX5" fmla="*/ 838217 w 850141"/>
                  <a:gd name="connsiteY5" fmla="*/ 308218 h 676518"/>
                  <a:gd name="connsiteX6" fmla="*/ 765192 w 850141"/>
                  <a:gd name="connsiteY6" fmla="*/ 676518 h 676518"/>
                  <a:gd name="connsiteX7" fmla="*/ 565167 w 850141"/>
                  <a:gd name="connsiteY7" fmla="*/ 536819 h 676518"/>
                  <a:gd name="connsiteX8" fmla="*/ 536592 w 850141"/>
                  <a:gd name="connsiteY8" fmla="*/ 273295 h 676518"/>
                  <a:gd name="connsiteX9" fmla="*/ 428642 w 850141"/>
                  <a:gd name="connsiteY9" fmla="*/ 343145 h 676518"/>
                  <a:gd name="connsiteX10" fmla="*/ 223061 w 850141"/>
                  <a:gd name="connsiteY10" fmla="*/ 475701 h 676518"/>
                  <a:gd name="connsiteX11" fmla="*/ 812 w 850141"/>
                  <a:gd name="connsiteY11" fmla="*/ 478081 h 676518"/>
                  <a:gd name="connsiteX12" fmla="*/ 17 w 850141"/>
                  <a:gd name="connsiteY12" fmla="*/ 368545 h 676518"/>
                  <a:gd name="connsiteX13" fmla="*/ 304818 w 850141"/>
                  <a:gd name="connsiteY13" fmla="*/ 314570 h 676518"/>
                  <a:gd name="connsiteX14" fmla="*/ 155593 w 850141"/>
                  <a:gd name="connsiteY14" fmla="*/ 262976 h 676518"/>
                  <a:gd name="connsiteX15" fmla="*/ 175437 w 850141"/>
                  <a:gd name="connsiteY15" fmla="*/ 162964 h 676518"/>
                  <a:gd name="connsiteX16" fmla="*/ 366730 w 850141"/>
                  <a:gd name="connsiteY16" fmla="*/ 201856 h 676518"/>
                  <a:gd name="connsiteX0" fmla="*/ 366730 w 850141"/>
                  <a:gd name="connsiteY0" fmla="*/ 201856 h 676518"/>
                  <a:gd name="connsiteX1" fmla="*/ 476268 w 850141"/>
                  <a:gd name="connsiteY1" fmla="*/ 79620 h 676518"/>
                  <a:gd name="connsiteX2" fmla="*/ 588187 w 850141"/>
                  <a:gd name="connsiteY2" fmla="*/ 98670 h 676518"/>
                  <a:gd name="connsiteX3" fmla="*/ 619142 w 850141"/>
                  <a:gd name="connsiteY3" fmla="*/ 243 h 676518"/>
                  <a:gd name="connsiteX4" fmla="*/ 676292 w 850141"/>
                  <a:gd name="connsiteY4" fmla="*/ 243 h 676518"/>
                  <a:gd name="connsiteX5" fmla="*/ 838217 w 850141"/>
                  <a:gd name="connsiteY5" fmla="*/ 308218 h 676518"/>
                  <a:gd name="connsiteX6" fmla="*/ 765192 w 850141"/>
                  <a:gd name="connsiteY6" fmla="*/ 676518 h 676518"/>
                  <a:gd name="connsiteX7" fmla="*/ 565167 w 850141"/>
                  <a:gd name="connsiteY7" fmla="*/ 536819 h 676518"/>
                  <a:gd name="connsiteX8" fmla="*/ 536592 w 850141"/>
                  <a:gd name="connsiteY8" fmla="*/ 273295 h 676518"/>
                  <a:gd name="connsiteX9" fmla="*/ 428642 w 850141"/>
                  <a:gd name="connsiteY9" fmla="*/ 343145 h 676518"/>
                  <a:gd name="connsiteX10" fmla="*/ 223061 w 850141"/>
                  <a:gd name="connsiteY10" fmla="*/ 475701 h 676518"/>
                  <a:gd name="connsiteX11" fmla="*/ 812 w 850141"/>
                  <a:gd name="connsiteY11" fmla="*/ 478081 h 676518"/>
                  <a:gd name="connsiteX12" fmla="*/ 17 w 850141"/>
                  <a:gd name="connsiteY12" fmla="*/ 368545 h 676518"/>
                  <a:gd name="connsiteX13" fmla="*/ 304818 w 850141"/>
                  <a:gd name="connsiteY13" fmla="*/ 314570 h 676518"/>
                  <a:gd name="connsiteX14" fmla="*/ 155593 w 850141"/>
                  <a:gd name="connsiteY14" fmla="*/ 262976 h 676518"/>
                  <a:gd name="connsiteX15" fmla="*/ 175437 w 850141"/>
                  <a:gd name="connsiteY15" fmla="*/ 162964 h 676518"/>
                  <a:gd name="connsiteX16" fmla="*/ 366730 w 850141"/>
                  <a:gd name="connsiteY16" fmla="*/ 201856 h 676518"/>
                  <a:gd name="connsiteX0" fmla="*/ 366730 w 850141"/>
                  <a:gd name="connsiteY0" fmla="*/ 201856 h 676518"/>
                  <a:gd name="connsiteX1" fmla="*/ 476268 w 850141"/>
                  <a:gd name="connsiteY1" fmla="*/ 79620 h 676518"/>
                  <a:gd name="connsiteX2" fmla="*/ 588187 w 850141"/>
                  <a:gd name="connsiteY2" fmla="*/ 98670 h 676518"/>
                  <a:gd name="connsiteX3" fmla="*/ 619142 w 850141"/>
                  <a:gd name="connsiteY3" fmla="*/ 243 h 676518"/>
                  <a:gd name="connsiteX4" fmla="*/ 676292 w 850141"/>
                  <a:gd name="connsiteY4" fmla="*/ 243 h 676518"/>
                  <a:gd name="connsiteX5" fmla="*/ 838217 w 850141"/>
                  <a:gd name="connsiteY5" fmla="*/ 308218 h 676518"/>
                  <a:gd name="connsiteX6" fmla="*/ 765192 w 850141"/>
                  <a:gd name="connsiteY6" fmla="*/ 676518 h 676518"/>
                  <a:gd name="connsiteX7" fmla="*/ 565167 w 850141"/>
                  <a:gd name="connsiteY7" fmla="*/ 536819 h 676518"/>
                  <a:gd name="connsiteX8" fmla="*/ 536592 w 850141"/>
                  <a:gd name="connsiteY8" fmla="*/ 273295 h 676518"/>
                  <a:gd name="connsiteX9" fmla="*/ 428642 w 850141"/>
                  <a:gd name="connsiteY9" fmla="*/ 343145 h 676518"/>
                  <a:gd name="connsiteX10" fmla="*/ 223061 w 850141"/>
                  <a:gd name="connsiteY10" fmla="*/ 475701 h 676518"/>
                  <a:gd name="connsiteX11" fmla="*/ 812 w 850141"/>
                  <a:gd name="connsiteY11" fmla="*/ 478081 h 676518"/>
                  <a:gd name="connsiteX12" fmla="*/ 17 w 850141"/>
                  <a:gd name="connsiteY12" fmla="*/ 368545 h 676518"/>
                  <a:gd name="connsiteX13" fmla="*/ 304818 w 850141"/>
                  <a:gd name="connsiteY13" fmla="*/ 314570 h 676518"/>
                  <a:gd name="connsiteX14" fmla="*/ 153211 w 850141"/>
                  <a:gd name="connsiteY14" fmla="*/ 277264 h 676518"/>
                  <a:gd name="connsiteX15" fmla="*/ 175437 w 850141"/>
                  <a:gd name="connsiteY15" fmla="*/ 162964 h 676518"/>
                  <a:gd name="connsiteX16" fmla="*/ 366730 w 850141"/>
                  <a:gd name="connsiteY16" fmla="*/ 201856 h 676518"/>
                  <a:gd name="connsiteX0" fmla="*/ 366730 w 850141"/>
                  <a:gd name="connsiteY0" fmla="*/ 201856 h 676518"/>
                  <a:gd name="connsiteX1" fmla="*/ 476268 w 850141"/>
                  <a:gd name="connsiteY1" fmla="*/ 79620 h 676518"/>
                  <a:gd name="connsiteX2" fmla="*/ 588187 w 850141"/>
                  <a:gd name="connsiteY2" fmla="*/ 98670 h 676518"/>
                  <a:gd name="connsiteX3" fmla="*/ 619142 w 850141"/>
                  <a:gd name="connsiteY3" fmla="*/ 243 h 676518"/>
                  <a:gd name="connsiteX4" fmla="*/ 676292 w 850141"/>
                  <a:gd name="connsiteY4" fmla="*/ 243 h 676518"/>
                  <a:gd name="connsiteX5" fmla="*/ 838217 w 850141"/>
                  <a:gd name="connsiteY5" fmla="*/ 308218 h 676518"/>
                  <a:gd name="connsiteX6" fmla="*/ 765192 w 850141"/>
                  <a:gd name="connsiteY6" fmla="*/ 676518 h 676518"/>
                  <a:gd name="connsiteX7" fmla="*/ 565167 w 850141"/>
                  <a:gd name="connsiteY7" fmla="*/ 536819 h 676518"/>
                  <a:gd name="connsiteX8" fmla="*/ 536592 w 850141"/>
                  <a:gd name="connsiteY8" fmla="*/ 273295 h 676518"/>
                  <a:gd name="connsiteX9" fmla="*/ 428642 w 850141"/>
                  <a:gd name="connsiteY9" fmla="*/ 343145 h 676518"/>
                  <a:gd name="connsiteX10" fmla="*/ 223061 w 850141"/>
                  <a:gd name="connsiteY10" fmla="*/ 475701 h 676518"/>
                  <a:gd name="connsiteX11" fmla="*/ 812 w 850141"/>
                  <a:gd name="connsiteY11" fmla="*/ 478081 h 676518"/>
                  <a:gd name="connsiteX12" fmla="*/ 17 w 850141"/>
                  <a:gd name="connsiteY12" fmla="*/ 368545 h 676518"/>
                  <a:gd name="connsiteX13" fmla="*/ 304818 w 850141"/>
                  <a:gd name="connsiteY13" fmla="*/ 314570 h 676518"/>
                  <a:gd name="connsiteX14" fmla="*/ 153211 w 850141"/>
                  <a:gd name="connsiteY14" fmla="*/ 277264 h 676518"/>
                  <a:gd name="connsiteX15" fmla="*/ 175437 w 850141"/>
                  <a:gd name="connsiteY15" fmla="*/ 162964 h 676518"/>
                  <a:gd name="connsiteX16" fmla="*/ 366730 w 850141"/>
                  <a:gd name="connsiteY16" fmla="*/ 201856 h 676518"/>
                  <a:gd name="connsiteX0" fmla="*/ 366730 w 850141"/>
                  <a:gd name="connsiteY0" fmla="*/ 201856 h 676518"/>
                  <a:gd name="connsiteX1" fmla="*/ 476268 w 850141"/>
                  <a:gd name="connsiteY1" fmla="*/ 79620 h 676518"/>
                  <a:gd name="connsiteX2" fmla="*/ 583425 w 850141"/>
                  <a:gd name="connsiteY2" fmla="*/ 108195 h 676518"/>
                  <a:gd name="connsiteX3" fmla="*/ 619142 w 850141"/>
                  <a:gd name="connsiteY3" fmla="*/ 243 h 676518"/>
                  <a:gd name="connsiteX4" fmla="*/ 676292 w 850141"/>
                  <a:gd name="connsiteY4" fmla="*/ 243 h 676518"/>
                  <a:gd name="connsiteX5" fmla="*/ 838217 w 850141"/>
                  <a:gd name="connsiteY5" fmla="*/ 308218 h 676518"/>
                  <a:gd name="connsiteX6" fmla="*/ 765192 w 850141"/>
                  <a:gd name="connsiteY6" fmla="*/ 676518 h 676518"/>
                  <a:gd name="connsiteX7" fmla="*/ 565167 w 850141"/>
                  <a:gd name="connsiteY7" fmla="*/ 536819 h 676518"/>
                  <a:gd name="connsiteX8" fmla="*/ 536592 w 850141"/>
                  <a:gd name="connsiteY8" fmla="*/ 273295 h 676518"/>
                  <a:gd name="connsiteX9" fmla="*/ 428642 w 850141"/>
                  <a:gd name="connsiteY9" fmla="*/ 343145 h 676518"/>
                  <a:gd name="connsiteX10" fmla="*/ 223061 w 850141"/>
                  <a:gd name="connsiteY10" fmla="*/ 475701 h 676518"/>
                  <a:gd name="connsiteX11" fmla="*/ 812 w 850141"/>
                  <a:gd name="connsiteY11" fmla="*/ 478081 h 676518"/>
                  <a:gd name="connsiteX12" fmla="*/ 17 w 850141"/>
                  <a:gd name="connsiteY12" fmla="*/ 368545 h 676518"/>
                  <a:gd name="connsiteX13" fmla="*/ 304818 w 850141"/>
                  <a:gd name="connsiteY13" fmla="*/ 314570 h 676518"/>
                  <a:gd name="connsiteX14" fmla="*/ 153211 w 850141"/>
                  <a:gd name="connsiteY14" fmla="*/ 277264 h 676518"/>
                  <a:gd name="connsiteX15" fmla="*/ 175437 w 850141"/>
                  <a:gd name="connsiteY15" fmla="*/ 162964 h 676518"/>
                  <a:gd name="connsiteX16" fmla="*/ 366730 w 850141"/>
                  <a:gd name="connsiteY16" fmla="*/ 201856 h 676518"/>
                  <a:gd name="connsiteX0" fmla="*/ 366730 w 850141"/>
                  <a:gd name="connsiteY0" fmla="*/ 201856 h 676518"/>
                  <a:gd name="connsiteX1" fmla="*/ 476268 w 850141"/>
                  <a:gd name="connsiteY1" fmla="*/ 79620 h 676518"/>
                  <a:gd name="connsiteX2" fmla="*/ 583425 w 850141"/>
                  <a:gd name="connsiteY2" fmla="*/ 108195 h 676518"/>
                  <a:gd name="connsiteX3" fmla="*/ 619142 w 850141"/>
                  <a:gd name="connsiteY3" fmla="*/ 243 h 676518"/>
                  <a:gd name="connsiteX4" fmla="*/ 676292 w 850141"/>
                  <a:gd name="connsiteY4" fmla="*/ 243 h 676518"/>
                  <a:gd name="connsiteX5" fmla="*/ 838217 w 850141"/>
                  <a:gd name="connsiteY5" fmla="*/ 308218 h 676518"/>
                  <a:gd name="connsiteX6" fmla="*/ 765192 w 850141"/>
                  <a:gd name="connsiteY6" fmla="*/ 676518 h 676518"/>
                  <a:gd name="connsiteX7" fmla="*/ 565167 w 850141"/>
                  <a:gd name="connsiteY7" fmla="*/ 536819 h 676518"/>
                  <a:gd name="connsiteX8" fmla="*/ 536592 w 850141"/>
                  <a:gd name="connsiteY8" fmla="*/ 273295 h 676518"/>
                  <a:gd name="connsiteX9" fmla="*/ 428642 w 850141"/>
                  <a:gd name="connsiteY9" fmla="*/ 343145 h 676518"/>
                  <a:gd name="connsiteX10" fmla="*/ 223061 w 850141"/>
                  <a:gd name="connsiteY10" fmla="*/ 475701 h 676518"/>
                  <a:gd name="connsiteX11" fmla="*/ 812 w 850141"/>
                  <a:gd name="connsiteY11" fmla="*/ 478081 h 676518"/>
                  <a:gd name="connsiteX12" fmla="*/ 17 w 850141"/>
                  <a:gd name="connsiteY12" fmla="*/ 368545 h 676518"/>
                  <a:gd name="connsiteX13" fmla="*/ 304818 w 850141"/>
                  <a:gd name="connsiteY13" fmla="*/ 314570 h 676518"/>
                  <a:gd name="connsiteX14" fmla="*/ 153211 w 850141"/>
                  <a:gd name="connsiteY14" fmla="*/ 277264 h 676518"/>
                  <a:gd name="connsiteX15" fmla="*/ 175437 w 850141"/>
                  <a:gd name="connsiteY15" fmla="*/ 162964 h 676518"/>
                  <a:gd name="connsiteX16" fmla="*/ 366730 w 850141"/>
                  <a:gd name="connsiteY16" fmla="*/ 201856 h 676518"/>
                  <a:gd name="connsiteX0" fmla="*/ 366730 w 850141"/>
                  <a:gd name="connsiteY0" fmla="*/ 201856 h 676518"/>
                  <a:gd name="connsiteX1" fmla="*/ 476268 w 850141"/>
                  <a:gd name="connsiteY1" fmla="*/ 79620 h 676518"/>
                  <a:gd name="connsiteX2" fmla="*/ 585806 w 850141"/>
                  <a:gd name="connsiteY2" fmla="*/ 93908 h 676518"/>
                  <a:gd name="connsiteX3" fmla="*/ 619142 w 850141"/>
                  <a:gd name="connsiteY3" fmla="*/ 243 h 676518"/>
                  <a:gd name="connsiteX4" fmla="*/ 676292 w 850141"/>
                  <a:gd name="connsiteY4" fmla="*/ 243 h 676518"/>
                  <a:gd name="connsiteX5" fmla="*/ 838217 w 850141"/>
                  <a:gd name="connsiteY5" fmla="*/ 308218 h 676518"/>
                  <a:gd name="connsiteX6" fmla="*/ 765192 w 850141"/>
                  <a:gd name="connsiteY6" fmla="*/ 676518 h 676518"/>
                  <a:gd name="connsiteX7" fmla="*/ 565167 w 850141"/>
                  <a:gd name="connsiteY7" fmla="*/ 536819 h 676518"/>
                  <a:gd name="connsiteX8" fmla="*/ 536592 w 850141"/>
                  <a:gd name="connsiteY8" fmla="*/ 273295 h 676518"/>
                  <a:gd name="connsiteX9" fmla="*/ 428642 w 850141"/>
                  <a:gd name="connsiteY9" fmla="*/ 343145 h 676518"/>
                  <a:gd name="connsiteX10" fmla="*/ 223061 w 850141"/>
                  <a:gd name="connsiteY10" fmla="*/ 475701 h 676518"/>
                  <a:gd name="connsiteX11" fmla="*/ 812 w 850141"/>
                  <a:gd name="connsiteY11" fmla="*/ 478081 h 676518"/>
                  <a:gd name="connsiteX12" fmla="*/ 17 w 850141"/>
                  <a:gd name="connsiteY12" fmla="*/ 368545 h 676518"/>
                  <a:gd name="connsiteX13" fmla="*/ 304818 w 850141"/>
                  <a:gd name="connsiteY13" fmla="*/ 314570 h 676518"/>
                  <a:gd name="connsiteX14" fmla="*/ 153211 w 850141"/>
                  <a:gd name="connsiteY14" fmla="*/ 277264 h 676518"/>
                  <a:gd name="connsiteX15" fmla="*/ 175437 w 850141"/>
                  <a:gd name="connsiteY15" fmla="*/ 162964 h 676518"/>
                  <a:gd name="connsiteX16" fmla="*/ 366730 w 850141"/>
                  <a:gd name="connsiteY16" fmla="*/ 201856 h 676518"/>
                  <a:gd name="connsiteX0" fmla="*/ 366730 w 850141"/>
                  <a:gd name="connsiteY0" fmla="*/ 201856 h 676518"/>
                  <a:gd name="connsiteX1" fmla="*/ 476268 w 850141"/>
                  <a:gd name="connsiteY1" fmla="*/ 79620 h 676518"/>
                  <a:gd name="connsiteX2" fmla="*/ 585806 w 850141"/>
                  <a:gd name="connsiteY2" fmla="*/ 93908 h 676518"/>
                  <a:gd name="connsiteX3" fmla="*/ 619142 w 850141"/>
                  <a:gd name="connsiteY3" fmla="*/ 243 h 676518"/>
                  <a:gd name="connsiteX4" fmla="*/ 676292 w 850141"/>
                  <a:gd name="connsiteY4" fmla="*/ 243 h 676518"/>
                  <a:gd name="connsiteX5" fmla="*/ 838217 w 850141"/>
                  <a:gd name="connsiteY5" fmla="*/ 308218 h 676518"/>
                  <a:gd name="connsiteX6" fmla="*/ 765192 w 850141"/>
                  <a:gd name="connsiteY6" fmla="*/ 676518 h 676518"/>
                  <a:gd name="connsiteX7" fmla="*/ 565167 w 850141"/>
                  <a:gd name="connsiteY7" fmla="*/ 536819 h 676518"/>
                  <a:gd name="connsiteX8" fmla="*/ 536592 w 850141"/>
                  <a:gd name="connsiteY8" fmla="*/ 273295 h 676518"/>
                  <a:gd name="connsiteX9" fmla="*/ 428642 w 850141"/>
                  <a:gd name="connsiteY9" fmla="*/ 343145 h 676518"/>
                  <a:gd name="connsiteX10" fmla="*/ 223061 w 850141"/>
                  <a:gd name="connsiteY10" fmla="*/ 475701 h 676518"/>
                  <a:gd name="connsiteX11" fmla="*/ 812 w 850141"/>
                  <a:gd name="connsiteY11" fmla="*/ 478081 h 676518"/>
                  <a:gd name="connsiteX12" fmla="*/ 17 w 850141"/>
                  <a:gd name="connsiteY12" fmla="*/ 368545 h 676518"/>
                  <a:gd name="connsiteX13" fmla="*/ 304818 w 850141"/>
                  <a:gd name="connsiteY13" fmla="*/ 314570 h 676518"/>
                  <a:gd name="connsiteX14" fmla="*/ 153211 w 850141"/>
                  <a:gd name="connsiteY14" fmla="*/ 277264 h 676518"/>
                  <a:gd name="connsiteX15" fmla="*/ 175437 w 850141"/>
                  <a:gd name="connsiteY15" fmla="*/ 162964 h 676518"/>
                  <a:gd name="connsiteX16" fmla="*/ 366730 w 850141"/>
                  <a:gd name="connsiteY16" fmla="*/ 201856 h 676518"/>
                  <a:gd name="connsiteX0" fmla="*/ 366730 w 850141"/>
                  <a:gd name="connsiteY0" fmla="*/ 201856 h 676518"/>
                  <a:gd name="connsiteX1" fmla="*/ 485793 w 850141"/>
                  <a:gd name="connsiteY1" fmla="*/ 72476 h 676518"/>
                  <a:gd name="connsiteX2" fmla="*/ 585806 w 850141"/>
                  <a:gd name="connsiteY2" fmla="*/ 93908 h 676518"/>
                  <a:gd name="connsiteX3" fmla="*/ 619142 w 850141"/>
                  <a:gd name="connsiteY3" fmla="*/ 243 h 676518"/>
                  <a:gd name="connsiteX4" fmla="*/ 676292 w 850141"/>
                  <a:gd name="connsiteY4" fmla="*/ 243 h 676518"/>
                  <a:gd name="connsiteX5" fmla="*/ 838217 w 850141"/>
                  <a:gd name="connsiteY5" fmla="*/ 308218 h 676518"/>
                  <a:gd name="connsiteX6" fmla="*/ 765192 w 850141"/>
                  <a:gd name="connsiteY6" fmla="*/ 676518 h 676518"/>
                  <a:gd name="connsiteX7" fmla="*/ 565167 w 850141"/>
                  <a:gd name="connsiteY7" fmla="*/ 536819 h 676518"/>
                  <a:gd name="connsiteX8" fmla="*/ 536592 w 850141"/>
                  <a:gd name="connsiteY8" fmla="*/ 273295 h 676518"/>
                  <a:gd name="connsiteX9" fmla="*/ 428642 w 850141"/>
                  <a:gd name="connsiteY9" fmla="*/ 343145 h 676518"/>
                  <a:gd name="connsiteX10" fmla="*/ 223061 w 850141"/>
                  <a:gd name="connsiteY10" fmla="*/ 475701 h 676518"/>
                  <a:gd name="connsiteX11" fmla="*/ 812 w 850141"/>
                  <a:gd name="connsiteY11" fmla="*/ 478081 h 676518"/>
                  <a:gd name="connsiteX12" fmla="*/ 17 w 850141"/>
                  <a:gd name="connsiteY12" fmla="*/ 368545 h 676518"/>
                  <a:gd name="connsiteX13" fmla="*/ 304818 w 850141"/>
                  <a:gd name="connsiteY13" fmla="*/ 314570 h 676518"/>
                  <a:gd name="connsiteX14" fmla="*/ 153211 w 850141"/>
                  <a:gd name="connsiteY14" fmla="*/ 277264 h 676518"/>
                  <a:gd name="connsiteX15" fmla="*/ 175437 w 850141"/>
                  <a:gd name="connsiteY15" fmla="*/ 162964 h 676518"/>
                  <a:gd name="connsiteX16" fmla="*/ 366730 w 850141"/>
                  <a:gd name="connsiteY16" fmla="*/ 201856 h 676518"/>
                  <a:gd name="connsiteX0" fmla="*/ 366730 w 850141"/>
                  <a:gd name="connsiteY0" fmla="*/ 201856 h 676518"/>
                  <a:gd name="connsiteX1" fmla="*/ 485793 w 850141"/>
                  <a:gd name="connsiteY1" fmla="*/ 72476 h 676518"/>
                  <a:gd name="connsiteX2" fmla="*/ 585806 w 850141"/>
                  <a:gd name="connsiteY2" fmla="*/ 93908 h 676518"/>
                  <a:gd name="connsiteX3" fmla="*/ 619142 w 850141"/>
                  <a:gd name="connsiteY3" fmla="*/ 243 h 676518"/>
                  <a:gd name="connsiteX4" fmla="*/ 676292 w 850141"/>
                  <a:gd name="connsiteY4" fmla="*/ 243 h 676518"/>
                  <a:gd name="connsiteX5" fmla="*/ 838217 w 850141"/>
                  <a:gd name="connsiteY5" fmla="*/ 308218 h 676518"/>
                  <a:gd name="connsiteX6" fmla="*/ 765192 w 850141"/>
                  <a:gd name="connsiteY6" fmla="*/ 676518 h 676518"/>
                  <a:gd name="connsiteX7" fmla="*/ 565167 w 850141"/>
                  <a:gd name="connsiteY7" fmla="*/ 536819 h 676518"/>
                  <a:gd name="connsiteX8" fmla="*/ 536592 w 850141"/>
                  <a:gd name="connsiteY8" fmla="*/ 273295 h 676518"/>
                  <a:gd name="connsiteX9" fmla="*/ 428642 w 850141"/>
                  <a:gd name="connsiteY9" fmla="*/ 343145 h 676518"/>
                  <a:gd name="connsiteX10" fmla="*/ 223061 w 850141"/>
                  <a:gd name="connsiteY10" fmla="*/ 475701 h 676518"/>
                  <a:gd name="connsiteX11" fmla="*/ 812 w 850141"/>
                  <a:gd name="connsiteY11" fmla="*/ 478081 h 676518"/>
                  <a:gd name="connsiteX12" fmla="*/ 17 w 850141"/>
                  <a:gd name="connsiteY12" fmla="*/ 368545 h 676518"/>
                  <a:gd name="connsiteX13" fmla="*/ 304818 w 850141"/>
                  <a:gd name="connsiteY13" fmla="*/ 314570 h 676518"/>
                  <a:gd name="connsiteX14" fmla="*/ 153211 w 850141"/>
                  <a:gd name="connsiteY14" fmla="*/ 277264 h 676518"/>
                  <a:gd name="connsiteX15" fmla="*/ 175437 w 850141"/>
                  <a:gd name="connsiteY15" fmla="*/ 162964 h 676518"/>
                  <a:gd name="connsiteX16" fmla="*/ 366730 w 850141"/>
                  <a:gd name="connsiteY16" fmla="*/ 201856 h 676518"/>
                  <a:gd name="connsiteX0" fmla="*/ 366730 w 850141"/>
                  <a:gd name="connsiteY0" fmla="*/ 201856 h 676518"/>
                  <a:gd name="connsiteX1" fmla="*/ 485793 w 850141"/>
                  <a:gd name="connsiteY1" fmla="*/ 72476 h 676518"/>
                  <a:gd name="connsiteX2" fmla="*/ 585806 w 850141"/>
                  <a:gd name="connsiteY2" fmla="*/ 93908 h 676518"/>
                  <a:gd name="connsiteX3" fmla="*/ 619142 w 850141"/>
                  <a:gd name="connsiteY3" fmla="*/ 243 h 676518"/>
                  <a:gd name="connsiteX4" fmla="*/ 676292 w 850141"/>
                  <a:gd name="connsiteY4" fmla="*/ 243 h 676518"/>
                  <a:gd name="connsiteX5" fmla="*/ 838217 w 850141"/>
                  <a:gd name="connsiteY5" fmla="*/ 308218 h 676518"/>
                  <a:gd name="connsiteX6" fmla="*/ 765192 w 850141"/>
                  <a:gd name="connsiteY6" fmla="*/ 676518 h 676518"/>
                  <a:gd name="connsiteX7" fmla="*/ 565167 w 850141"/>
                  <a:gd name="connsiteY7" fmla="*/ 536819 h 676518"/>
                  <a:gd name="connsiteX8" fmla="*/ 536592 w 850141"/>
                  <a:gd name="connsiteY8" fmla="*/ 273295 h 676518"/>
                  <a:gd name="connsiteX9" fmla="*/ 428642 w 850141"/>
                  <a:gd name="connsiteY9" fmla="*/ 343145 h 676518"/>
                  <a:gd name="connsiteX10" fmla="*/ 223061 w 850141"/>
                  <a:gd name="connsiteY10" fmla="*/ 475701 h 676518"/>
                  <a:gd name="connsiteX11" fmla="*/ 812 w 850141"/>
                  <a:gd name="connsiteY11" fmla="*/ 478081 h 676518"/>
                  <a:gd name="connsiteX12" fmla="*/ 17 w 850141"/>
                  <a:gd name="connsiteY12" fmla="*/ 368545 h 676518"/>
                  <a:gd name="connsiteX13" fmla="*/ 304818 w 850141"/>
                  <a:gd name="connsiteY13" fmla="*/ 314570 h 676518"/>
                  <a:gd name="connsiteX14" fmla="*/ 153211 w 850141"/>
                  <a:gd name="connsiteY14" fmla="*/ 277264 h 676518"/>
                  <a:gd name="connsiteX15" fmla="*/ 175437 w 850141"/>
                  <a:gd name="connsiteY15" fmla="*/ 162964 h 676518"/>
                  <a:gd name="connsiteX16" fmla="*/ 366730 w 850141"/>
                  <a:gd name="connsiteY16" fmla="*/ 201856 h 676518"/>
                  <a:gd name="connsiteX0" fmla="*/ 366730 w 850141"/>
                  <a:gd name="connsiteY0" fmla="*/ 201856 h 676518"/>
                  <a:gd name="connsiteX1" fmla="*/ 485793 w 850141"/>
                  <a:gd name="connsiteY1" fmla="*/ 72476 h 676518"/>
                  <a:gd name="connsiteX2" fmla="*/ 585806 w 850141"/>
                  <a:gd name="connsiteY2" fmla="*/ 93908 h 676518"/>
                  <a:gd name="connsiteX3" fmla="*/ 619142 w 850141"/>
                  <a:gd name="connsiteY3" fmla="*/ 243 h 676518"/>
                  <a:gd name="connsiteX4" fmla="*/ 676292 w 850141"/>
                  <a:gd name="connsiteY4" fmla="*/ 243 h 676518"/>
                  <a:gd name="connsiteX5" fmla="*/ 838217 w 850141"/>
                  <a:gd name="connsiteY5" fmla="*/ 308218 h 676518"/>
                  <a:gd name="connsiteX6" fmla="*/ 765192 w 850141"/>
                  <a:gd name="connsiteY6" fmla="*/ 676518 h 676518"/>
                  <a:gd name="connsiteX7" fmla="*/ 565167 w 850141"/>
                  <a:gd name="connsiteY7" fmla="*/ 536819 h 676518"/>
                  <a:gd name="connsiteX8" fmla="*/ 536592 w 850141"/>
                  <a:gd name="connsiteY8" fmla="*/ 273295 h 676518"/>
                  <a:gd name="connsiteX9" fmla="*/ 428642 w 850141"/>
                  <a:gd name="connsiteY9" fmla="*/ 343145 h 676518"/>
                  <a:gd name="connsiteX10" fmla="*/ 223061 w 850141"/>
                  <a:gd name="connsiteY10" fmla="*/ 475701 h 676518"/>
                  <a:gd name="connsiteX11" fmla="*/ 812 w 850141"/>
                  <a:gd name="connsiteY11" fmla="*/ 478081 h 676518"/>
                  <a:gd name="connsiteX12" fmla="*/ 17 w 850141"/>
                  <a:gd name="connsiteY12" fmla="*/ 368545 h 676518"/>
                  <a:gd name="connsiteX13" fmla="*/ 304818 w 850141"/>
                  <a:gd name="connsiteY13" fmla="*/ 314570 h 676518"/>
                  <a:gd name="connsiteX14" fmla="*/ 153211 w 850141"/>
                  <a:gd name="connsiteY14" fmla="*/ 277264 h 676518"/>
                  <a:gd name="connsiteX15" fmla="*/ 175437 w 850141"/>
                  <a:gd name="connsiteY15" fmla="*/ 162964 h 676518"/>
                  <a:gd name="connsiteX16" fmla="*/ 366730 w 850141"/>
                  <a:gd name="connsiteY16" fmla="*/ 201856 h 676518"/>
                  <a:gd name="connsiteX0" fmla="*/ 366730 w 850141"/>
                  <a:gd name="connsiteY0" fmla="*/ 201856 h 676518"/>
                  <a:gd name="connsiteX1" fmla="*/ 485793 w 850141"/>
                  <a:gd name="connsiteY1" fmla="*/ 72476 h 676518"/>
                  <a:gd name="connsiteX2" fmla="*/ 585806 w 850141"/>
                  <a:gd name="connsiteY2" fmla="*/ 93908 h 676518"/>
                  <a:gd name="connsiteX3" fmla="*/ 619142 w 850141"/>
                  <a:gd name="connsiteY3" fmla="*/ 243 h 676518"/>
                  <a:gd name="connsiteX4" fmla="*/ 676292 w 850141"/>
                  <a:gd name="connsiteY4" fmla="*/ 243 h 676518"/>
                  <a:gd name="connsiteX5" fmla="*/ 838217 w 850141"/>
                  <a:gd name="connsiteY5" fmla="*/ 308218 h 676518"/>
                  <a:gd name="connsiteX6" fmla="*/ 765192 w 850141"/>
                  <a:gd name="connsiteY6" fmla="*/ 676518 h 676518"/>
                  <a:gd name="connsiteX7" fmla="*/ 565167 w 850141"/>
                  <a:gd name="connsiteY7" fmla="*/ 536819 h 676518"/>
                  <a:gd name="connsiteX8" fmla="*/ 536592 w 850141"/>
                  <a:gd name="connsiteY8" fmla="*/ 273295 h 676518"/>
                  <a:gd name="connsiteX9" fmla="*/ 428642 w 850141"/>
                  <a:gd name="connsiteY9" fmla="*/ 343145 h 676518"/>
                  <a:gd name="connsiteX10" fmla="*/ 223061 w 850141"/>
                  <a:gd name="connsiteY10" fmla="*/ 475701 h 676518"/>
                  <a:gd name="connsiteX11" fmla="*/ 812 w 850141"/>
                  <a:gd name="connsiteY11" fmla="*/ 478081 h 676518"/>
                  <a:gd name="connsiteX12" fmla="*/ 17 w 850141"/>
                  <a:gd name="connsiteY12" fmla="*/ 368545 h 676518"/>
                  <a:gd name="connsiteX13" fmla="*/ 304818 w 850141"/>
                  <a:gd name="connsiteY13" fmla="*/ 314570 h 676518"/>
                  <a:gd name="connsiteX14" fmla="*/ 153211 w 850141"/>
                  <a:gd name="connsiteY14" fmla="*/ 277264 h 676518"/>
                  <a:gd name="connsiteX15" fmla="*/ 175437 w 850141"/>
                  <a:gd name="connsiteY15" fmla="*/ 162964 h 676518"/>
                  <a:gd name="connsiteX16" fmla="*/ 366730 w 850141"/>
                  <a:gd name="connsiteY16" fmla="*/ 201856 h 676518"/>
                  <a:gd name="connsiteX0" fmla="*/ 366730 w 850141"/>
                  <a:gd name="connsiteY0" fmla="*/ 201856 h 676518"/>
                  <a:gd name="connsiteX1" fmla="*/ 485793 w 850141"/>
                  <a:gd name="connsiteY1" fmla="*/ 72476 h 676518"/>
                  <a:gd name="connsiteX2" fmla="*/ 585806 w 850141"/>
                  <a:gd name="connsiteY2" fmla="*/ 93908 h 676518"/>
                  <a:gd name="connsiteX3" fmla="*/ 619142 w 850141"/>
                  <a:gd name="connsiteY3" fmla="*/ 243 h 676518"/>
                  <a:gd name="connsiteX4" fmla="*/ 676292 w 850141"/>
                  <a:gd name="connsiteY4" fmla="*/ 243 h 676518"/>
                  <a:gd name="connsiteX5" fmla="*/ 838217 w 850141"/>
                  <a:gd name="connsiteY5" fmla="*/ 308218 h 676518"/>
                  <a:gd name="connsiteX6" fmla="*/ 765192 w 850141"/>
                  <a:gd name="connsiteY6" fmla="*/ 676518 h 676518"/>
                  <a:gd name="connsiteX7" fmla="*/ 565167 w 850141"/>
                  <a:gd name="connsiteY7" fmla="*/ 536819 h 676518"/>
                  <a:gd name="connsiteX8" fmla="*/ 536592 w 850141"/>
                  <a:gd name="connsiteY8" fmla="*/ 273295 h 676518"/>
                  <a:gd name="connsiteX9" fmla="*/ 428642 w 850141"/>
                  <a:gd name="connsiteY9" fmla="*/ 343145 h 676518"/>
                  <a:gd name="connsiteX10" fmla="*/ 234967 w 850141"/>
                  <a:gd name="connsiteY10" fmla="*/ 480463 h 676518"/>
                  <a:gd name="connsiteX11" fmla="*/ 812 w 850141"/>
                  <a:gd name="connsiteY11" fmla="*/ 478081 h 676518"/>
                  <a:gd name="connsiteX12" fmla="*/ 17 w 850141"/>
                  <a:gd name="connsiteY12" fmla="*/ 368545 h 676518"/>
                  <a:gd name="connsiteX13" fmla="*/ 304818 w 850141"/>
                  <a:gd name="connsiteY13" fmla="*/ 314570 h 676518"/>
                  <a:gd name="connsiteX14" fmla="*/ 153211 w 850141"/>
                  <a:gd name="connsiteY14" fmla="*/ 277264 h 676518"/>
                  <a:gd name="connsiteX15" fmla="*/ 175437 w 850141"/>
                  <a:gd name="connsiteY15" fmla="*/ 162964 h 676518"/>
                  <a:gd name="connsiteX16" fmla="*/ 366730 w 850141"/>
                  <a:gd name="connsiteY16" fmla="*/ 201856 h 676518"/>
                  <a:gd name="connsiteX0" fmla="*/ 366730 w 850141"/>
                  <a:gd name="connsiteY0" fmla="*/ 201613 h 676275"/>
                  <a:gd name="connsiteX1" fmla="*/ 485793 w 850141"/>
                  <a:gd name="connsiteY1" fmla="*/ 72233 h 676275"/>
                  <a:gd name="connsiteX2" fmla="*/ 585806 w 850141"/>
                  <a:gd name="connsiteY2" fmla="*/ 93665 h 676275"/>
                  <a:gd name="connsiteX3" fmla="*/ 619142 w 850141"/>
                  <a:gd name="connsiteY3" fmla="*/ 0 h 676275"/>
                  <a:gd name="connsiteX4" fmla="*/ 687799 w 850141"/>
                  <a:gd name="connsiteY4" fmla="*/ 9715 h 676275"/>
                  <a:gd name="connsiteX5" fmla="*/ 838217 w 850141"/>
                  <a:gd name="connsiteY5" fmla="*/ 307975 h 676275"/>
                  <a:gd name="connsiteX6" fmla="*/ 765192 w 850141"/>
                  <a:gd name="connsiteY6" fmla="*/ 676275 h 676275"/>
                  <a:gd name="connsiteX7" fmla="*/ 565167 w 850141"/>
                  <a:gd name="connsiteY7" fmla="*/ 536576 h 676275"/>
                  <a:gd name="connsiteX8" fmla="*/ 536592 w 850141"/>
                  <a:gd name="connsiteY8" fmla="*/ 273052 h 676275"/>
                  <a:gd name="connsiteX9" fmla="*/ 428642 w 850141"/>
                  <a:gd name="connsiteY9" fmla="*/ 342902 h 676275"/>
                  <a:gd name="connsiteX10" fmla="*/ 234967 w 850141"/>
                  <a:gd name="connsiteY10" fmla="*/ 480220 h 676275"/>
                  <a:gd name="connsiteX11" fmla="*/ 812 w 850141"/>
                  <a:gd name="connsiteY11" fmla="*/ 477838 h 676275"/>
                  <a:gd name="connsiteX12" fmla="*/ 17 w 850141"/>
                  <a:gd name="connsiteY12" fmla="*/ 368302 h 676275"/>
                  <a:gd name="connsiteX13" fmla="*/ 304818 w 850141"/>
                  <a:gd name="connsiteY13" fmla="*/ 314327 h 676275"/>
                  <a:gd name="connsiteX14" fmla="*/ 153211 w 850141"/>
                  <a:gd name="connsiteY14" fmla="*/ 277021 h 676275"/>
                  <a:gd name="connsiteX15" fmla="*/ 175437 w 850141"/>
                  <a:gd name="connsiteY15" fmla="*/ 162721 h 676275"/>
                  <a:gd name="connsiteX16" fmla="*/ 366730 w 850141"/>
                  <a:gd name="connsiteY16" fmla="*/ 201613 h 676275"/>
                  <a:gd name="connsiteX0" fmla="*/ 366730 w 861013"/>
                  <a:gd name="connsiteY0" fmla="*/ 201613 h 676275"/>
                  <a:gd name="connsiteX1" fmla="*/ 485793 w 861013"/>
                  <a:gd name="connsiteY1" fmla="*/ 72233 h 676275"/>
                  <a:gd name="connsiteX2" fmla="*/ 585806 w 861013"/>
                  <a:gd name="connsiteY2" fmla="*/ 93665 h 676275"/>
                  <a:gd name="connsiteX3" fmla="*/ 619142 w 861013"/>
                  <a:gd name="connsiteY3" fmla="*/ 0 h 676275"/>
                  <a:gd name="connsiteX4" fmla="*/ 687799 w 861013"/>
                  <a:gd name="connsiteY4" fmla="*/ 9715 h 676275"/>
                  <a:gd name="connsiteX5" fmla="*/ 850158 w 861013"/>
                  <a:gd name="connsiteY5" fmla="*/ 310173 h 676275"/>
                  <a:gd name="connsiteX6" fmla="*/ 765192 w 861013"/>
                  <a:gd name="connsiteY6" fmla="*/ 676275 h 676275"/>
                  <a:gd name="connsiteX7" fmla="*/ 565167 w 861013"/>
                  <a:gd name="connsiteY7" fmla="*/ 536576 h 676275"/>
                  <a:gd name="connsiteX8" fmla="*/ 536592 w 861013"/>
                  <a:gd name="connsiteY8" fmla="*/ 273052 h 676275"/>
                  <a:gd name="connsiteX9" fmla="*/ 428642 w 861013"/>
                  <a:gd name="connsiteY9" fmla="*/ 342902 h 676275"/>
                  <a:gd name="connsiteX10" fmla="*/ 234967 w 861013"/>
                  <a:gd name="connsiteY10" fmla="*/ 480220 h 676275"/>
                  <a:gd name="connsiteX11" fmla="*/ 812 w 861013"/>
                  <a:gd name="connsiteY11" fmla="*/ 477838 h 676275"/>
                  <a:gd name="connsiteX12" fmla="*/ 17 w 861013"/>
                  <a:gd name="connsiteY12" fmla="*/ 368302 h 676275"/>
                  <a:gd name="connsiteX13" fmla="*/ 304818 w 861013"/>
                  <a:gd name="connsiteY13" fmla="*/ 314327 h 676275"/>
                  <a:gd name="connsiteX14" fmla="*/ 153211 w 861013"/>
                  <a:gd name="connsiteY14" fmla="*/ 277021 h 676275"/>
                  <a:gd name="connsiteX15" fmla="*/ 175437 w 861013"/>
                  <a:gd name="connsiteY15" fmla="*/ 162721 h 676275"/>
                  <a:gd name="connsiteX16" fmla="*/ 366730 w 861013"/>
                  <a:gd name="connsiteY16" fmla="*/ 201613 h 676275"/>
                  <a:gd name="connsiteX0" fmla="*/ 366730 w 861013"/>
                  <a:gd name="connsiteY0" fmla="*/ 201613 h 676275"/>
                  <a:gd name="connsiteX1" fmla="*/ 485793 w 861013"/>
                  <a:gd name="connsiteY1" fmla="*/ 72233 h 676275"/>
                  <a:gd name="connsiteX2" fmla="*/ 585806 w 861013"/>
                  <a:gd name="connsiteY2" fmla="*/ 93665 h 676275"/>
                  <a:gd name="connsiteX3" fmla="*/ 619142 w 861013"/>
                  <a:gd name="connsiteY3" fmla="*/ 0 h 676275"/>
                  <a:gd name="connsiteX4" fmla="*/ 687799 w 861013"/>
                  <a:gd name="connsiteY4" fmla="*/ 9715 h 676275"/>
                  <a:gd name="connsiteX5" fmla="*/ 850158 w 861013"/>
                  <a:gd name="connsiteY5" fmla="*/ 310173 h 676275"/>
                  <a:gd name="connsiteX6" fmla="*/ 765192 w 861013"/>
                  <a:gd name="connsiteY6" fmla="*/ 676275 h 676275"/>
                  <a:gd name="connsiteX7" fmla="*/ 565167 w 861013"/>
                  <a:gd name="connsiteY7" fmla="*/ 536576 h 676275"/>
                  <a:gd name="connsiteX8" fmla="*/ 536592 w 861013"/>
                  <a:gd name="connsiteY8" fmla="*/ 273052 h 676275"/>
                  <a:gd name="connsiteX9" fmla="*/ 428642 w 861013"/>
                  <a:gd name="connsiteY9" fmla="*/ 342902 h 676275"/>
                  <a:gd name="connsiteX10" fmla="*/ 234967 w 861013"/>
                  <a:gd name="connsiteY10" fmla="*/ 480220 h 676275"/>
                  <a:gd name="connsiteX11" fmla="*/ 812 w 861013"/>
                  <a:gd name="connsiteY11" fmla="*/ 477838 h 676275"/>
                  <a:gd name="connsiteX12" fmla="*/ 17 w 861013"/>
                  <a:gd name="connsiteY12" fmla="*/ 368302 h 676275"/>
                  <a:gd name="connsiteX13" fmla="*/ 304818 w 861013"/>
                  <a:gd name="connsiteY13" fmla="*/ 314327 h 676275"/>
                  <a:gd name="connsiteX14" fmla="*/ 153211 w 861013"/>
                  <a:gd name="connsiteY14" fmla="*/ 277021 h 676275"/>
                  <a:gd name="connsiteX15" fmla="*/ 175437 w 861013"/>
                  <a:gd name="connsiteY15" fmla="*/ 162721 h 676275"/>
                  <a:gd name="connsiteX16" fmla="*/ 366730 w 861013"/>
                  <a:gd name="connsiteY16" fmla="*/ 201613 h 676275"/>
                  <a:gd name="connsiteX0" fmla="*/ 366730 w 861013"/>
                  <a:gd name="connsiteY0" fmla="*/ 201613 h 676275"/>
                  <a:gd name="connsiteX1" fmla="*/ 490216 w 861013"/>
                  <a:gd name="connsiteY1" fmla="*/ 73997 h 676275"/>
                  <a:gd name="connsiteX2" fmla="*/ 585806 w 861013"/>
                  <a:gd name="connsiteY2" fmla="*/ 93665 h 676275"/>
                  <a:gd name="connsiteX3" fmla="*/ 619142 w 861013"/>
                  <a:gd name="connsiteY3" fmla="*/ 0 h 676275"/>
                  <a:gd name="connsiteX4" fmla="*/ 687799 w 861013"/>
                  <a:gd name="connsiteY4" fmla="*/ 9715 h 676275"/>
                  <a:gd name="connsiteX5" fmla="*/ 850158 w 861013"/>
                  <a:gd name="connsiteY5" fmla="*/ 310173 h 676275"/>
                  <a:gd name="connsiteX6" fmla="*/ 765192 w 861013"/>
                  <a:gd name="connsiteY6" fmla="*/ 676275 h 676275"/>
                  <a:gd name="connsiteX7" fmla="*/ 565167 w 861013"/>
                  <a:gd name="connsiteY7" fmla="*/ 536576 h 676275"/>
                  <a:gd name="connsiteX8" fmla="*/ 536592 w 861013"/>
                  <a:gd name="connsiteY8" fmla="*/ 273052 h 676275"/>
                  <a:gd name="connsiteX9" fmla="*/ 428642 w 861013"/>
                  <a:gd name="connsiteY9" fmla="*/ 342902 h 676275"/>
                  <a:gd name="connsiteX10" fmla="*/ 234967 w 861013"/>
                  <a:gd name="connsiteY10" fmla="*/ 480220 h 676275"/>
                  <a:gd name="connsiteX11" fmla="*/ 812 w 861013"/>
                  <a:gd name="connsiteY11" fmla="*/ 477838 h 676275"/>
                  <a:gd name="connsiteX12" fmla="*/ 17 w 861013"/>
                  <a:gd name="connsiteY12" fmla="*/ 368302 h 676275"/>
                  <a:gd name="connsiteX13" fmla="*/ 304818 w 861013"/>
                  <a:gd name="connsiteY13" fmla="*/ 314327 h 676275"/>
                  <a:gd name="connsiteX14" fmla="*/ 153211 w 861013"/>
                  <a:gd name="connsiteY14" fmla="*/ 277021 h 676275"/>
                  <a:gd name="connsiteX15" fmla="*/ 175437 w 861013"/>
                  <a:gd name="connsiteY15" fmla="*/ 162721 h 676275"/>
                  <a:gd name="connsiteX16" fmla="*/ 366730 w 861013"/>
                  <a:gd name="connsiteY16" fmla="*/ 201613 h 676275"/>
                  <a:gd name="connsiteX0" fmla="*/ 366730 w 861013"/>
                  <a:gd name="connsiteY0" fmla="*/ 201613 h 676275"/>
                  <a:gd name="connsiteX1" fmla="*/ 490216 w 861013"/>
                  <a:gd name="connsiteY1" fmla="*/ 73997 h 676275"/>
                  <a:gd name="connsiteX2" fmla="*/ 585806 w 861013"/>
                  <a:gd name="connsiteY2" fmla="*/ 93665 h 676275"/>
                  <a:gd name="connsiteX3" fmla="*/ 619142 w 861013"/>
                  <a:gd name="connsiteY3" fmla="*/ 0 h 676275"/>
                  <a:gd name="connsiteX4" fmla="*/ 687799 w 861013"/>
                  <a:gd name="connsiteY4" fmla="*/ 9715 h 676275"/>
                  <a:gd name="connsiteX5" fmla="*/ 850158 w 861013"/>
                  <a:gd name="connsiteY5" fmla="*/ 310173 h 676275"/>
                  <a:gd name="connsiteX6" fmla="*/ 765192 w 861013"/>
                  <a:gd name="connsiteY6" fmla="*/ 676275 h 676275"/>
                  <a:gd name="connsiteX7" fmla="*/ 565167 w 861013"/>
                  <a:gd name="connsiteY7" fmla="*/ 536576 h 676275"/>
                  <a:gd name="connsiteX8" fmla="*/ 536592 w 861013"/>
                  <a:gd name="connsiteY8" fmla="*/ 273052 h 676275"/>
                  <a:gd name="connsiteX9" fmla="*/ 428642 w 861013"/>
                  <a:gd name="connsiteY9" fmla="*/ 342902 h 676275"/>
                  <a:gd name="connsiteX10" fmla="*/ 234967 w 861013"/>
                  <a:gd name="connsiteY10" fmla="*/ 480220 h 676275"/>
                  <a:gd name="connsiteX11" fmla="*/ 812 w 861013"/>
                  <a:gd name="connsiteY11" fmla="*/ 477838 h 676275"/>
                  <a:gd name="connsiteX12" fmla="*/ 17 w 861013"/>
                  <a:gd name="connsiteY12" fmla="*/ 368302 h 676275"/>
                  <a:gd name="connsiteX13" fmla="*/ 304818 w 861013"/>
                  <a:gd name="connsiteY13" fmla="*/ 314327 h 676275"/>
                  <a:gd name="connsiteX14" fmla="*/ 153211 w 861013"/>
                  <a:gd name="connsiteY14" fmla="*/ 277021 h 676275"/>
                  <a:gd name="connsiteX15" fmla="*/ 175437 w 861013"/>
                  <a:gd name="connsiteY15" fmla="*/ 162721 h 676275"/>
                  <a:gd name="connsiteX16" fmla="*/ 366730 w 861013"/>
                  <a:gd name="connsiteY16" fmla="*/ 201613 h 676275"/>
                  <a:gd name="connsiteX0" fmla="*/ 366730 w 861013"/>
                  <a:gd name="connsiteY0" fmla="*/ 201613 h 676275"/>
                  <a:gd name="connsiteX1" fmla="*/ 490216 w 861013"/>
                  <a:gd name="connsiteY1" fmla="*/ 73997 h 676275"/>
                  <a:gd name="connsiteX2" fmla="*/ 585806 w 861013"/>
                  <a:gd name="connsiteY2" fmla="*/ 93665 h 676275"/>
                  <a:gd name="connsiteX3" fmla="*/ 619142 w 861013"/>
                  <a:gd name="connsiteY3" fmla="*/ 0 h 676275"/>
                  <a:gd name="connsiteX4" fmla="*/ 687799 w 861013"/>
                  <a:gd name="connsiteY4" fmla="*/ 9715 h 676275"/>
                  <a:gd name="connsiteX5" fmla="*/ 850158 w 861013"/>
                  <a:gd name="connsiteY5" fmla="*/ 310173 h 676275"/>
                  <a:gd name="connsiteX6" fmla="*/ 765192 w 861013"/>
                  <a:gd name="connsiteY6" fmla="*/ 676275 h 676275"/>
                  <a:gd name="connsiteX7" fmla="*/ 565167 w 861013"/>
                  <a:gd name="connsiteY7" fmla="*/ 536576 h 676275"/>
                  <a:gd name="connsiteX8" fmla="*/ 536592 w 861013"/>
                  <a:gd name="connsiteY8" fmla="*/ 273052 h 676275"/>
                  <a:gd name="connsiteX9" fmla="*/ 428642 w 861013"/>
                  <a:gd name="connsiteY9" fmla="*/ 342902 h 676275"/>
                  <a:gd name="connsiteX10" fmla="*/ 234967 w 861013"/>
                  <a:gd name="connsiteY10" fmla="*/ 480220 h 676275"/>
                  <a:gd name="connsiteX11" fmla="*/ 812 w 861013"/>
                  <a:gd name="connsiteY11" fmla="*/ 477838 h 676275"/>
                  <a:gd name="connsiteX12" fmla="*/ 17 w 861013"/>
                  <a:gd name="connsiteY12" fmla="*/ 368302 h 676275"/>
                  <a:gd name="connsiteX13" fmla="*/ 304818 w 861013"/>
                  <a:gd name="connsiteY13" fmla="*/ 314327 h 676275"/>
                  <a:gd name="connsiteX14" fmla="*/ 153211 w 861013"/>
                  <a:gd name="connsiteY14" fmla="*/ 277021 h 676275"/>
                  <a:gd name="connsiteX15" fmla="*/ 175437 w 861013"/>
                  <a:gd name="connsiteY15" fmla="*/ 162721 h 676275"/>
                  <a:gd name="connsiteX16" fmla="*/ 366730 w 861013"/>
                  <a:gd name="connsiteY16" fmla="*/ 201613 h 676275"/>
                  <a:gd name="connsiteX0" fmla="*/ 366730 w 861013"/>
                  <a:gd name="connsiteY0" fmla="*/ 201613 h 676275"/>
                  <a:gd name="connsiteX1" fmla="*/ 490216 w 861013"/>
                  <a:gd name="connsiteY1" fmla="*/ 73997 h 676275"/>
                  <a:gd name="connsiteX2" fmla="*/ 585806 w 861013"/>
                  <a:gd name="connsiteY2" fmla="*/ 93665 h 676275"/>
                  <a:gd name="connsiteX3" fmla="*/ 619142 w 861013"/>
                  <a:gd name="connsiteY3" fmla="*/ 0 h 676275"/>
                  <a:gd name="connsiteX4" fmla="*/ 687799 w 861013"/>
                  <a:gd name="connsiteY4" fmla="*/ 9715 h 676275"/>
                  <a:gd name="connsiteX5" fmla="*/ 850158 w 861013"/>
                  <a:gd name="connsiteY5" fmla="*/ 310173 h 676275"/>
                  <a:gd name="connsiteX6" fmla="*/ 765192 w 861013"/>
                  <a:gd name="connsiteY6" fmla="*/ 676275 h 676275"/>
                  <a:gd name="connsiteX7" fmla="*/ 565167 w 861013"/>
                  <a:gd name="connsiteY7" fmla="*/ 536576 h 676275"/>
                  <a:gd name="connsiteX8" fmla="*/ 536592 w 861013"/>
                  <a:gd name="connsiteY8" fmla="*/ 273052 h 676275"/>
                  <a:gd name="connsiteX9" fmla="*/ 428642 w 861013"/>
                  <a:gd name="connsiteY9" fmla="*/ 342902 h 676275"/>
                  <a:gd name="connsiteX10" fmla="*/ 234967 w 861013"/>
                  <a:gd name="connsiteY10" fmla="*/ 480220 h 676275"/>
                  <a:gd name="connsiteX11" fmla="*/ 812 w 861013"/>
                  <a:gd name="connsiteY11" fmla="*/ 477838 h 676275"/>
                  <a:gd name="connsiteX12" fmla="*/ 17 w 861013"/>
                  <a:gd name="connsiteY12" fmla="*/ 368302 h 676275"/>
                  <a:gd name="connsiteX13" fmla="*/ 304818 w 861013"/>
                  <a:gd name="connsiteY13" fmla="*/ 314327 h 676275"/>
                  <a:gd name="connsiteX14" fmla="*/ 153211 w 861013"/>
                  <a:gd name="connsiteY14" fmla="*/ 277021 h 676275"/>
                  <a:gd name="connsiteX15" fmla="*/ 175437 w 861013"/>
                  <a:gd name="connsiteY15" fmla="*/ 162721 h 676275"/>
                  <a:gd name="connsiteX16" fmla="*/ 366730 w 861013"/>
                  <a:gd name="connsiteY16" fmla="*/ 201613 h 676275"/>
                  <a:gd name="connsiteX0" fmla="*/ 366730 w 861013"/>
                  <a:gd name="connsiteY0" fmla="*/ 201613 h 676275"/>
                  <a:gd name="connsiteX1" fmla="*/ 490216 w 861013"/>
                  <a:gd name="connsiteY1" fmla="*/ 73997 h 676275"/>
                  <a:gd name="connsiteX2" fmla="*/ 585806 w 861013"/>
                  <a:gd name="connsiteY2" fmla="*/ 93665 h 676275"/>
                  <a:gd name="connsiteX3" fmla="*/ 619142 w 861013"/>
                  <a:gd name="connsiteY3" fmla="*/ 0 h 676275"/>
                  <a:gd name="connsiteX4" fmla="*/ 687799 w 861013"/>
                  <a:gd name="connsiteY4" fmla="*/ 9715 h 676275"/>
                  <a:gd name="connsiteX5" fmla="*/ 850158 w 861013"/>
                  <a:gd name="connsiteY5" fmla="*/ 310173 h 676275"/>
                  <a:gd name="connsiteX6" fmla="*/ 765192 w 861013"/>
                  <a:gd name="connsiteY6" fmla="*/ 676275 h 676275"/>
                  <a:gd name="connsiteX7" fmla="*/ 565167 w 861013"/>
                  <a:gd name="connsiteY7" fmla="*/ 536576 h 676275"/>
                  <a:gd name="connsiteX8" fmla="*/ 536592 w 861013"/>
                  <a:gd name="connsiteY8" fmla="*/ 273052 h 676275"/>
                  <a:gd name="connsiteX9" fmla="*/ 428642 w 861013"/>
                  <a:gd name="connsiteY9" fmla="*/ 342902 h 676275"/>
                  <a:gd name="connsiteX10" fmla="*/ 234967 w 861013"/>
                  <a:gd name="connsiteY10" fmla="*/ 480220 h 676275"/>
                  <a:gd name="connsiteX11" fmla="*/ 812 w 861013"/>
                  <a:gd name="connsiteY11" fmla="*/ 477838 h 676275"/>
                  <a:gd name="connsiteX12" fmla="*/ 17 w 861013"/>
                  <a:gd name="connsiteY12" fmla="*/ 368302 h 676275"/>
                  <a:gd name="connsiteX13" fmla="*/ 304818 w 861013"/>
                  <a:gd name="connsiteY13" fmla="*/ 314327 h 676275"/>
                  <a:gd name="connsiteX14" fmla="*/ 153211 w 861013"/>
                  <a:gd name="connsiteY14" fmla="*/ 277021 h 676275"/>
                  <a:gd name="connsiteX15" fmla="*/ 175437 w 861013"/>
                  <a:gd name="connsiteY15" fmla="*/ 162721 h 676275"/>
                  <a:gd name="connsiteX16" fmla="*/ 366730 w 861013"/>
                  <a:gd name="connsiteY16" fmla="*/ 201613 h 676275"/>
                  <a:gd name="connsiteX0" fmla="*/ 366730 w 861013"/>
                  <a:gd name="connsiteY0" fmla="*/ 201613 h 676275"/>
                  <a:gd name="connsiteX1" fmla="*/ 490216 w 861013"/>
                  <a:gd name="connsiteY1" fmla="*/ 73997 h 676275"/>
                  <a:gd name="connsiteX2" fmla="*/ 585806 w 861013"/>
                  <a:gd name="connsiteY2" fmla="*/ 93665 h 676275"/>
                  <a:gd name="connsiteX3" fmla="*/ 619142 w 861013"/>
                  <a:gd name="connsiteY3" fmla="*/ 0 h 676275"/>
                  <a:gd name="connsiteX4" fmla="*/ 687799 w 861013"/>
                  <a:gd name="connsiteY4" fmla="*/ 9715 h 676275"/>
                  <a:gd name="connsiteX5" fmla="*/ 850158 w 861013"/>
                  <a:gd name="connsiteY5" fmla="*/ 310173 h 676275"/>
                  <a:gd name="connsiteX6" fmla="*/ 765192 w 861013"/>
                  <a:gd name="connsiteY6" fmla="*/ 676275 h 676275"/>
                  <a:gd name="connsiteX7" fmla="*/ 565167 w 861013"/>
                  <a:gd name="connsiteY7" fmla="*/ 536576 h 676275"/>
                  <a:gd name="connsiteX8" fmla="*/ 536592 w 861013"/>
                  <a:gd name="connsiteY8" fmla="*/ 273052 h 676275"/>
                  <a:gd name="connsiteX9" fmla="*/ 428642 w 861013"/>
                  <a:gd name="connsiteY9" fmla="*/ 342902 h 676275"/>
                  <a:gd name="connsiteX10" fmla="*/ 234967 w 861013"/>
                  <a:gd name="connsiteY10" fmla="*/ 480220 h 676275"/>
                  <a:gd name="connsiteX11" fmla="*/ 812 w 861013"/>
                  <a:gd name="connsiteY11" fmla="*/ 477838 h 676275"/>
                  <a:gd name="connsiteX12" fmla="*/ 17 w 861013"/>
                  <a:gd name="connsiteY12" fmla="*/ 368302 h 676275"/>
                  <a:gd name="connsiteX13" fmla="*/ 304818 w 861013"/>
                  <a:gd name="connsiteY13" fmla="*/ 314327 h 676275"/>
                  <a:gd name="connsiteX14" fmla="*/ 153211 w 861013"/>
                  <a:gd name="connsiteY14" fmla="*/ 277021 h 676275"/>
                  <a:gd name="connsiteX15" fmla="*/ 175437 w 861013"/>
                  <a:gd name="connsiteY15" fmla="*/ 162721 h 676275"/>
                  <a:gd name="connsiteX16" fmla="*/ 366730 w 861013"/>
                  <a:gd name="connsiteY16" fmla="*/ 201613 h 676275"/>
                  <a:gd name="connsiteX0" fmla="*/ 366730 w 861013"/>
                  <a:gd name="connsiteY0" fmla="*/ 201613 h 676275"/>
                  <a:gd name="connsiteX1" fmla="*/ 490216 w 861013"/>
                  <a:gd name="connsiteY1" fmla="*/ 73997 h 676275"/>
                  <a:gd name="connsiteX2" fmla="*/ 585806 w 861013"/>
                  <a:gd name="connsiteY2" fmla="*/ 93665 h 676275"/>
                  <a:gd name="connsiteX3" fmla="*/ 619142 w 861013"/>
                  <a:gd name="connsiteY3" fmla="*/ 0 h 676275"/>
                  <a:gd name="connsiteX4" fmla="*/ 687799 w 861013"/>
                  <a:gd name="connsiteY4" fmla="*/ 9715 h 676275"/>
                  <a:gd name="connsiteX5" fmla="*/ 850158 w 861013"/>
                  <a:gd name="connsiteY5" fmla="*/ 310173 h 676275"/>
                  <a:gd name="connsiteX6" fmla="*/ 765192 w 861013"/>
                  <a:gd name="connsiteY6" fmla="*/ 676275 h 676275"/>
                  <a:gd name="connsiteX7" fmla="*/ 565167 w 861013"/>
                  <a:gd name="connsiteY7" fmla="*/ 536576 h 676275"/>
                  <a:gd name="connsiteX8" fmla="*/ 536592 w 861013"/>
                  <a:gd name="connsiteY8" fmla="*/ 273052 h 676275"/>
                  <a:gd name="connsiteX9" fmla="*/ 428642 w 861013"/>
                  <a:gd name="connsiteY9" fmla="*/ 342902 h 676275"/>
                  <a:gd name="connsiteX10" fmla="*/ 234967 w 861013"/>
                  <a:gd name="connsiteY10" fmla="*/ 480220 h 676275"/>
                  <a:gd name="connsiteX11" fmla="*/ 812 w 861013"/>
                  <a:gd name="connsiteY11" fmla="*/ 477838 h 676275"/>
                  <a:gd name="connsiteX12" fmla="*/ 17 w 861013"/>
                  <a:gd name="connsiteY12" fmla="*/ 368302 h 676275"/>
                  <a:gd name="connsiteX13" fmla="*/ 304818 w 861013"/>
                  <a:gd name="connsiteY13" fmla="*/ 314327 h 676275"/>
                  <a:gd name="connsiteX14" fmla="*/ 153211 w 861013"/>
                  <a:gd name="connsiteY14" fmla="*/ 277021 h 676275"/>
                  <a:gd name="connsiteX15" fmla="*/ 175437 w 861013"/>
                  <a:gd name="connsiteY15" fmla="*/ 162721 h 676275"/>
                  <a:gd name="connsiteX16" fmla="*/ 366730 w 861013"/>
                  <a:gd name="connsiteY16" fmla="*/ 201613 h 676275"/>
                  <a:gd name="connsiteX0" fmla="*/ 366730 w 861013"/>
                  <a:gd name="connsiteY0" fmla="*/ 201613 h 676275"/>
                  <a:gd name="connsiteX1" fmla="*/ 490216 w 861013"/>
                  <a:gd name="connsiteY1" fmla="*/ 73997 h 676275"/>
                  <a:gd name="connsiteX2" fmla="*/ 585806 w 861013"/>
                  <a:gd name="connsiteY2" fmla="*/ 93665 h 676275"/>
                  <a:gd name="connsiteX3" fmla="*/ 619142 w 861013"/>
                  <a:gd name="connsiteY3" fmla="*/ 0 h 676275"/>
                  <a:gd name="connsiteX4" fmla="*/ 687799 w 861013"/>
                  <a:gd name="connsiteY4" fmla="*/ 9715 h 676275"/>
                  <a:gd name="connsiteX5" fmla="*/ 850158 w 861013"/>
                  <a:gd name="connsiteY5" fmla="*/ 310173 h 676275"/>
                  <a:gd name="connsiteX6" fmla="*/ 765192 w 861013"/>
                  <a:gd name="connsiteY6" fmla="*/ 676275 h 676275"/>
                  <a:gd name="connsiteX7" fmla="*/ 556753 w 861013"/>
                  <a:gd name="connsiteY7" fmla="*/ 525531 h 676275"/>
                  <a:gd name="connsiteX8" fmla="*/ 536592 w 861013"/>
                  <a:gd name="connsiteY8" fmla="*/ 273052 h 676275"/>
                  <a:gd name="connsiteX9" fmla="*/ 428642 w 861013"/>
                  <a:gd name="connsiteY9" fmla="*/ 342902 h 676275"/>
                  <a:gd name="connsiteX10" fmla="*/ 234967 w 861013"/>
                  <a:gd name="connsiteY10" fmla="*/ 480220 h 676275"/>
                  <a:gd name="connsiteX11" fmla="*/ 812 w 861013"/>
                  <a:gd name="connsiteY11" fmla="*/ 477838 h 676275"/>
                  <a:gd name="connsiteX12" fmla="*/ 17 w 861013"/>
                  <a:gd name="connsiteY12" fmla="*/ 368302 h 676275"/>
                  <a:gd name="connsiteX13" fmla="*/ 304818 w 861013"/>
                  <a:gd name="connsiteY13" fmla="*/ 314327 h 676275"/>
                  <a:gd name="connsiteX14" fmla="*/ 153211 w 861013"/>
                  <a:gd name="connsiteY14" fmla="*/ 277021 h 676275"/>
                  <a:gd name="connsiteX15" fmla="*/ 175437 w 861013"/>
                  <a:gd name="connsiteY15" fmla="*/ 162721 h 676275"/>
                  <a:gd name="connsiteX16" fmla="*/ 366730 w 861013"/>
                  <a:gd name="connsiteY16" fmla="*/ 201613 h 676275"/>
                  <a:gd name="connsiteX0" fmla="*/ 366730 w 861013"/>
                  <a:gd name="connsiteY0" fmla="*/ 201613 h 676275"/>
                  <a:gd name="connsiteX1" fmla="*/ 490216 w 861013"/>
                  <a:gd name="connsiteY1" fmla="*/ 73997 h 676275"/>
                  <a:gd name="connsiteX2" fmla="*/ 585806 w 861013"/>
                  <a:gd name="connsiteY2" fmla="*/ 93665 h 676275"/>
                  <a:gd name="connsiteX3" fmla="*/ 619142 w 861013"/>
                  <a:gd name="connsiteY3" fmla="*/ 0 h 676275"/>
                  <a:gd name="connsiteX4" fmla="*/ 850158 w 861013"/>
                  <a:gd name="connsiteY4" fmla="*/ 310173 h 676275"/>
                  <a:gd name="connsiteX5" fmla="*/ 765192 w 861013"/>
                  <a:gd name="connsiteY5" fmla="*/ 676275 h 676275"/>
                  <a:gd name="connsiteX6" fmla="*/ 556753 w 861013"/>
                  <a:gd name="connsiteY6" fmla="*/ 525531 h 676275"/>
                  <a:gd name="connsiteX7" fmla="*/ 536592 w 861013"/>
                  <a:gd name="connsiteY7" fmla="*/ 273052 h 676275"/>
                  <a:gd name="connsiteX8" fmla="*/ 428642 w 861013"/>
                  <a:gd name="connsiteY8" fmla="*/ 342902 h 676275"/>
                  <a:gd name="connsiteX9" fmla="*/ 234967 w 861013"/>
                  <a:gd name="connsiteY9" fmla="*/ 480220 h 676275"/>
                  <a:gd name="connsiteX10" fmla="*/ 812 w 861013"/>
                  <a:gd name="connsiteY10" fmla="*/ 477838 h 676275"/>
                  <a:gd name="connsiteX11" fmla="*/ 17 w 861013"/>
                  <a:gd name="connsiteY11" fmla="*/ 368302 h 676275"/>
                  <a:gd name="connsiteX12" fmla="*/ 304818 w 861013"/>
                  <a:gd name="connsiteY12" fmla="*/ 314327 h 676275"/>
                  <a:gd name="connsiteX13" fmla="*/ 153211 w 861013"/>
                  <a:gd name="connsiteY13" fmla="*/ 277021 h 676275"/>
                  <a:gd name="connsiteX14" fmla="*/ 175437 w 861013"/>
                  <a:gd name="connsiteY14" fmla="*/ 162721 h 676275"/>
                  <a:gd name="connsiteX15" fmla="*/ 366730 w 861013"/>
                  <a:gd name="connsiteY15" fmla="*/ 201613 h 676275"/>
                  <a:gd name="connsiteX0" fmla="*/ 366730 w 861013"/>
                  <a:gd name="connsiteY0" fmla="*/ 201613 h 676275"/>
                  <a:gd name="connsiteX1" fmla="*/ 490216 w 861013"/>
                  <a:gd name="connsiteY1" fmla="*/ 73997 h 676275"/>
                  <a:gd name="connsiteX2" fmla="*/ 585806 w 861013"/>
                  <a:gd name="connsiteY2" fmla="*/ 93665 h 676275"/>
                  <a:gd name="connsiteX3" fmla="*/ 619142 w 861013"/>
                  <a:gd name="connsiteY3" fmla="*/ 0 h 676275"/>
                  <a:gd name="connsiteX4" fmla="*/ 850158 w 861013"/>
                  <a:gd name="connsiteY4" fmla="*/ 310173 h 676275"/>
                  <a:gd name="connsiteX5" fmla="*/ 765192 w 861013"/>
                  <a:gd name="connsiteY5" fmla="*/ 676275 h 676275"/>
                  <a:gd name="connsiteX6" fmla="*/ 556753 w 861013"/>
                  <a:gd name="connsiteY6" fmla="*/ 525531 h 676275"/>
                  <a:gd name="connsiteX7" fmla="*/ 536592 w 861013"/>
                  <a:gd name="connsiteY7" fmla="*/ 273052 h 676275"/>
                  <a:gd name="connsiteX8" fmla="*/ 428642 w 861013"/>
                  <a:gd name="connsiteY8" fmla="*/ 342902 h 676275"/>
                  <a:gd name="connsiteX9" fmla="*/ 234967 w 861013"/>
                  <a:gd name="connsiteY9" fmla="*/ 480220 h 676275"/>
                  <a:gd name="connsiteX10" fmla="*/ 812 w 861013"/>
                  <a:gd name="connsiteY10" fmla="*/ 477838 h 676275"/>
                  <a:gd name="connsiteX11" fmla="*/ 17 w 861013"/>
                  <a:gd name="connsiteY11" fmla="*/ 368302 h 676275"/>
                  <a:gd name="connsiteX12" fmla="*/ 304818 w 861013"/>
                  <a:gd name="connsiteY12" fmla="*/ 314327 h 676275"/>
                  <a:gd name="connsiteX13" fmla="*/ 153211 w 861013"/>
                  <a:gd name="connsiteY13" fmla="*/ 277021 h 676275"/>
                  <a:gd name="connsiteX14" fmla="*/ 175437 w 861013"/>
                  <a:gd name="connsiteY14" fmla="*/ 162721 h 676275"/>
                  <a:gd name="connsiteX15" fmla="*/ 366730 w 861013"/>
                  <a:gd name="connsiteY15" fmla="*/ 201613 h 676275"/>
                  <a:gd name="connsiteX0" fmla="*/ 366730 w 861013"/>
                  <a:gd name="connsiteY0" fmla="*/ 202972 h 677634"/>
                  <a:gd name="connsiteX1" fmla="*/ 490216 w 861013"/>
                  <a:gd name="connsiteY1" fmla="*/ 75356 h 677634"/>
                  <a:gd name="connsiteX2" fmla="*/ 585806 w 861013"/>
                  <a:gd name="connsiteY2" fmla="*/ 95024 h 677634"/>
                  <a:gd name="connsiteX3" fmla="*/ 619142 w 861013"/>
                  <a:gd name="connsiteY3" fmla="*/ 1359 h 677634"/>
                  <a:gd name="connsiteX4" fmla="*/ 850158 w 861013"/>
                  <a:gd name="connsiteY4" fmla="*/ 311532 h 677634"/>
                  <a:gd name="connsiteX5" fmla="*/ 765192 w 861013"/>
                  <a:gd name="connsiteY5" fmla="*/ 677634 h 677634"/>
                  <a:gd name="connsiteX6" fmla="*/ 556753 w 861013"/>
                  <a:gd name="connsiteY6" fmla="*/ 526890 h 677634"/>
                  <a:gd name="connsiteX7" fmla="*/ 536592 w 861013"/>
                  <a:gd name="connsiteY7" fmla="*/ 274411 h 677634"/>
                  <a:gd name="connsiteX8" fmla="*/ 428642 w 861013"/>
                  <a:gd name="connsiteY8" fmla="*/ 344261 h 677634"/>
                  <a:gd name="connsiteX9" fmla="*/ 234967 w 861013"/>
                  <a:gd name="connsiteY9" fmla="*/ 481579 h 677634"/>
                  <a:gd name="connsiteX10" fmla="*/ 812 w 861013"/>
                  <a:gd name="connsiteY10" fmla="*/ 479197 h 677634"/>
                  <a:gd name="connsiteX11" fmla="*/ 17 w 861013"/>
                  <a:gd name="connsiteY11" fmla="*/ 369661 h 677634"/>
                  <a:gd name="connsiteX12" fmla="*/ 304818 w 861013"/>
                  <a:gd name="connsiteY12" fmla="*/ 315686 h 677634"/>
                  <a:gd name="connsiteX13" fmla="*/ 153211 w 861013"/>
                  <a:gd name="connsiteY13" fmla="*/ 278380 h 677634"/>
                  <a:gd name="connsiteX14" fmla="*/ 175437 w 861013"/>
                  <a:gd name="connsiteY14" fmla="*/ 164080 h 677634"/>
                  <a:gd name="connsiteX15" fmla="*/ 366730 w 861013"/>
                  <a:gd name="connsiteY15" fmla="*/ 202972 h 677634"/>
                  <a:gd name="connsiteX0" fmla="*/ 366730 w 868851"/>
                  <a:gd name="connsiteY0" fmla="*/ 202976 h 677638"/>
                  <a:gd name="connsiteX1" fmla="*/ 490216 w 868851"/>
                  <a:gd name="connsiteY1" fmla="*/ 75360 h 677638"/>
                  <a:gd name="connsiteX2" fmla="*/ 585806 w 868851"/>
                  <a:gd name="connsiteY2" fmla="*/ 95028 h 677638"/>
                  <a:gd name="connsiteX3" fmla="*/ 619142 w 868851"/>
                  <a:gd name="connsiteY3" fmla="*/ 1363 h 677638"/>
                  <a:gd name="connsiteX4" fmla="*/ 858648 w 868851"/>
                  <a:gd name="connsiteY4" fmla="*/ 310819 h 677638"/>
                  <a:gd name="connsiteX5" fmla="*/ 765192 w 868851"/>
                  <a:gd name="connsiteY5" fmla="*/ 677638 h 677638"/>
                  <a:gd name="connsiteX6" fmla="*/ 556753 w 868851"/>
                  <a:gd name="connsiteY6" fmla="*/ 526894 h 677638"/>
                  <a:gd name="connsiteX7" fmla="*/ 536592 w 868851"/>
                  <a:gd name="connsiteY7" fmla="*/ 274415 h 677638"/>
                  <a:gd name="connsiteX8" fmla="*/ 428642 w 868851"/>
                  <a:gd name="connsiteY8" fmla="*/ 344265 h 677638"/>
                  <a:gd name="connsiteX9" fmla="*/ 234967 w 868851"/>
                  <a:gd name="connsiteY9" fmla="*/ 481583 h 677638"/>
                  <a:gd name="connsiteX10" fmla="*/ 812 w 868851"/>
                  <a:gd name="connsiteY10" fmla="*/ 479201 h 677638"/>
                  <a:gd name="connsiteX11" fmla="*/ 17 w 868851"/>
                  <a:gd name="connsiteY11" fmla="*/ 369665 h 677638"/>
                  <a:gd name="connsiteX12" fmla="*/ 304818 w 868851"/>
                  <a:gd name="connsiteY12" fmla="*/ 315690 h 677638"/>
                  <a:gd name="connsiteX13" fmla="*/ 153211 w 868851"/>
                  <a:gd name="connsiteY13" fmla="*/ 278384 h 677638"/>
                  <a:gd name="connsiteX14" fmla="*/ 175437 w 868851"/>
                  <a:gd name="connsiteY14" fmla="*/ 164084 h 677638"/>
                  <a:gd name="connsiteX15" fmla="*/ 366730 w 868851"/>
                  <a:gd name="connsiteY15" fmla="*/ 202976 h 677638"/>
                  <a:gd name="connsiteX0" fmla="*/ 366730 w 868851"/>
                  <a:gd name="connsiteY0" fmla="*/ 202976 h 677638"/>
                  <a:gd name="connsiteX1" fmla="*/ 490563 w 868851"/>
                  <a:gd name="connsiteY1" fmla="*/ 69345 h 677638"/>
                  <a:gd name="connsiteX2" fmla="*/ 585806 w 868851"/>
                  <a:gd name="connsiteY2" fmla="*/ 95028 h 677638"/>
                  <a:gd name="connsiteX3" fmla="*/ 619142 w 868851"/>
                  <a:gd name="connsiteY3" fmla="*/ 1363 h 677638"/>
                  <a:gd name="connsiteX4" fmla="*/ 858648 w 868851"/>
                  <a:gd name="connsiteY4" fmla="*/ 310819 h 677638"/>
                  <a:gd name="connsiteX5" fmla="*/ 765192 w 868851"/>
                  <a:gd name="connsiteY5" fmla="*/ 677638 h 677638"/>
                  <a:gd name="connsiteX6" fmla="*/ 556753 w 868851"/>
                  <a:gd name="connsiteY6" fmla="*/ 526894 h 677638"/>
                  <a:gd name="connsiteX7" fmla="*/ 536592 w 868851"/>
                  <a:gd name="connsiteY7" fmla="*/ 274415 h 677638"/>
                  <a:gd name="connsiteX8" fmla="*/ 428642 w 868851"/>
                  <a:gd name="connsiteY8" fmla="*/ 344265 h 677638"/>
                  <a:gd name="connsiteX9" fmla="*/ 234967 w 868851"/>
                  <a:gd name="connsiteY9" fmla="*/ 481583 h 677638"/>
                  <a:gd name="connsiteX10" fmla="*/ 812 w 868851"/>
                  <a:gd name="connsiteY10" fmla="*/ 479201 h 677638"/>
                  <a:gd name="connsiteX11" fmla="*/ 17 w 868851"/>
                  <a:gd name="connsiteY11" fmla="*/ 369665 h 677638"/>
                  <a:gd name="connsiteX12" fmla="*/ 304818 w 868851"/>
                  <a:gd name="connsiteY12" fmla="*/ 315690 h 677638"/>
                  <a:gd name="connsiteX13" fmla="*/ 153211 w 868851"/>
                  <a:gd name="connsiteY13" fmla="*/ 278384 h 677638"/>
                  <a:gd name="connsiteX14" fmla="*/ 175437 w 868851"/>
                  <a:gd name="connsiteY14" fmla="*/ 164084 h 677638"/>
                  <a:gd name="connsiteX15" fmla="*/ 366730 w 868851"/>
                  <a:gd name="connsiteY15" fmla="*/ 202976 h 677638"/>
                  <a:gd name="connsiteX0" fmla="*/ 366730 w 868851"/>
                  <a:gd name="connsiteY0" fmla="*/ 202976 h 677638"/>
                  <a:gd name="connsiteX1" fmla="*/ 495860 w 868851"/>
                  <a:gd name="connsiteY1" fmla="*/ 61203 h 677638"/>
                  <a:gd name="connsiteX2" fmla="*/ 585806 w 868851"/>
                  <a:gd name="connsiteY2" fmla="*/ 95028 h 677638"/>
                  <a:gd name="connsiteX3" fmla="*/ 619142 w 868851"/>
                  <a:gd name="connsiteY3" fmla="*/ 1363 h 677638"/>
                  <a:gd name="connsiteX4" fmla="*/ 858648 w 868851"/>
                  <a:gd name="connsiteY4" fmla="*/ 310819 h 677638"/>
                  <a:gd name="connsiteX5" fmla="*/ 765192 w 868851"/>
                  <a:gd name="connsiteY5" fmla="*/ 677638 h 677638"/>
                  <a:gd name="connsiteX6" fmla="*/ 556753 w 868851"/>
                  <a:gd name="connsiteY6" fmla="*/ 526894 h 677638"/>
                  <a:gd name="connsiteX7" fmla="*/ 536592 w 868851"/>
                  <a:gd name="connsiteY7" fmla="*/ 274415 h 677638"/>
                  <a:gd name="connsiteX8" fmla="*/ 428642 w 868851"/>
                  <a:gd name="connsiteY8" fmla="*/ 344265 h 677638"/>
                  <a:gd name="connsiteX9" fmla="*/ 234967 w 868851"/>
                  <a:gd name="connsiteY9" fmla="*/ 481583 h 677638"/>
                  <a:gd name="connsiteX10" fmla="*/ 812 w 868851"/>
                  <a:gd name="connsiteY10" fmla="*/ 479201 h 677638"/>
                  <a:gd name="connsiteX11" fmla="*/ 17 w 868851"/>
                  <a:gd name="connsiteY11" fmla="*/ 369665 h 677638"/>
                  <a:gd name="connsiteX12" fmla="*/ 304818 w 868851"/>
                  <a:gd name="connsiteY12" fmla="*/ 315690 h 677638"/>
                  <a:gd name="connsiteX13" fmla="*/ 153211 w 868851"/>
                  <a:gd name="connsiteY13" fmla="*/ 278384 h 677638"/>
                  <a:gd name="connsiteX14" fmla="*/ 175437 w 868851"/>
                  <a:gd name="connsiteY14" fmla="*/ 164084 h 677638"/>
                  <a:gd name="connsiteX15" fmla="*/ 366730 w 868851"/>
                  <a:gd name="connsiteY15" fmla="*/ 202976 h 677638"/>
                  <a:gd name="connsiteX0" fmla="*/ 366730 w 868851"/>
                  <a:gd name="connsiteY0" fmla="*/ 202976 h 677638"/>
                  <a:gd name="connsiteX1" fmla="*/ 495860 w 868851"/>
                  <a:gd name="connsiteY1" fmla="*/ 61203 h 677638"/>
                  <a:gd name="connsiteX2" fmla="*/ 580116 w 868851"/>
                  <a:gd name="connsiteY2" fmla="*/ 68150 h 677638"/>
                  <a:gd name="connsiteX3" fmla="*/ 619142 w 868851"/>
                  <a:gd name="connsiteY3" fmla="*/ 1363 h 677638"/>
                  <a:gd name="connsiteX4" fmla="*/ 858648 w 868851"/>
                  <a:gd name="connsiteY4" fmla="*/ 310819 h 677638"/>
                  <a:gd name="connsiteX5" fmla="*/ 765192 w 868851"/>
                  <a:gd name="connsiteY5" fmla="*/ 677638 h 677638"/>
                  <a:gd name="connsiteX6" fmla="*/ 556753 w 868851"/>
                  <a:gd name="connsiteY6" fmla="*/ 526894 h 677638"/>
                  <a:gd name="connsiteX7" fmla="*/ 536592 w 868851"/>
                  <a:gd name="connsiteY7" fmla="*/ 274415 h 677638"/>
                  <a:gd name="connsiteX8" fmla="*/ 428642 w 868851"/>
                  <a:gd name="connsiteY8" fmla="*/ 344265 h 677638"/>
                  <a:gd name="connsiteX9" fmla="*/ 234967 w 868851"/>
                  <a:gd name="connsiteY9" fmla="*/ 481583 h 677638"/>
                  <a:gd name="connsiteX10" fmla="*/ 812 w 868851"/>
                  <a:gd name="connsiteY10" fmla="*/ 479201 h 677638"/>
                  <a:gd name="connsiteX11" fmla="*/ 17 w 868851"/>
                  <a:gd name="connsiteY11" fmla="*/ 369665 h 677638"/>
                  <a:gd name="connsiteX12" fmla="*/ 304818 w 868851"/>
                  <a:gd name="connsiteY12" fmla="*/ 315690 h 677638"/>
                  <a:gd name="connsiteX13" fmla="*/ 153211 w 868851"/>
                  <a:gd name="connsiteY13" fmla="*/ 278384 h 677638"/>
                  <a:gd name="connsiteX14" fmla="*/ 175437 w 868851"/>
                  <a:gd name="connsiteY14" fmla="*/ 164084 h 677638"/>
                  <a:gd name="connsiteX15" fmla="*/ 366730 w 868851"/>
                  <a:gd name="connsiteY15" fmla="*/ 202976 h 677638"/>
                  <a:gd name="connsiteX0" fmla="*/ 366730 w 868851"/>
                  <a:gd name="connsiteY0" fmla="*/ 202976 h 677638"/>
                  <a:gd name="connsiteX1" fmla="*/ 495860 w 868851"/>
                  <a:gd name="connsiteY1" fmla="*/ 61203 h 677638"/>
                  <a:gd name="connsiteX2" fmla="*/ 580116 w 868851"/>
                  <a:gd name="connsiteY2" fmla="*/ 68150 h 677638"/>
                  <a:gd name="connsiteX3" fmla="*/ 619142 w 868851"/>
                  <a:gd name="connsiteY3" fmla="*/ 1363 h 677638"/>
                  <a:gd name="connsiteX4" fmla="*/ 858648 w 868851"/>
                  <a:gd name="connsiteY4" fmla="*/ 310819 h 677638"/>
                  <a:gd name="connsiteX5" fmla="*/ 765192 w 868851"/>
                  <a:gd name="connsiteY5" fmla="*/ 677638 h 677638"/>
                  <a:gd name="connsiteX6" fmla="*/ 551086 w 868851"/>
                  <a:gd name="connsiteY6" fmla="*/ 520533 h 677638"/>
                  <a:gd name="connsiteX7" fmla="*/ 536592 w 868851"/>
                  <a:gd name="connsiteY7" fmla="*/ 274415 h 677638"/>
                  <a:gd name="connsiteX8" fmla="*/ 428642 w 868851"/>
                  <a:gd name="connsiteY8" fmla="*/ 344265 h 677638"/>
                  <a:gd name="connsiteX9" fmla="*/ 234967 w 868851"/>
                  <a:gd name="connsiteY9" fmla="*/ 481583 h 677638"/>
                  <a:gd name="connsiteX10" fmla="*/ 812 w 868851"/>
                  <a:gd name="connsiteY10" fmla="*/ 479201 h 677638"/>
                  <a:gd name="connsiteX11" fmla="*/ 17 w 868851"/>
                  <a:gd name="connsiteY11" fmla="*/ 369665 h 677638"/>
                  <a:gd name="connsiteX12" fmla="*/ 304818 w 868851"/>
                  <a:gd name="connsiteY12" fmla="*/ 315690 h 677638"/>
                  <a:gd name="connsiteX13" fmla="*/ 153211 w 868851"/>
                  <a:gd name="connsiteY13" fmla="*/ 278384 h 677638"/>
                  <a:gd name="connsiteX14" fmla="*/ 175437 w 868851"/>
                  <a:gd name="connsiteY14" fmla="*/ 164084 h 677638"/>
                  <a:gd name="connsiteX15" fmla="*/ 366730 w 868851"/>
                  <a:gd name="connsiteY15" fmla="*/ 202976 h 67763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868851" h="677638">
                    <a:moveTo>
                      <a:pt x="366730" y="202976"/>
                    </a:moveTo>
                    <a:cubicBezTo>
                      <a:pt x="388955" y="164613"/>
                      <a:pt x="416485" y="120998"/>
                      <a:pt x="495860" y="61203"/>
                    </a:cubicBezTo>
                    <a:cubicBezTo>
                      <a:pt x="510164" y="60945"/>
                      <a:pt x="538048" y="87994"/>
                      <a:pt x="580116" y="68150"/>
                    </a:cubicBezTo>
                    <a:cubicBezTo>
                      <a:pt x="611866" y="40103"/>
                      <a:pt x="608824" y="34172"/>
                      <a:pt x="619142" y="1363"/>
                    </a:cubicBezTo>
                    <a:cubicBezTo>
                      <a:pt x="716551" y="-19213"/>
                      <a:pt x="834306" y="198107"/>
                      <a:pt x="858648" y="310819"/>
                    </a:cubicBezTo>
                    <a:cubicBezTo>
                      <a:pt x="902040" y="467452"/>
                      <a:pt x="794825" y="641655"/>
                      <a:pt x="765192" y="677638"/>
                    </a:cubicBezTo>
                    <a:cubicBezTo>
                      <a:pt x="679467" y="619430"/>
                      <a:pt x="607897" y="556207"/>
                      <a:pt x="551086" y="520533"/>
                    </a:cubicBezTo>
                    <a:cubicBezTo>
                      <a:pt x="544480" y="503318"/>
                      <a:pt x="628280" y="447648"/>
                      <a:pt x="536592" y="274415"/>
                    </a:cubicBezTo>
                    <a:cubicBezTo>
                      <a:pt x="528655" y="272299"/>
                      <a:pt x="463567" y="313573"/>
                      <a:pt x="428642" y="344265"/>
                    </a:cubicBezTo>
                    <a:cubicBezTo>
                      <a:pt x="359586" y="418613"/>
                      <a:pt x="296880" y="467031"/>
                      <a:pt x="234967" y="481583"/>
                    </a:cubicBezTo>
                    <a:cubicBezTo>
                      <a:pt x="169086" y="493225"/>
                      <a:pt x="70662" y="480259"/>
                      <a:pt x="812" y="479201"/>
                    </a:cubicBezTo>
                    <a:cubicBezTo>
                      <a:pt x="3458" y="435809"/>
                      <a:pt x="546" y="451686"/>
                      <a:pt x="17" y="369665"/>
                    </a:cubicBezTo>
                    <a:cubicBezTo>
                      <a:pt x="-2364" y="354054"/>
                      <a:pt x="254018" y="418349"/>
                      <a:pt x="304818" y="315690"/>
                    </a:cubicBezTo>
                    <a:cubicBezTo>
                      <a:pt x="332335" y="283940"/>
                      <a:pt x="186548" y="287909"/>
                      <a:pt x="153211" y="278384"/>
                    </a:cubicBezTo>
                    <a:cubicBezTo>
                      <a:pt x="155460" y="257879"/>
                      <a:pt x="160885" y="201655"/>
                      <a:pt x="175437" y="164084"/>
                    </a:cubicBezTo>
                    <a:cubicBezTo>
                      <a:pt x="213801" y="174138"/>
                      <a:pt x="309051" y="201918"/>
                      <a:pt x="366730" y="202976"/>
                    </a:cubicBezTo>
                    <a:close/>
                  </a:path>
                </a:pathLst>
              </a:custGeom>
              <a:solidFill>
                <a:srgbClr val="C7EDFB">
                  <a:lumMod val="90000"/>
                </a:srgb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34" name="Freeform 72"/>
              <p:cNvSpPr/>
              <p:nvPr/>
            </p:nvSpPr>
            <p:spPr>
              <a:xfrm rot="521420" flipH="1">
                <a:off x="6035604" y="3857682"/>
                <a:ext cx="211270" cy="169188"/>
              </a:xfrm>
              <a:custGeom>
                <a:avLst/>
                <a:gdLst>
                  <a:gd name="connsiteX0" fmla="*/ 10080 w 212804"/>
                  <a:gd name="connsiteY0" fmla="*/ 80422 h 170970"/>
                  <a:gd name="connsiteX1" fmla="*/ 112473 w 212804"/>
                  <a:gd name="connsiteY1" fmla="*/ 13747 h 170970"/>
                  <a:gd name="connsiteX2" fmla="*/ 186292 w 212804"/>
                  <a:gd name="connsiteY2" fmla="*/ 1841 h 170970"/>
                  <a:gd name="connsiteX3" fmla="*/ 207723 w 212804"/>
                  <a:gd name="connsiteY3" fmla="*/ 39941 h 170970"/>
                  <a:gd name="connsiteX4" fmla="*/ 98186 w 212804"/>
                  <a:gd name="connsiteY4" fmla="*/ 139953 h 170970"/>
                  <a:gd name="connsiteX5" fmla="*/ 14842 w 212804"/>
                  <a:gd name="connsiteY5" fmla="*/ 168528 h 170970"/>
                  <a:gd name="connsiteX6" fmla="*/ 10080 w 212804"/>
                  <a:gd name="connsiteY6" fmla="*/ 80422 h 170970"/>
                  <a:gd name="connsiteX0" fmla="*/ 7636 w 211270"/>
                  <a:gd name="connsiteY0" fmla="*/ 78685 h 169233"/>
                  <a:gd name="connsiteX1" fmla="*/ 74310 w 211270"/>
                  <a:gd name="connsiteY1" fmla="*/ 28679 h 169233"/>
                  <a:gd name="connsiteX2" fmla="*/ 183848 w 211270"/>
                  <a:gd name="connsiteY2" fmla="*/ 104 h 169233"/>
                  <a:gd name="connsiteX3" fmla="*/ 205279 w 211270"/>
                  <a:gd name="connsiteY3" fmla="*/ 38204 h 169233"/>
                  <a:gd name="connsiteX4" fmla="*/ 95742 w 211270"/>
                  <a:gd name="connsiteY4" fmla="*/ 138216 h 169233"/>
                  <a:gd name="connsiteX5" fmla="*/ 12398 w 211270"/>
                  <a:gd name="connsiteY5" fmla="*/ 166791 h 169233"/>
                  <a:gd name="connsiteX6" fmla="*/ 7636 w 211270"/>
                  <a:gd name="connsiteY6" fmla="*/ 78685 h 169233"/>
                  <a:gd name="connsiteX0" fmla="*/ 7636 w 211270"/>
                  <a:gd name="connsiteY0" fmla="*/ 78640 h 169188"/>
                  <a:gd name="connsiteX1" fmla="*/ 74310 w 211270"/>
                  <a:gd name="connsiteY1" fmla="*/ 28634 h 169188"/>
                  <a:gd name="connsiteX2" fmla="*/ 183848 w 211270"/>
                  <a:gd name="connsiteY2" fmla="*/ 59 h 169188"/>
                  <a:gd name="connsiteX3" fmla="*/ 205279 w 211270"/>
                  <a:gd name="connsiteY3" fmla="*/ 38159 h 169188"/>
                  <a:gd name="connsiteX4" fmla="*/ 95742 w 211270"/>
                  <a:gd name="connsiteY4" fmla="*/ 138171 h 169188"/>
                  <a:gd name="connsiteX5" fmla="*/ 12398 w 211270"/>
                  <a:gd name="connsiteY5" fmla="*/ 166746 h 169188"/>
                  <a:gd name="connsiteX6" fmla="*/ 7636 w 211270"/>
                  <a:gd name="connsiteY6" fmla="*/ 78640 h 169188"/>
                  <a:gd name="connsiteX0" fmla="*/ 7636 w 211270"/>
                  <a:gd name="connsiteY0" fmla="*/ 78640 h 169188"/>
                  <a:gd name="connsiteX1" fmla="*/ 74310 w 211270"/>
                  <a:gd name="connsiteY1" fmla="*/ 28634 h 169188"/>
                  <a:gd name="connsiteX2" fmla="*/ 183848 w 211270"/>
                  <a:gd name="connsiteY2" fmla="*/ 59 h 169188"/>
                  <a:gd name="connsiteX3" fmla="*/ 205279 w 211270"/>
                  <a:gd name="connsiteY3" fmla="*/ 38159 h 169188"/>
                  <a:gd name="connsiteX4" fmla="*/ 95742 w 211270"/>
                  <a:gd name="connsiteY4" fmla="*/ 138171 h 169188"/>
                  <a:gd name="connsiteX5" fmla="*/ 12398 w 211270"/>
                  <a:gd name="connsiteY5" fmla="*/ 166746 h 169188"/>
                  <a:gd name="connsiteX6" fmla="*/ 7636 w 211270"/>
                  <a:gd name="connsiteY6" fmla="*/ 78640 h 16918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11270" h="169188">
                    <a:moveTo>
                      <a:pt x="7636" y="78640"/>
                    </a:moveTo>
                    <a:cubicBezTo>
                      <a:pt x="17955" y="55621"/>
                      <a:pt x="56847" y="39351"/>
                      <a:pt x="74310" y="28634"/>
                    </a:cubicBezTo>
                    <a:cubicBezTo>
                      <a:pt x="125110" y="29824"/>
                      <a:pt x="162020" y="-1528"/>
                      <a:pt x="183848" y="59"/>
                    </a:cubicBezTo>
                    <a:cubicBezTo>
                      <a:pt x="205676" y="1646"/>
                      <a:pt x="219963" y="15140"/>
                      <a:pt x="205279" y="38159"/>
                    </a:cubicBezTo>
                    <a:cubicBezTo>
                      <a:pt x="190595" y="61178"/>
                      <a:pt x="127889" y="116740"/>
                      <a:pt x="95742" y="138171"/>
                    </a:cubicBezTo>
                    <a:cubicBezTo>
                      <a:pt x="63595" y="159602"/>
                      <a:pt x="28670" y="175477"/>
                      <a:pt x="12398" y="166746"/>
                    </a:cubicBezTo>
                    <a:cubicBezTo>
                      <a:pt x="-3874" y="158015"/>
                      <a:pt x="-2683" y="101659"/>
                      <a:pt x="7636" y="78640"/>
                    </a:cubicBezTo>
                    <a:close/>
                  </a:path>
                </a:pathLst>
              </a:custGeom>
              <a:solidFill>
                <a:sysClr val="windowText" lastClr="000000">
                  <a:lumMod val="65000"/>
                  <a:lumOff val="35000"/>
                </a:sys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</p:grpSp>
      <p:sp>
        <p:nvSpPr>
          <p:cNvPr id="135" name="Dikdörtgen 134"/>
          <p:cNvSpPr/>
          <p:nvPr/>
        </p:nvSpPr>
        <p:spPr>
          <a:xfrm>
            <a:off x="2195736" y="3914730"/>
            <a:ext cx="2110366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lvl="0" indent="-285750" algn="ctr">
              <a:buFont typeface="Arial" panose="020B0604020202020204" pitchFamily="34" charset="0"/>
              <a:buChar char="•"/>
            </a:pPr>
            <a:r>
              <a:rPr lang="tr-TR" sz="1400" b="1" dirty="0">
                <a:solidFill>
                  <a:schemeClr val="bg1"/>
                </a:solidFill>
                <a:latin typeface="Futura Bk BT" panose="020B0502020204020303" pitchFamily="34" charset="0"/>
              </a:rPr>
              <a:t>Koordinatör Adayı </a:t>
            </a:r>
            <a:r>
              <a:rPr lang="tr-TR" sz="1400" b="1" dirty="0" smtClean="0">
                <a:solidFill>
                  <a:schemeClr val="bg1"/>
                </a:solidFill>
                <a:latin typeface="Futura Bk BT" panose="020B0502020204020303" pitchFamily="34" charset="0"/>
              </a:rPr>
              <a:t>ve </a:t>
            </a:r>
            <a:r>
              <a:rPr lang="tr-TR" sz="1400" b="1" dirty="0">
                <a:solidFill>
                  <a:schemeClr val="bg1"/>
                </a:solidFill>
                <a:latin typeface="Futura Bk BT" panose="020B0502020204020303" pitchFamily="34" charset="0"/>
              </a:rPr>
              <a:t>araştırma ekibinden  en çok 2 kişi</a:t>
            </a:r>
          </a:p>
        </p:txBody>
      </p:sp>
      <p:sp>
        <p:nvSpPr>
          <p:cNvPr id="136" name="Dikdörtgen 135"/>
          <p:cNvSpPr/>
          <p:nvPr/>
        </p:nvSpPr>
        <p:spPr>
          <a:xfrm>
            <a:off x="1331640" y="4859290"/>
            <a:ext cx="2344718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 algn="ctr">
              <a:buFont typeface="Arial" panose="020B0604020202020204" pitchFamily="34" charset="0"/>
              <a:buChar char="•"/>
            </a:pPr>
            <a:r>
              <a:rPr lang="tr-TR" sz="1400" b="1" dirty="0">
                <a:solidFill>
                  <a:schemeClr val="bg1"/>
                </a:solidFill>
                <a:latin typeface="Futura Bk BT" panose="020B0502020204020303" pitchFamily="34" charset="0"/>
              </a:rPr>
              <a:t>Eğitime katılım ile seyahat ve konaklama giderleri</a:t>
            </a:r>
          </a:p>
        </p:txBody>
      </p:sp>
      <p:sp>
        <p:nvSpPr>
          <p:cNvPr id="137" name="Dikdörtgen 136"/>
          <p:cNvSpPr/>
          <p:nvPr/>
        </p:nvSpPr>
        <p:spPr>
          <a:xfrm>
            <a:off x="467544" y="5694347"/>
            <a:ext cx="3600400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 algn="ctr">
              <a:buFont typeface="Arial" panose="020B0604020202020204" pitchFamily="34" charset="0"/>
              <a:buChar char="•"/>
            </a:pPr>
            <a:r>
              <a:rPr lang="tr-TR" sz="1400" b="1" dirty="0">
                <a:solidFill>
                  <a:schemeClr val="bg1"/>
                </a:solidFill>
                <a:latin typeface="Futura Bk BT" panose="020B0502020204020303" pitchFamily="34" charset="0"/>
              </a:rPr>
              <a:t>Eğitimlere katılım  </a:t>
            </a:r>
            <a:r>
              <a:rPr lang="tr-TR" sz="1400" b="1" dirty="0" smtClean="0">
                <a:solidFill>
                  <a:schemeClr val="bg1"/>
                </a:solidFill>
                <a:latin typeface="Futura Bk BT" panose="020B0502020204020303" pitchFamily="34" charset="0"/>
              </a:rPr>
              <a:t>(</a:t>
            </a:r>
            <a:r>
              <a:rPr lang="tr-TR" sz="1400" b="1" dirty="0">
                <a:solidFill>
                  <a:schemeClr val="bg1"/>
                </a:solidFill>
                <a:latin typeface="Futura Bk BT" panose="020B0502020204020303" pitchFamily="34" charset="0"/>
              </a:rPr>
              <a:t>Finansal konular, Fikri Mülkiyet, Proje fikrini projeye dönüştürme  vb. )</a:t>
            </a:r>
          </a:p>
        </p:txBody>
      </p:sp>
      <p:sp>
        <p:nvSpPr>
          <p:cNvPr id="138" name="Dikdörtgen 137"/>
          <p:cNvSpPr/>
          <p:nvPr/>
        </p:nvSpPr>
        <p:spPr>
          <a:xfrm>
            <a:off x="4427984" y="3284984"/>
            <a:ext cx="1905478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 algn="ctr">
              <a:buFont typeface="Arial" panose="020B0604020202020204" pitchFamily="34" charset="0"/>
              <a:buChar char="•"/>
            </a:pPr>
            <a:r>
              <a:rPr lang="tr-TR" sz="1400" b="1" dirty="0">
                <a:solidFill>
                  <a:schemeClr val="bg1"/>
                </a:solidFill>
                <a:latin typeface="Futura Bk BT" panose="020B0502020204020303" pitchFamily="34" charset="0"/>
              </a:rPr>
              <a:t>Her proje için en çok 1 </a:t>
            </a:r>
            <a:r>
              <a:rPr lang="tr-TR" sz="1400" b="1" dirty="0" smtClean="0">
                <a:solidFill>
                  <a:schemeClr val="bg1"/>
                </a:solidFill>
                <a:latin typeface="Futura Bk BT" panose="020B0502020204020303" pitchFamily="34" charset="0"/>
              </a:rPr>
              <a:t>defa</a:t>
            </a:r>
            <a:endParaRPr lang="tr-TR" sz="1400" b="1" dirty="0">
              <a:solidFill>
                <a:schemeClr val="bg1"/>
              </a:solidFill>
              <a:latin typeface="Futura Bk BT" panose="020B0502020204020303" pitchFamily="34" charset="0"/>
            </a:endParaRPr>
          </a:p>
        </p:txBody>
      </p:sp>
      <p:sp>
        <p:nvSpPr>
          <p:cNvPr id="139" name="Dikdörtgen 138"/>
          <p:cNvSpPr/>
          <p:nvPr/>
        </p:nvSpPr>
        <p:spPr>
          <a:xfrm>
            <a:off x="4310094" y="3913300"/>
            <a:ext cx="2725892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 algn="ctr">
              <a:buFont typeface="Arial" panose="020B0604020202020204" pitchFamily="34" charset="0"/>
              <a:buChar char="•"/>
            </a:pPr>
            <a:r>
              <a:rPr lang="tr-TR" sz="1400" b="1" dirty="0">
                <a:solidFill>
                  <a:schemeClr val="bg1"/>
                </a:solidFill>
                <a:latin typeface="Futura Bk BT" panose="020B0502020204020303" pitchFamily="34" charset="0"/>
              </a:rPr>
              <a:t>Proje fikrinin uzman kişi veya kuruluş tarafından projeye dönüştürülmesi</a:t>
            </a:r>
          </a:p>
        </p:txBody>
      </p:sp>
      <p:grpSp>
        <p:nvGrpSpPr>
          <p:cNvPr id="140" name="Group 31"/>
          <p:cNvGrpSpPr/>
          <p:nvPr/>
        </p:nvGrpSpPr>
        <p:grpSpPr>
          <a:xfrm>
            <a:off x="5364088" y="4335488"/>
            <a:ext cx="3960440" cy="1250296"/>
            <a:chOff x="6182326" y="471928"/>
            <a:chExt cx="2934187" cy="1657512"/>
          </a:xfrm>
          <a:effectLst/>
        </p:grpSpPr>
        <p:sp>
          <p:nvSpPr>
            <p:cNvPr id="141" name="Freeform 32"/>
            <p:cNvSpPr/>
            <p:nvPr/>
          </p:nvSpPr>
          <p:spPr>
            <a:xfrm>
              <a:off x="6182326" y="471928"/>
              <a:ext cx="2934187" cy="1647231"/>
            </a:xfrm>
            <a:custGeom>
              <a:avLst/>
              <a:gdLst>
                <a:gd name="connsiteX0" fmla="*/ 4191003 w 6982691"/>
                <a:gd name="connsiteY0" fmla="*/ 0 h 4114800"/>
                <a:gd name="connsiteX1" fmla="*/ 5832767 w 6982691"/>
                <a:gd name="connsiteY1" fmla="*/ 1323110 h 4114800"/>
                <a:gd name="connsiteX2" fmla="*/ 5824553 w 6982691"/>
                <a:gd name="connsiteY2" fmla="*/ 1454204 h 4114800"/>
                <a:gd name="connsiteX3" fmla="*/ 5915172 w 6982691"/>
                <a:gd name="connsiteY3" fmla="*/ 1468035 h 4114800"/>
                <a:gd name="connsiteX4" fmla="*/ 6982691 w 6982691"/>
                <a:gd name="connsiteY4" fmla="*/ 2777836 h 4114800"/>
                <a:gd name="connsiteX5" fmla="*/ 5645727 w 6982691"/>
                <a:gd name="connsiteY5" fmla="*/ 4114800 h 4114800"/>
                <a:gd name="connsiteX6" fmla="*/ 1336964 w 6982691"/>
                <a:gd name="connsiteY6" fmla="*/ 4114800 h 4114800"/>
                <a:gd name="connsiteX7" fmla="*/ 0 w 6982691"/>
                <a:gd name="connsiteY7" fmla="*/ 2777836 h 4114800"/>
                <a:gd name="connsiteX8" fmla="*/ 1200267 w 6982691"/>
                <a:gd name="connsiteY8" fmla="*/ 1447775 h 4114800"/>
                <a:gd name="connsiteX9" fmla="*/ 1256791 w 6982691"/>
                <a:gd name="connsiteY9" fmla="*/ 1444921 h 4114800"/>
                <a:gd name="connsiteX10" fmla="*/ 1263237 w 6982691"/>
                <a:gd name="connsiteY10" fmla="*/ 1384285 h 4114800"/>
                <a:gd name="connsiteX11" fmla="*/ 2050475 w 6982691"/>
                <a:gd name="connsiteY11" fmla="*/ 775855 h 4114800"/>
                <a:gd name="connsiteX12" fmla="*/ 2561617 w 6982691"/>
                <a:gd name="connsiteY12" fmla="*/ 949859 h 4114800"/>
                <a:gd name="connsiteX13" fmla="*/ 2604065 w 6982691"/>
                <a:gd name="connsiteY13" fmla="*/ 989162 h 4114800"/>
                <a:gd name="connsiteX14" fmla="*/ 2623050 w 6982691"/>
                <a:gd name="connsiteY14" fmla="*/ 929658 h 4114800"/>
                <a:gd name="connsiteX15" fmla="*/ 4191003 w 6982691"/>
                <a:gd name="connsiteY15" fmla="*/ 0 h 4114800"/>
                <a:gd name="connsiteX0" fmla="*/ 4191003 w 6982691"/>
                <a:gd name="connsiteY0" fmla="*/ 0 h 4114800"/>
                <a:gd name="connsiteX1" fmla="*/ 5832767 w 6982691"/>
                <a:gd name="connsiteY1" fmla="*/ 1323110 h 4114800"/>
                <a:gd name="connsiteX2" fmla="*/ 5824553 w 6982691"/>
                <a:gd name="connsiteY2" fmla="*/ 1454204 h 4114800"/>
                <a:gd name="connsiteX3" fmla="*/ 6982691 w 6982691"/>
                <a:gd name="connsiteY3" fmla="*/ 2777836 h 4114800"/>
                <a:gd name="connsiteX4" fmla="*/ 5645727 w 6982691"/>
                <a:gd name="connsiteY4" fmla="*/ 4114800 h 4114800"/>
                <a:gd name="connsiteX5" fmla="*/ 1336964 w 6982691"/>
                <a:gd name="connsiteY5" fmla="*/ 4114800 h 4114800"/>
                <a:gd name="connsiteX6" fmla="*/ 0 w 6982691"/>
                <a:gd name="connsiteY6" fmla="*/ 2777836 h 4114800"/>
                <a:gd name="connsiteX7" fmla="*/ 1200267 w 6982691"/>
                <a:gd name="connsiteY7" fmla="*/ 1447775 h 4114800"/>
                <a:gd name="connsiteX8" fmla="*/ 1256791 w 6982691"/>
                <a:gd name="connsiteY8" fmla="*/ 1444921 h 4114800"/>
                <a:gd name="connsiteX9" fmla="*/ 1263237 w 6982691"/>
                <a:gd name="connsiteY9" fmla="*/ 1384285 h 4114800"/>
                <a:gd name="connsiteX10" fmla="*/ 2050475 w 6982691"/>
                <a:gd name="connsiteY10" fmla="*/ 775855 h 4114800"/>
                <a:gd name="connsiteX11" fmla="*/ 2561617 w 6982691"/>
                <a:gd name="connsiteY11" fmla="*/ 949859 h 4114800"/>
                <a:gd name="connsiteX12" fmla="*/ 2604065 w 6982691"/>
                <a:gd name="connsiteY12" fmla="*/ 989162 h 4114800"/>
                <a:gd name="connsiteX13" fmla="*/ 2623050 w 6982691"/>
                <a:gd name="connsiteY13" fmla="*/ 929658 h 4114800"/>
                <a:gd name="connsiteX14" fmla="*/ 4191003 w 6982691"/>
                <a:gd name="connsiteY14" fmla="*/ 0 h 4114800"/>
                <a:gd name="connsiteX0" fmla="*/ 4191003 w 6984458"/>
                <a:gd name="connsiteY0" fmla="*/ 0 h 4114800"/>
                <a:gd name="connsiteX1" fmla="*/ 5832767 w 6984458"/>
                <a:gd name="connsiteY1" fmla="*/ 1323110 h 4114800"/>
                <a:gd name="connsiteX2" fmla="*/ 5905151 w 6984458"/>
                <a:gd name="connsiteY2" fmla="*/ 1395098 h 4114800"/>
                <a:gd name="connsiteX3" fmla="*/ 6982691 w 6984458"/>
                <a:gd name="connsiteY3" fmla="*/ 2777836 h 4114800"/>
                <a:gd name="connsiteX4" fmla="*/ 5645727 w 6984458"/>
                <a:gd name="connsiteY4" fmla="*/ 4114800 h 4114800"/>
                <a:gd name="connsiteX5" fmla="*/ 1336964 w 6984458"/>
                <a:gd name="connsiteY5" fmla="*/ 4114800 h 4114800"/>
                <a:gd name="connsiteX6" fmla="*/ 0 w 6984458"/>
                <a:gd name="connsiteY6" fmla="*/ 2777836 h 4114800"/>
                <a:gd name="connsiteX7" fmla="*/ 1200267 w 6984458"/>
                <a:gd name="connsiteY7" fmla="*/ 1447775 h 4114800"/>
                <a:gd name="connsiteX8" fmla="*/ 1256791 w 6984458"/>
                <a:gd name="connsiteY8" fmla="*/ 1444921 h 4114800"/>
                <a:gd name="connsiteX9" fmla="*/ 1263237 w 6984458"/>
                <a:gd name="connsiteY9" fmla="*/ 1384285 h 4114800"/>
                <a:gd name="connsiteX10" fmla="*/ 2050475 w 6984458"/>
                <a:gd name="connsiteY10" fmla="*/ 775855 h 4114800"/>
                <a:gd name="connsiteX11" fmla="*/ 2561617 w 6984458"/>
                <a:gd name="connsiteY11" fmla="*/ 949859 h 4114800"/>
                <a:gd name="connsiteX12" fmla="*/ 2604065 w 6984458"/>
                <a:gd name="connsiteY12" fmla="*/ 989162 h 4114800"/>
                <a:gd name="connsiteX13" fmla="*/ 2623050 w 6984458"/>
                <a:gd name="connsiteY13" fmla="*/ 929658 h 4114800"/>
                <a:gd name="connsiteX14" fmla="*/ 4191003 w 6984458"/>
                <a:gd name="connsiteY14" fmla="*/ 0 h 4114800"/>
                <a:gd name="connsiteX0" fmla="*/ 4191003 w 6057725"/>
                <a:gd name="connsiteY0" fmla="*/ 0 h 4114800"/>
                <a:gd name="connsiteX1" fmla="*/ 5832767 w 6057725"/>
                <a:gd name="connsiteY1" fmla="*/ 1323110 h 4114800"/>
                <a:gd name="connsiteX2" fmla="*/ 5905151 w 6057725"/>
                <a:gd name="connsiteY2" fmla="*/ 1395098 h 4114800"/>
                <a:gd name="connsiteX3" fmla="*/ 5645727 w 6057725"/>
                <a:gd name="connsiteY3" fmla="*/ 4114800 h 4114800"/>
                <a:gd name="connsiteX4" fmla="*/ 1336964 w 6057725"/>
                <a:gd name="connsiteY4" fmla="*/ 4114800 h 4114800"/>
                <a:gd name="connsiteX5" fmla="*/ 0 w 6057725"/>
                <a:gd name="connsiteY5" fmla="*/ 2777836 h 4114800"/>
                <a:gd name="connsiteX6" fmla="*/ 1200267 w 6057725"/>
                <a:gd name="connsiteY6" fmla="*/ 1447775 h 4114800"/>
                <a:gd name="connsiteX7" fmla="*/ 1256791 w 6057725"/>
                <a:gd name="connsiteY7" fmla="*/ 1444921 h 4114800"/>
                <a:gd name="connsiteX8" fmla="*/ 1263237 w 6057725"/>
                <a:gd name="connsiteY8" fmla="*/ 1384285 h 4114800"/>
                <a:gd name="connsiteX9" fmla="*/ 2050475 w 6057725"/>
                <a:gd name="connsiteY9" fmla="*/ 775855 h 4114800"/>
                <a:gd name="connsiteX10" fmla="*/ 2561617 w 6057725"/>
                <a:gd name="connsiteY10" fmla="*/ 949859 h 4114800"/>
                <a:gd name="connsiteX11" fmla="*/ 2604065 w 6057725"/>
                <a:gd name="connsiteY11" fmla="*/ 989162 h 4114800"/>
                <a:gd name="connsiteX12" fmla="*/ 2623050 w 6057725"/>
                <a:gd name="connsiteY12" fmla="*/ 929658 h 4114800"/>
                <a:gd name="connsiteX13" fmla="*/ 4191003 w 6057725"/>
                <a:gd name="connsiteY13" fmla="*/ 0 h 4114800"/>
                <a:gd name="connsiteX0" fmla="*/ 4191003 w 6304506"/>
                <a:gd name="connsiteY0" fmla="*/ 0 h 4114800"/>
                <a:gd name="connsiteX1" fmla="*/ 5832767 w 6304506"/>
                <a:gd name="connsiteY1" fmla="*/ 1323110 h 4114800"/>
                <a:gd name="connsiteX2" fmla="*/ 5905151 w 6304506"/>
                <a:gd name="connsiteY2" fmla="*/ 1395098 h 4114800"/>
                <a:gd name="connsiteX3" fmla="*/ 5645727 w 6304506"/>
                <a:gd name="connsiteY3" fmla="*/ 4114800 h 4114800"/>
                <a:gd name="connsiteX4" fmla="*/ 1336964 w 6304506"/>
                <a:gd name="connsiteY4" fmla="*/ 4114800 h 4114800"/>
                <a:gd name="connsiteX5" fmla="*/ 0 w 6304506"/>
                <a:gd name="connsiteY5" fmla="*/ 2777836 h 4114800"/>
                <a:gd name="connsiteX6" fmla="*/ 1200267 w 6304506"/>
                <a:gd name="connsiteY6" fmla="*/ 1447775 h 4114800"/>
                <a:gd name="connsiteX7" fmla="*/ 1256791 w 6304506"/>
                <a:gd name="connsiteY7" fmla="*/ 1444921 h 4114800"/>
                <a:gd name="connsiteX8" fmla="*/ 1263237 w 6304506"/>
                <a:gd name="connsiteY8" fmla="*/ 1384285 h 4114800"/>
                <a:gd name="connsiteX9" fmla="*/ 2050475 w 6304506"/>
                <a:gd name="connsiteY9" fmla="*/ 775855 h 4114800"/>
                <a:gd name="connsiteX10" fmla="*/ 2561617 w 6304506"/>
                <a:gd name="connsiteY10" fmla="*/ 949859 h 4114800"/>
                <a:gd name="connsiteX11" fmla="*/ 2604065 w 6304506"/>
                <a:gd name="connsiteY11" fmla="*/ 989162 h 4114800"/>
                <a:gd name="connsiteX12" fmla="*/ 2623050 w 6304506"/>
                <a:gd name="connsiteY12" fmla="*/ 929658 h 4114800"/>
                <a:gd name="connsiteX13" fmla="*/ 4191003 w 6304506"/>
                <a:gd name="connsiteY13" fmla="*/ 0 h 4114800"/>
                <a:gd name="connsiteX0" fmla="*/ 4191003 w 6828167"/>
                <a:gd name="connsiteY0" fmla="*/ 0 h 4114800"/>
                <a:gd name="connsiteX1" fmla="*/ 5832767 w 6828167"/>
                <a:gd name="connsiteY1" fmla="*/ 1323110 h 4114800"/>
                <a:gd name="connsiteX2" fmla="*/ 5905151 w 6828167"/>
                <a:gd name="connsiteY2" fmla="*/ 1395098 h 4114800"/>
                <a:gd name="connsiteX3" fmla="*/ 5645727 w 6828167"/>
                <a:gd name="connsiteY3" fmla="*/ 4114800 h 4114800"/>
                <a:gd name="connsiteX4" fmla="*/ 1336964 w 6828167"/>
                <a:gd name="connsiteY4" fmla="*/ 4114800 h 4114800"/>
                <a:gd name="connsiteX5" fmla="*/ 0 w 6828167"/>
                <a:gd name="connsiteY5" fmla="*/ 2777836 h 4114800"/>
                <a:gd name="connsiteX6" fmla="*/ 1200267 w 6828167"/>
                <a:gd name="connsiteY6" fmla="*/ 1447775 h 4114800"/>
                <a:gd name="connsiteX7" fmla="*/ 1256791 w 6828167"/>
                <a:gd name="connsiteY7" fmla="*/ 1444921 h 4114800"/>
                <a:gd name="connsiteX8" fmla="*/ 1263237 w 6828167"/>
                <a:gd name="connsiteY8" fmla="*/ 1384285 h 4114800"/>
                <a:gd name="connsiteX9" fmla="*/ 2050475 w 6828167"/>
                <a:gd name="connsiteY9" fmla="*/ 775855 h 4114800"/>
                <a:gd name="connsiteX10" fmla="*/ 2561617 w 6828167"/>
                <a:gd name="connsiteY10" fmla="*/ 949859 h 4114800"/>
                <a:gd name="connsiteX11" fmla="*/ 2604065 w 6828167"/>
                <a:gd name="connsiteY11" fmla="*/ 989162 h 4114800"/>
                <a:gd name="connsiteX12" fmla="*/ 2623050 w 6828167"/>
                <a:gd name="connsiteY12" fmla="*/ 929658 h 4114800"/>
                <a:gd name="connsiteX13" fmla="*/ 4191003 w 6828167"/>
                <a:gd name="connsiteY13" fmla="*/ 0 h 4114800"/>
                <a:gd name="connsiteX0" fmla="*/ 4191003 w 6912148"/>
                <a:gd name="connsiteY0" fmla="*/ 0 h 4114800"/>
                <a:gd name="connsiteX1" fmla="*/ 5832767 w 6912148"/>
                <a:gd name="connsiteY1" fmla="*/ 1323110 h 4114800"/>
                <a:gd name="connsiteX2" fmla="*/ 5905151 w 6912148"/>
                <a:gd name="connsiteY2" fmla="*/ 1395098 h 4114800"/>
                <a:gd name="connsiteX3" fmla="*/ 5645727 w 6912148"/>
                <a:gd name="connsiteY3" fmla="*/ 4114800 h 4114800"/>
                <a:gd name="connsiteX4" fmla="*/ 1336964 w 6912148"/>
                <a:gd name="connsiteY4" fmla="*/ 4114800 h 4114800"/>
                <a:gd name="connsiteX5" fmla="*/ 0 w 6912148"/>
                <a:gd name="connsiteY5" fmla="*/ 2777836 h 4114800"/>
                <a:gd name="connsiteX6" fmla="*/ 1200267 w 6912148"/>
                <a:gd name="connsiteY6" fmla="*/ 1447775 h 4114800"/>
                <a:gd name="connsiteX7" fmla="*/ 1256791 w 6912148"/>
                <a:gd name="connsiteY7" fmla="*/ 1444921 h 4114800"/>
                <a:gd name="connsiteX8" fmla="*/ 1263237 w 6912148"/>
                <a:gd name="connsiteY8" fmla="*/ 1384285 h 4114800"/>
                <a:gd name="connsiteX9" fmla="*/ 2050475 w 6912148"/>
                <a:gd name="connsiteY9" fmla="*/ 775855 h 4114800"/>
                <a:gd name="connsiteX10" fmla="*/ 2561617 w 6912148"/>
                <a:gd name="connsiteY10" fmla="*/ 949859 h 4114800"/>
                <a:gd name="connsiteX11" fmla="*/ 2604065 w 6912148"/>
                <a:gd name="connsiteY11" fmla="*/ 989162 h 4114800"/>
                <a:gd name="connsiteX12" fmla="*/ 2623050 w 6912148"/>
                <a:gd name="connsiteY12" fmla="*/ 929658 h 4114800"/>
                <a:gd name="connsiteX13" fmla="*/ 4191003 w 6912148"/>
                <a:gd name="connsiteY13" fmla="*/ 0 h 4114800"/>
                <a:gd name="connsiteX0" fmla="*/ 4191003 w 6908391"/>
                <a:gd name="connsiteY0" fmla="*/ 0 h 4114800"/>
                <a:gd name="connsiteX1" fmla="*/ 5832767 w 6908391"/>
                <a:gd name="connsiteY1" fmla="*/ 1323110 h 4114800"/>
                <a:gd name="connsiteX2" fmla="*/ 5905151 w 6908391"/>
                <a:gd name="connsiteY2" fmla="*/ 1395098 h 4114800"/>
                <a:gd name="connsiteX3" fmla="*/ 5645727 w 6908391"/>
                <a:gd name="connsiteY3" fmla="*/ 4114800 h 4114800"/>
                <a:gd name="connsiteX4" fmla="*/ 1336964 w 6908391"/>
                <a:gd name="connsiteY4" fmla="*/ 4114800 h 4114800"/>
                <a:gd name="connsiteX5" fmla="*/ 0 w 6908391"/>
                <a:gd name="connsiteY5" fmla="*/ 2777836 h 4114800"/>
                <a:gd name="connsiteX6" fmla="*/ 1200267 w 6908391"/>
                <a:gd name="connsiteY6" fmla="*/ 1447775 h 4114800"/>
                <a:gd name="connsiteX7" fmla="*/ 1256791 w 6908391"/>
                <a:gd name="connsiteY7" fmla="*/ 1444921 h 4114800"/>
                <a:gd name="connsiteX8" fmla="*/ 1263237 w 6908391"/>
                <a:gd name="connsiteY8" fmla="*/ 1384285 h 4114800"/>
                <a:gd name="connsiteX9" fmla="*/ 2050475 w 6908391"/>
                <a:gd name="connsiteY9" fmla="*/ 775855 h 4114800"/>
                <a:gd name="connsiteX10" fmla="*/ 2561617 w 6908391"/>
                <a:gd name="connsiteY10" fmla="*/ 949859 h 4114800"/>
                <a:gd name="connsiteX11" fmla="*/ 2604065 w 6908391"/>
                <a:gd name="connsiteY11" fmla="*/ 989162 h 4114800"/>
                <a:gd name="connsiteX12" fmla="*/ 2623050 w 6908391"/>
                <a:gd name="connsiteY12" fmla="*/ 929658 h 4114800"/>
                <a:gd name="connsiteX13" fmla="*/ 4191003 w 6908391"/>
                <a:gd name="connsiteY13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1263237 w 6908391"/>
                <a:gd name="connsiteY7" fmla="*/ 1384285 h 4114800"/>
                <a:gd name="connsiteX8" fmla="*/ 2050475 w 6908391"/>
                <a:gd name="connsiteY8" fmla="*/ 775855 h 4114800"/>
                <a:gd name="connsiteX9" fmla="*/ 2561617 w 6908391"/>
                <a:gd name="connsiteY9" fmla="*/ 949859 h 4114800"/>
                <a:gd name="connsiteX10" fmla="*/ 2604065 w 6908391"/>
                <a:gd name="connsiteY10" fmla="*/ 989162 h 4114800"/>
                <a:gd name="connsiteX11" fmla="*/ 2623050 w 6908391"/>
                <a:gd name="connsiteY11" fmla="*/ 929658 h 4114800"/>
                <a:gd name="connsiteX12" fmla="*/ 4191003 w 6908391"/>
                <a:gd name="connsiteY12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1263237 w 6908391"/>
                <a:gd name="connsiteY7" fmla="*/ 1384285 h 4114800"/>
                <a:gd name="connsiteX8" fmla="*/ 2050475 w 6908391"/>
                <a:gd name="connsiteY8" fmla="*/ 775855 h 4114800"/>
                <a:gd name="connsiteX9" fmla="*/ 2561617 w 6908391"/>
                <a:gd name="connsiteY9" fmla="*/ 949859 h 4114800"/>
                <a:gd name="connsiteX10" fmla="*/ 2604065 w 6908391"/>
                <a:gd name="connsiteY10" fmla="*/ 989162 h 4114800"/>
                <a:gd name="connsiteX11" fmla="*/ 4191003 w 6908391"/>
                <a:gd name="connsiteY11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1263237 w 6908391"/>
                <a:gd name="connsiteY7" fmla="*/ 1384285 h 4114800"/>
                <a:gd name="connsiteX8" fmla="*/ 2050475 w 6908391"/>
                <a:gd name="connsiteY8" fmla="*/ 775855 h 4114800"/>
                <a:gd name="connsiteX9" fmla="*/ 2561617 w 6908391"/>
                <a:gd name="connsiteY9" fmla="*/ 949859 h 4114800"/>
                <a:gd name="connsiteX10" fmla="*/ 4191003 w 6908391"/>
                <a:gd name="connsiteY10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1263237 w 6908391"/>
                <a:gd name="connsiteY7" fmla="*/ 1384285 h 4114800"/>
                <a:gd name="connsiteX8" fmla="*/ 2050475 w 6908391"/>
                <a:gd name="connsiteY8" fmla="*/ 775855 h 4114800"/>
                <a:gd name="connsiteX9" fmla="*/ 2615349 w 6908391"/>
                <a:gd name="connsiteY9" fmla="*/ 863889 h 4114800"/>
                <a:gd name="connsiteX10" fmla="*/ 4191003 w 6908391"/>
                <a:gd name="connsiteY10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1263237 w 6908391"/>
                <a:gd name="connsiteY7" fmla="*/ 1384285 h 4114800"/>
                <a:gd name="connsiteX8" fmla="*/ 2615349 w 6908391"/>
                <a:gd name="connsiteY8" fmla="*/ 863889 h 4114800"/>
                <a:gd name="connsiteX9" fmla="*/ 4191003 w 6908391"/>
                <a:gd name="connsiteY9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2615349 w 6908391"/>
                <a:gd name="connsiteY7" fmla="*/ 863889 h 4114800"/>
                <a:gd name="connsiteX8" fmla="*/ 4191003 w 6908391"/>
                <a:gd name="connsiteY8" fmla="*/ 0 h 4114800"/>
                <a:gd name="connsiteX0" fmla="*/ 4191161 w 6908549"/>
                <a:gd name="connsiteY0" fmla="*/ 0 h 4114800"/>
                <a:gd name="connsiteX1" fmla="*/ 5905309 w 6908549"/>
                <a:gd name="connsiteY1" fmla="*/ 1395098 h 4114800"/>
                <a:gd name="connsiteX2" fmla="*/ 5645885 w 6908549"/>
                <a:gd name="connsiteY2" fmla="*/ 4114800 h 4114800"/>
                <a:gd name="connsiteX3" fmla="*/ 1337122 w 6908549"/>
                <a:gd name="connsiteY3" fmla="*/ 4114800 h 4114800"/>
                <a:gd name="connsiteX4" fmla="*/ 158 w 6908549"/>
                <a:gd name="connsiteY4" fmla="*/ 2777836 h 4114800"/>
                <a:gd name="connsiteX5" fmla="*/ 1256949 w 6908549"/>
                <a:gd name="connsiteY5" fmla="*/ 1444921 h 4114800"/>
                <a:gd name="connsiteX6" fmla="*/ 2615507 w 6908549"/>
                <a:gd name="connsiteY6" fmla="*/ 863889 h 4114800"/>
                <a:gd name="connsiteX7" fmla="*/ 4191161 w 6908549"/>
                <a:gd name="connsiteY7" fmla="*/ 0 h 4114800"/>
                <a:gd name="connsiteX0" fmla="*/ 4191208 w 6908596"/>
                <a:gd name="connsiteY0" fmla="*/ 0 h 4114800"/>
                <a:gd name="connsiteX1" fmla="*/ 5905356 w 6908596"/>
                <a:gd name="connsiteY1" fmla="*/ 1395098 h 4114800"/>
                <a:gd name="connsiteX2" fmla="*/ 5645932 w 6908596"/>
                <a:gd name="connsiteY2" fmla="*/ 4114800 h 4114800"/>
                <a:gd name="connsiteX3" fmla="*/ 1337169 w 6908596"/>
                <a:gd name="connsiteY3" fmla="*/ 4114800 h 4114800"/>
                <a:gd name="connsiteX4" fmla="*/ 205 w 6908596"/>
                <a:gd name="connsiteY4" fmla="*/ 2777836 h 4114800"/>
                <a:gd name="connsiteX5" fmla="*/ 1246250 w 6908596"/>
                <a:gd name="connsiteY5" fmla="*/ 1369697 h 4114800"/>
                <a:gd name="connsiteX6" fmla="*/ 2615554 w 6908596"/>
                <a:gd name="connsiteY6" fmla="*/ 863889 h 4114800"/>
                <a:gd name="connsiteX7" fmla="*/ 4191208 w 6908596"/>
                <a:gd name="connsiteY7" fmla="*/ 0 h 4114800"/>
                <a:gd name="connsiteX0" fmla="*/ 4083776 w 6801164"/>
                <a:gd name="connsiteY0" fmla="*/ 0 h 4114800"/>
                <a:gd name="connsiteX1" fmla="*/ 5797924 w 6801164"/>
                <a:gd name="connsiteY1" fmla="*/ 1395098 h 4114800"/>
                <a:gd name="connsiteX2" fmla="*/ 5538500 w 6801164"/>
                <a:gd name="connsiteY2" fmla="*/ 4114800 h 4114800"/>
                <a:gd name="connsiteX3" fmla="*/ 1229737 w 6801164"/>
                <a:gd name="connsiteY3" fmla="*/ 4114800 h 4114800"/>
                <a:gd name="connsiteX4" fmla="*/ 237 w 6801164"/>
                <a:gd name="connsiteY4" fmla="*/ 2745597 h 4114800"/>
                <a:gd name="connsiteX5" fmla="*/ 1138818 w 6801164"/>
                <a:gd name="connsiteY5" fmla="*/ 1369697 h 4114800"/>
                <a:gd name="connsiteX6" fmla="*/ 2508122 w 6801164"/>
                <a:gd name="connsiteY6" fmla="*/ 863889 h 4114800"/>
                <a:gd name="connsiteX7" fmla="*/ 4083776 w 6801164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2508020 w 6801062"/>
                <a:gd name="connsiteY0" fmla="*/ 171477 h 3422388"/>
                <a:gd name="connsiteX1" fmla="*/ 5797822 w 6801062"/>
                <a:gd name="connsiteY1" fmla="*/ 702686 h 3422388"/>
                <a:gd name="connsiteX2" fmla="*/ 5538398 w 6801062"/>
                <a:gd name="connsiteY2" fmla="*/ 3422388 h 3422388"/>
                <a:gd name="connsiteX3" fmla="*/ 1229635 w 6801062"/>
                <a:gd name="connsiteY3" fmla="*/ 3422388 h 3422388"/>
                <a:gd name="connsiteX4" fmla="*/ 135 w 6801062"/>
                <a:gd name="connsiteY4" fmla="*/ 2053185 h 3422388"/>
                <a:gd name="connsiteX5" fmla="*/ 1160209 w 6801062"/>
                <a:gd name="connsiteY5" fmla="*/ 677285 h 3422388"/>
                <a:gd name="connsiteX6" fmla="*/ 2508020 w 6801062"/>
                <a:gd name="connsiteY6" fmla="*/ 171477 h 3422388"/>
                <a:gd name="connsiteX0" fmla="*/ 2508020 w 6801062"/>
                <a:gd name="connsiteY0" fmla="*/ 428507 h 3679418"/>
                <a:gd name="connsiteX1" fmla="*/ 5797822 w 6801062"/>
                <a:gd name="connsiteY1" fmla="*/ 959716 h 3679418"/>
                <a:gd name="connsiteX2" fmla="*/ 5538398 w 6801062"/>
                <a:gd name="connsiteY2" fmla="*/ 3679418 h 3679418"/>
                <a:gd name="connsiteX3" fmla="*/ 1229635 w 6801062"/>
                <a:gd name="connsiteY3" fmla="*/ 3679418 h 3679418"/>
                <a:gd name="connsiteX4" fmla="*/ 135 w 6801062"/>
                <a:gd name="connsiteY4" fmla="*/ 2310215 h 3679418"/>
                <a:gd name="connsiteX5" fmla="*/ 1160209 w 6801062"/>
                <a:gd name="connsiteY5" fmla="*/ 934315 h 3679418"/>
                <a:gd name="connsiteX6" fmla="*/ 2508020 w 6801062"/>
                <a:gd name="connsiteY6" fmla="*/ 428507 h 3679418"/>
                <a:gd name="connsiteX0" fmla="*/ 2508020 w 6801062"/>
                <a:gd name="connsiteY0" fmla="*/ 624726 h 3875637"/>
                <a:gd name="connsiteX1" fmla="*/ 5797822 w 6801062"/>
                <a:gd name="connsiteY1" fmla="*/ 1155935 h 3875637"/>
                <a:gd name="connsiteX2" fmla="*/ 5538398 w 6801062"/>
                <a:gd name="connsiteY2" fmla="*/ 3875637 h 3875637"/>
                <a:gd name="connsiteX3" fmla="*/ 1229635 w 6801062"/>
                <a:gd name="connsiteY3" fmla="*/ 3875637 h 3875637"/>
                <a:gd name="connsiteX4" fmla="*/ 135 w 6801062"/>
                <a:gd name="connsiteY4" fmla="*/ 2506434 h 3875637"/>
                <a:gd name="connsiteX5" fmla="*/ 1160209 w 6801062"/>
                <a:gd name="connsiteY5" fmla="*/ 1130534 h 3875637"/>
                <a:gd name="connsiteX6" fmla="*/ 2508020 w 6801062"/>
                <a:gd name="connsiteY6" fmla="*/ 624726 h 3875637"/>
                <a:gd name="connsiteX0" fmla="*/ 2508020 w 6801062"/>
                <a:gd name="connsiteY0" fmla="*/ 852528 h 4103439"/>
                <a:gd name="connsiteX1" fmla="*/ 5797822 w 6801062"/>
                <a:gd name="connsiteY1" fmla="*/ 1383737 h 4103439"/>
                <a:gd name="connsiteX2" fmla="*/ 5538398 w 6801062"/>
                <a:gd name="connsiteY2" fmla="*/ 4103439 h 4103439"/>
                <a:gd name="connsiteX3" fmla="*/ 1229635 w 6801062"/>
                <a:gd name="connsiteY3" fmla="*/ 4103439 h 4103439"/>
                <a:gd name="connsiteX4" fmla="*/ 135 w 6801062"/>
                <a:gd name="connsiteY4" fmla="*/ 2734236 h 4103439"/>
                <a:gd name="connsiteX5" fmla="*/ 1160209 w 6801062"/>
                <a:gd name="connsiteY5" fmla="*/ 1358336 h 4103439"/>
                <a:gd name="connsiteX6" fmla="*/ 2508020 w 6801062"/>
                <a:gd name="connsiteY6" fmla="*/ 852528 h 4103439"/>
                <a:gd name="connsiteX0" fmla="*/ 2508020 w 6801062"/>
                <a:gd name="connsiteY0" fmla="*/ 904699 h 4155610"/>
                <a:gd name="connsiteX1" fmla="*/ 5797822 w 6801062"/>
                <a:gd name="connsiteY1" fmla="*/ 1435908 h 4155610"/>
                <a:gd name="connsiteX2" fmla="*/ 5538398 w 6801062"/>
                <a:gd name="connsiteY2" fmla="*/ 4155610 h 4155610"/>
                <a:gd name="connsiteX3" fmla="*/ 1229635 w 6801062"/>
                <a:gd name="connsiteY3" fmla="*/ 4155610 h 4155610"/>
                <a:gd name="connsiteX4" fmla="*/ 135 w 6801062"/>
                <a:gd name="connsiteY4" fmla="*/ 2786407 h 4155610"/>
                <a:gd name="connsiteX5" fmla="*/ 1160209 w 6801062"/>
                <a:gd name="connsiteY5" fmla="*/ 1410507 h 4155610"/>
                <a:gd name="connsiteX6" fmla="*/ 2508020 w 6801062"/>
                <a:gd name="connsiteY6" fmla="*/ 904699 h 4155610"/>
                <a:gd name="connsiteX0" fmla="*/ 2508020 w 6801062"/>
                <a:gd name="connsiteY0" fmla="*/ 904699 h 4155610"/>
                <a:gd name="connsiteX1" fmla="*/ 5797822 w 6801062"/>
                <a:gd name="connsiteY1" fmla="*/ 1435908 h 4155610"/>
                <a:gd name="connsiteX2" fmla="*/ 5538398 w 6801062"/>
                <a:gd name="connsiteY2" fmla="*/ 4155610 h 4155610"/>
                <a:gd name="connsiteX3" fmla="*/ 1229635 w 6801062"/>
                <a:gd name="connsiteY3" fmla="*/ 4155610 h 4155610"/>
                <a:gd name="connsiteX4" fmla="*/ 135 w 6801062"/>
                <a:gd name="connsiteY4" fmla="*/ 2786407 h 4155610"/>
                <a:gd name="connsiteX5" fmla="*/ 1160209 w 6801062"/>
                <a:gd name="connsiteY5" fmla="*/ 1410507 h 4155610"/>
                <a:gd name="connsiteX6" fmla="*/ 2508020 w 6801062"/>
                <a:gd name="connsiteY6" fmla="*/ 904699 h 4155610"/>
                <a:gd name="connsiteX0" fmla="*/ 1679655 w 5972697"/>
                <a:gd name="connsiteY0" fmla="*/ 904699 h 4155610"/>
                <a:gd name="connsiteX1" fmla="*/ 4969457 w 5972697"/>
                <a:gd name="connsiteY1" fmla="*/ 1435908 h 4155610"/>
                <a:gd name="connsiteX2" fmla="*/ 4710033 w 5972697"/>
                <a:gd name="connsiteY2" fmla="*/ 4155610 h 4155610"/>
                <a:gd name="connsiteX3" fmla="*/ 401270 w 5972697"/>
                <a:gd name="connsiteY3" fmla="*/ 4155610 h 4155610"/>
                <a:gd name="connsiteX4" fmla="*/ 331844 w 5972697"/>
                <a:gd name="connsiteY4" fmla="*/ 1410507 h 4155610"/>
                <a:gd name="connsiteX5" fmla="*/ 1679655 w 5972697"/>
                <a:gd name="connsiteY5" fmla="*/ 904699 h 4155610"/>
                <a:gd name="connsiteX0" fmla="*/ 2014189 w 6307231"/>
                <a:gd name="connsiteY0" fmla="*/ 904699 h 4155610"/>
                <a:gd name="connsiteX1" fmla="*/ 5303991 w 6307231"/>
                <a:gd name="connsiteY1" fmla="*/ 1435908 h 4155610"/>
                <a:gd name="connsiteX2" fmla="*/ 5044567 w 6307231"/>
                <a:gd name="connsiteY2" fmla="*/ 4155610 h 4155610"/>
                <a:gd name="connsiteX3" fmla="*/ 735804 w 6307231"/>
                <a:gd name="connsiteY3" fmla="*/ 4155610 h 4155610"/>
                <a:gd name="connsiteX4" fmla="*/ 666378 w 6307231"/>
                <a:gd name="connsiteY4" fmla="*/ 1410507 h 4155610"/>
                <a:gd name="connsiteX5" fmla="*/ 2014189 w 6307231"/>
                <a:gd name="connsiteY5" fmla="*/ 904699 h 4155610"/>
                <a:gd name="connsiteX0" fmla="*/ 2373228 w 6666270"/>
                <a:gd name="connsiteY0" fmla="*/ 904699 h 4155610"/>
                <a:gd name="connsiteX1" fmla="*/ 5663030 w 6666270"/>
                <a:gd name="connsiteY1" fmla="*/ 1435908 h 4155610"/>
                <a:gd name="connsiteX2" fmla="*/ 5403606 w 6666270"/>
                <a:gd name="connsiteY2" fmla="*/ 4155610 h 4155610"/>
                <a:gd name="connsiteX3" fmla="*/ 1094843 w 6666270"/>
                <a:gd name="connsiteY3" fmla="*/ 4155610 h 4155610"/>
                <a:gd name="connsiteX4" fmla="*/ 1025417 w 6666270"/>
                <a:gd name="connsiteY4" fmla="*/ 1410507 h 4155610"/>
                <a:gd name="connsiteX5" fmla="*/ 2373228 w 6666270"/>
                <a:gd name="connsiteY5" fmla="*/ 904699 h 4155610"/>
                <a:gd name="connsiteX0" fmla="*/ 2492057 w 6785099"/>
                <a:gd name="connsiteY0" fmla="*/ 904699 h 4155610"/>
                <a:gd name="connsiteX1" fmla="*/ 5781859 w 6785099"/>
                <a:gd name="connsiteY1" fmla="*/ 1435908 h 4155610"/>
                <a:gd name="connsiteX2" fmla="*/ 5522435 w 6785099"/>
                <a:gd name="connsiteY2" fmla="*/ 4155610 h 4155610"/>
                <a:gd name="connsiteX3" fmla="*/ 1213672 w 6785099"/>
                <a:gd name="connsiteY3" fmla="*/ 4155610 h 4155610"/>
                <a:gd name="connsiteX4" fmla="*/ 1144246 w 6785099"/>
                <a:gd name="connsiteY4" fmla="*/ 1410507 h 4155610"/>
                <a:gd name="connsiteX5" fmla="*/ 2492057 w 6785099"/>
                <a:gd name="connsiteY5" fmla="*/ 904699 h 4155610"/>
                <a:gd name="connsiteX0" fmla="*/ 2492057 w 6785099"/>
                <a:gd name="connsiteY0" fmla="*/ 904699 h 4155610"/>
                <a:gd name="connsiteX1" fmla="*/ 5781859 w 6785099"/>
                <a:gd name="connsiteY1" fmla="*/ 1435908 h 4155610"/>
                <a:gd name="connsiteX2" fmla="*/ 5522435 w 6785099"/>
                <a:gd name="connsiteY2" fmla="*/ 4155610 h 4155610"/>
                <a:gd name="connsiteX3" fmla="*/ 1213672 w 6785099"/>
                <a:gd name="connsiteY3" fmla="*/ 4155610 h 4155610"/>
                <a:gd name="connsiteX4" fmla="*/ 1144246 w 6785099"/>
                <a:gd name="connsiteY4" fmla="*/ 1410507 h 4155610"/>
                <a:gd name="connsiteX5" fmla="*/ 2492057 w 6785099"/>
                <a:gd name="connsiteY5" fmla="*/ 904699 h 4155610"/>
                <a:gd name="connsiteX0" fmla="*/ 2492057 w 6785099"/>
                <a:gd name="connsiteY0" fmla="*/ 904699 h 4155610"/>
                <a:gd name="connsiteX1" fmla="*/ 5781859 w 6785099"/>
                <a:gd name="connsiteY1" fmla="*/ 1435908 h 4155610"/>
                <a:gd name="connsiteX2" fmla="*/ 5522435 w 6785099"/>
                <a:gd name="connsiteY2" fmla="*/ 4155610 h 4155610"/>
                <a:gd name="connsiteX3" fmla="*/ 1213672 w 6785099"/>
                <a:gd name="connsiteY3" fmla="*/ 4155610 h 4155610"/>
                <a:gd name="connsiteX4" fmla="*/ 1144246 w 6785099"/>
                <a:gd name="connsiteY4" fmla="*/ 1410507 h 4155610"/>
                <a:gd name="connsiteX5" fmla="*/ 2492057 w 6785099"/>
                <a:gd name="connsiteY5" fmla="*/ 904699 h 4155610"/>
                <a:gd name="connsiteX0" fmla="*/ 2492057 w 6785099"/>
                <a:gd name="connsiteY0" fmla="*/ 904699 h 4155610"/>
                <a:gd name="connsiteX1" fmla="*/ 5781859 w 6785099"/>
                <a:gd name="connsiteY1" fmla="*/ 1435908 h 4155610"/>
                <a:gd name="connsiteX2" fmla="*/ 5522435 w 6785099"/>
                <a:gd name="connsiteY2" fmla="*/ 4155610 h 4155610"/>
                <a:gd name="connsiteX3" fmla="*/ 1213672 w 6785099"/>
                <a:gd name="connsiteY3" fmla="*/ 4155610 h 4155610"/>
                <a:gd name="connsiteX4" fmla="*/ 1144246 w 6785099"/>
                <a:gd name="connsiteY4" fmla="*/ 1410507 h 4155610"/>
                <a:gd name="connsiteX5" fmla="*/ 2492057 w 6785099"/>
                <a:gd name="connsiteY5" fmla="*/ 904699 h 4155610"/>
                <a:gd name="connsiteX0" fmla="*/ 2492057 w 6785099"/>
                <a:gd name="connsiteY0" fmla="*/ 904699 h 4155610"/>
                <a:gd name="connsiteX1" fmla="*/ 5781859 w 6785099"/>
                <a:gd name="connsiteY1" fmla="*/ 1435908 h 4155610"/>
                <a:gd name="connsiteX2" fmla="*/ 5522435 w 6785099"/>
                <a:gd name="connsiteY2" fmla="*/ 4155610 h 4155610"/>
                <a:gd name="connsiteX3" fmla="*/ 1213672 w 6785099"/>
                <a:gd name="connsiteY3" fmla="*/ 4155610 h 4155610"/>
                <a:gd name="connsiteX4" fmla="*/ 1144246 w 6785099"/>
                <a:gd name="connsiteY4" fmla="*/ 1410507 h 4155610"/>
                <a:gd name="connsiteX5" fmla="*/ 2492057 w 6785099"/>
                <a:gd name="connsiteY5" fmla="*/ 904699 h 4155610"/>
                <a:gd name="connsiteX0" fmla="*/ 2528614 w 6821656"/>
                <a:gd name="connsiteY0" fmla="*/ 904699 h 4155610"/>
                <a:gd name="connsiteX1" fmla="*/ 5818416 w 6821656"/>
                <a:gd name="connsiteY1" fmla="*/ 1435908 h 4155610"/>
                <a:gd name="connsiteX2" fmla="*/ 5558992 w 6821656"/>
                <a:gd name="connsiteY2" fmla="*/ 4155610 h 4155610"/>
                <a:gd name="connsiteX3" fmla="*/ 1250229 w 6821656"/>
                <a:gd name="connsiteY3" fmla="*/ 4155610 h 4155610"/>
                <a:gd name="connsiteX4" fmla="*/ 1180803 w 6821656"/>
                <a:gd name="connsiteY4" fmla="*/ 1410507 h 4155610"/>
                <a:gd name="connsiteX5" fmla="*/ 2528614 w 6821656"/>
                <a:gd name="connsiteY5" fmla="*/ 904699 h 4155610"/>
                <a:gd name="connsiteX0" fmla="*/ 2480712 w 6773754"/>
                <a:gd name="connsiteY0" fmla="*/ 904699 h 4155610"/>
                <a:gd name="connsiteX1" fmla="*/ 5770514 w 6773754"/>
                <a:gd name="connsiteY1" fmla="*/ 1435908 h 4155610"/>
                <a:gd name="connsiteX2" fmla="*/ 5511090 w 6773754"/>
                <a:gd name="connsiteY2" fmla="*/ 4155610 h 4155610"/>
                <a:gd name="connsiteX3" fmla="*/ 1202327 w 6773754"/>
                <a:gd name="connsiteY3" fmla="*/ 4155610 h 4155610"/>
                <a:gd name="connsiteX4" fmla="*/ 1132901 w 6773754"/>
                <a:gd name="connsiteY4" fmla="*/ 1410507 h 4155610"/>
                <a:gd name="connsiteX5" fmla="*/ 2480712 w 6773754"/>
                <a:gd name="connsiteY5" fmla="*/ 904699 h 4155610"/>
                <a:gd name="connsiteX0" fmla="*/ 2451753 w 6744795"/>
                <a:gd name="connsiteY0" fmla="*/ 904699 h 4155610"/>
                <a:gd name="connsiteX1" fmla="*/ 5741555 w 6744795"/>
                <a:gd name="connsiteY1" fmla="*/ 1435908 h 4155610"/>
                <a:gd name="connsiteX2" fmla="*/ 5482131 w 6744795"/>
                <a:gd name="connsiteY2" fmla="*/ 4155610 h 4155610"/>
                <a:gd name="connsiteX3" fmla="*/ 1173368 w 6744795"/>
                <a:gd name="connsiteY3" fmla="*/ 4155610 h 4155610"/>
                <a:gd name="connsiteX4" fmla="*/ 1167451 w 6744795"/>
                <a:gd name="connsiteY4" fmla="*/ 1545335 h 4155610"/>
                <a:gd name="connsiteX5" fmla="*/ 2451753 w 6744795"/>
                <a:gd name="connsiteY5" fmla="*/ 904699 h 4155610"/>
                <a:gd name="connsiteX0" fmla="*/ 2517179 w 6810221"/>
                <a:gd name="connsiteY0" fmla="*/ 904699 h 4155610"/>
                <a:gd name="connsiteX1" fmla="*/ 5806981 w 6810221"/>
                <a:gd name="connsiteY1" fmla="*/ 1435908 h 4155610"/>
                <a:gd name="connsiteX2" fmla="*/ 5547557 w 6810221"/>
                <a:gd name="connsiteY2" fmla="*/ 4155610 h 4155610"/>
                <a:gd name="connsiteX3" fmla="*/ 1238794 w 6810221"/>
                <a:gd name="connsiteY3" fmla="*/ 4155610 h 4155610"/>
                <a:gd name="connsiteX4" fmla="*/ 1232877 w 6810221"/>
                <a:gd name="connsiteY4" fmla="*/ 1545335 h 4155610"/>
                <a:gd name="connsiteX5" fmla="*/ 2517179 w 6810221"/>
                <a:gd name="connsiteY5" fmla="*/ 904699 h 4155610"/>
                <a:gd name="connsiteX0" fmla="*/ 2523917 w 6816959"/>
                <a:gd name="connsiteY0" fmla="*/ 904699 h 4155610"/>
                <a:gd name="connsiteX1" fmla="*/ 5813719 w 6816959"/>
                <a:gd name="connsiteY1" fmla="*/ 1435908 h 4155610"/>
                <a:gd name="connsiteX2" fmla="*/ 5554295 w 6816959"/>
                <a:gd name="connsiteY2" fmla="*/ 4155610 h 4155610"/>
                <a:gd name="connsiteX3" fmla="*/ 1245532 w 6816959"/>
                <a:gd name="connsiteY3" fmla="*/ 4155610 h 4155610"/>
                <a:gd name="connsiteX4" fmla="*/ 1239615 w 6816959"/>
                <a:gd name="connsiteY4" fmla="*/ 1545335 h 4155610"/>
                <a:gd name="connsiteX5" fmla="*/ 2523917 w 6816959"/>
                <a:gd name="connsiteY5" fmla="*/ 904699 h 4155610"/>
                <a:gd name="connsiteX0" fmla="*/ 2541237 w 6816959"/>
                <a:gd name="connsiteY0" fmla="*/ 1012636 h 3993889"/>
                <a:gd name="connsiteX1" fmla="*/ 5813719 w 6816959"/>
                <a:gd name="connsiteY1" fmla="*/ 1274187 h 3993889"/>
                <a:gd name="connsiteX2" fmla="*/ 5554295 w 6816959"/>
                <a:gd name="connsiteY2" fmla="*/ 3993889 h 3993889"/>
                <a:gd name="connsiteX3" fmla="*/ 1245532 w 6816959"/>
                <a:gd name="connsiteY3" fmla="*/ 3993889 h 3993889"/>
                <a:gd name="connsiteX4" fmla="*/ 1239615 w 6816959"/>
                <a:gd name="connsiteY4" fmla="*/ 1383614 h 3993889"/>
                <a:gd name="connsiteX5" fmla="*/ 2541237 w 6816959"/>
                <a:gd name="connsiteY5" fmla="*/ 1012636 h 3993889"/>
                <a:gd name="connsiteX0" fmla="*/ 2541237 w 6816959"/>
                <a:gd name="connsiteY0" fmla="*/ 1012636 h 3993889"/>
                <a:gd name="connsiteX1" fmla="*/ 5813719 w 6816959"/>
                <a:gd name="connsiteY1" fmla="*/ 1274187 h 3993889"/>
                <a:gd name="connsiteX2" fmla="*/ 5554295 w 6816959"/>
                <a:gd name="connsiteY2" fmla="*/ 3993889 h 3993889"/>
                <a:gd name="connsiteX3" fmla="*/ 1245532 w 6816959"/>
                <a:gd name="connsiteY3" fmla="*/ 3993889 h 3993889"/>
                <a:gd name="connsiteX4" fmla="*/ 1239615 w 6816959"/>
                <a:gd name="connsiteY4" fmla="*/ 1383614 h 3993889"/>
                <a:gd name="connsiteX5" fmla="*/ 2541237 w 6816959"/>
                <a:gd name="connsiteY5" fmla="*/ 1012636 h 3993889"/>
                <a:gd name="connsiteX0" fmla="*/ 2541237 w 6816959"/>
                <a:gd name="connsiteY0" fmla="*/ 1012636 h 3993889"/>
                <a:gd name="connsiteX1" fmla="*/ 5813719 w 6816959"/>
                <a:gd name="connsiteY1" fmla="*/ 1274187 h 3993889"/>
                <a:gd name="connsiteX2" fmla="*/ 5554295 w 6816959"/>
                <a:gd name="connsiteY2" fmla="*/ 3993889 h 3993889"/>
                <a:gd name="connsiteX3" fmla="*/ 1245532 w 6816959"/>
                <a:gd name="connsiteY3" fmla="*/ 3993889 h 3993889"/>
                <a:gd name="connsiteX4" fmla="*/ 1239615 w 6816959"/>
                <a:gd name="connsiteY4" fmla="*/ 1383614 h 3993889"/>
                <a:gd name="connsiteX5" fmla="*/ 2541237 w 6816959"/>
                <a:gd name="connsiteY5" fmla="*/ 1012636 h 3993889"/>
                <a:gd name="connsiteX0" fmla="*/ 2552785 w 6816959"/>
                <a:gd name="connsiteY0" fmla="*/ 1012637 h 3993889"/>
                <a:gd name="connsiteX1" fmla="*/ 5813719 w 6816959"/>
                <a:gd name="connsiteY1" fmla="*/ 1274187 h 3993889"/>
                <a:gd name="connsiteX2" fmla="*/ 5554295 w 6816959"/>
                <a:gd name="connsiteY2" fmla="*/ 3993889 h 3993889"/>
                <a:gd name="connsiteX3" fmla="*/ 1245532 w 6816959"/>
                <a:gd name="connsiteY3" fmla="*/ 3993889 h 3993889"/>
                <a:gd name="connsiteX4" fmla="*/ 1239615 w 6816959"/>
                <a:gd name="connsiteY4" fmla="*/ 1383614 h 3993889"/>
                <a:gd name="connsiteX5" fmla="*/ 2552785 w 6816959"/>
                <a:gd name="connsiteY5" fmla="*/ 1012637 h 3993889"/>
                <a:gd name="connsiteX0" fmla="*/ 2552785 w 6816959"/>
                <a:gd name="connsiteY0" fmla="*/ 1161538 h 4142790"/>
                <a:gd name="connsiteX1" fmla="*/ 5813719 w 6816959"/>
                <a:gd name="connsiteY1" fmla="*/ 1423088 h 4142790"/>
                <a:gd name="connsiteX2" fmla="*/ 5554295 w 6816959"/>
                <a:gd name="connsiteY2" fmla="*/ 4142790 h 4142790"/>
                <a:gd name="connsiteX3" fmla="*/ 1245532 w 6816959"/>
                <a:gd name="connsiteY3" fmla="*/ 4142790 h 4142790"/>
                <a:gd name="connsiteX4" fmla="*/ 1239615 w 6816959"/>
                <a:gd name="connsiteY4" fmla="*/ 1532515 h 4142790"/>
                <a:gd name="connsiteX5" fmla="*/ 2552785 w 6816959"/>
                <a:gd name="connsiteY5" fmla="*/ 1161538 h 4142790"/>
                <a:gd name="connsiteX0" fmla="*/ 2552785 w 6776467"/>
                <a:gd name="connsiteY0" fmla="*/ 1116066 h 4097318"/>
                <a:gd name="connsiteX1" fmla="*/ 5738666 w 6776467"/>
                <a:gd name="connsiteY1" fmla="*/ 1494060 h 4097318"/>
                <a:gd name="connsiteX2" fmla="*/ 5554295 w 6776467"/>
                <a:gd name="connsiteY2" fmla="*/ 4097318 h 4097318"/>
                <a:gd name="connsiteX3" fmla="*/ 1245532 w 6776467"/>
                <a:gd name="connsiteY3" fmla="*/ 4097318 h 4097318"/>
                <a:gd name="connsiteX4" fmla="*/ 1239615 w 6776467"/>
                <a:gd name="connsiteY4" fmla="*/ 1487043 h 4097318"/>
                <a:gd name="connsiteX5" fmla="*/ 2552785 w 6776467"/>
                <a:gd name="connsiteY5" fmla="*/ 1116066 h 4097318"/>
                <a:gd name="connsiteX0" fmla="*/ 2552785 w 6776467"/>
                <a:gd name="connsiteY0" fmla="*/ 1258222 h 4239474"/>
                <a:gd name="connsiteX1" fmla="*/ 5738666 w 6776467"/>
                <a:gd name="connsiteY1" fmla="*/ 1636216 h 4239474"/>
                <a:gd name="connsiteX2" fmla="*/ 5554295 w 6776467"/>
                <a:gd name="connsiteY2" fmla="*/ 4239474 h 4239474"/>
                <a:gd name="connsiteX3" fmla="*/ 1245532 w 6776467"/>
                <a:gd name="connsiteY3" fmla="*/ 4239474 h 4239474"/>
                <a:gd name="connsiteX4" fmla="*/ 1239615 w 6776467"/>
                <a:gd name="connsiteY4" fmla="*/ 1629199 h 4239474"/>
                <a:gd name="connsiteX5" fmla="*/ 2552785 w 6776467"/>
                <a:gd name="connsiteY5" fmla="*/ 1258222 h 4239474"/>
                <a:gd name="connsiteX0" fmla="*/ 2552785 w 6833199"/>
                <a:gd name="connsiteY0" fmla="*/ 1258222 h 4239474"/>
                <a:gd name="connsiteX1" fmla="*/ 5738666 w 6833199"/>
                <a:gd name="connsiteY1" fmla="*/ 1636216 h 4239474"/>
                <a:gd name="connsiteX2" fmla="*/ 5554295 w 6833199"/>
                <a:gd name="connsiteY2" fmla="*/ 4239474 h 4239474"/>
                <a:gd name="connsiteX3" fmla="*/ 1245532 w 6833199"/>
                <a:gd name="connsiteY3" fmla="*/ 4239474 h 4239474"/>
                <a:gd name="connsiteX4" fmla="*/ 1239615 w 6833199"/>
                <a:gd name="connsiteY4" fmla="*/ 1629199 h 4239474"/>
                <a:gd name="connsiteX5" fmla="*/ 2552785 w 6833199"/>
                <a:gd name="connsiteY5" fmla="*/ 1258222 h 4239474"/>
                <a:gd name="connsiteX0" fmla="*/ 2552785 w 6831175"/>
                <a:gd name="connsiteY0" fmla="*/ 1258222 h 4239474"/>
                <a:gd name="connsiteX1" fmla="*/ 5738666 w 6831175"/>
                <a:gd name="connsiteY1" fmla="*/ 1636216 h 4239474"/>
                <a:gd name="connsiteX2" fmla="*/ 5554295 w 6831175"/>
                <a:gd name="connsiteY2" fmla="*/ 4239474 h 4239474"/>
                <a:gd name="connsiteX3" fmla="*/ 1245532 w 6831175"/>
                <a:gd name="connsiteY3" fmla="*/ 4239474 h 4239474"/>
                <a:gd name="connsiteX4" fmla="*/ 1239615 w 6831175"/>
                <a:gd name="connsiteY4" fmla="*/ 1629199 h 4239474"/>
                <a:gd name="connsiteX5" fmla="*/ 2552785 w 6831175"/>
                <a:gd name="connsiteY5" fmla="*/ 1258222 h 4239474"/>
                <a:gd name="connsiteX0" fmla="*/ 2552785 w 6827133"/>
                <a:gd name="connsiteY0" fmla="*/ 1258222 h 4239474"/>
                <a:gd name="connsiteX1" fmla="*/ 5738666 w 6827133"/>
                <a:gd name="connsiteY1" fmla="*/ 1636216 h 4239474"/>
                <a:gd name="connsiteX2" fmla="*/ 5554295 w 6827133"/>
                <a:gd name="connsiteY2" fmla="*/ 4239474 h 4239474"/>
                <a:gd name="connsiteX3" fmla="*/ 1245532 w 6827133"/>
                <a:gd name="connsiteY3" fmla="*/ 4239474 h 4239474"/>
                <a:gd name="connsiteX4" fmla="*/ 1239615 w 6827133"/>
                <a:gd name="connsiteY4" fmla="*/ 1629199 h 4239474"/>
                <a:gd name="connsiteX5" fmla="*/ 2552785 w 6827133"/>
                <a:gd name="connsiteY5" fmla="*/ 1258222 h 423947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6827133" h="4239474">
                  <a:moveTo>
                    <a:pt x="2552785" y="1258222"/>
                  </a:moveTo>
                  <a:cubicBezTo>
                    <a:pt x="3020069" y="-632280"/>
                    <a:pt x="5686422" y="-299707"/>
                    <a:pt x="5738666" y="1636216"/>
                  </a:cubicBezTo>
                  <a:cubicBezTo>
                    <a:pt x="7324075" y="1908404"/>
                    <a:pt x="7104316" y="4205041"/>
                    <a:pt x="5554295" y="4239474"/>
                  </a:cubicBezTo>
                  <a:lnTo>
                    <a:pt x="1245532" y="4239474"/>
                  </a:lnTo>
                  <a:cubicBezTo>
                    <a:pt x="-547254" y="4096672"/>
                    <a:pt x="-275818" y="1536068"/>
                    <a:pt x="1239615" y="1629199"/>
                  </a:cubicBezTo>
                  <a:cubicBezTo>
                    <a:pt x="1209434" y="891771"/>
                    <a:pt x="2153665" y="526883"/>
                    <a:pt x="2552785" y="1258222"/>
                  </a:cubicBezTo>
                  <a:close/>
                </a:path>
              </a:pathLst>
            </a:custGeom>
            <a:solidFill>
              <a:srgbClr val="D8F3FC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2" name="Freeform 33"/>
            <p:cNvSpPr/>
            <p:nvPr/>
          </p:nvSpPr>
          <p:spPr>
            <a:xfrm>
              <a:off x="6217463" y="505977"/>
              <a:ext cx="2885918" cy="1623463"/>
            </a:xfrm>
            <a:custGeom>
              <a:avLst/>
              <a:gdLst>
                <a:gd name="connsiteX0" fmla="*/ 4191003 w 6982691"/>
                <a:gd name="connsiteY0" fmla="*/ 0 h 4114800"/>
                <a:gd name="connsiteX1" fmla="*/ 5832767 w 6982691"/>
                <a:gd name="connsiteY1" fmla="*/ 1323110 h 4114800"/>
                <a:gd name="connsiteX2" fmla="*/ 5824553 w 6982691"/>
                <a:gd name="connsiteY2" fmla="*/ 1454204 h 4114800"/>
                <a:gd name="connsiteX3" fmla="*/ 5915172 w 6982691"/>
                <a:gd name="connsiteY3" fmla="*/ 1468035 h 4114800"/>
                <a:gd name="connsiteX4" fmla="*/ 6982691 w 6982691"/>
                <a:gd name="connsiteY4" fmla="*/ 2777836 h 4114800"/>
                <a:gd name="connsiteX5" fmla="*/ 5645727 w 6982691"/>
                <a:gd name="connsiteY5" fmla="*/ 4114800 h 4114800"/>
                <a:gd name="connsiteX6" fmla="*/ 1336964 w 6982691"/>
                <a:gd name="connsiteY6" fmla="*/ 4114800 h 4114800"/>
                <a:gd name="connsiteX7" fmla="*/ 0 w 6982691"/>
                <a:gd name="connsiteY7" fmla="*/ 2777836 h 4114800"/>
                <a:gd name="connsiteX8" fmla="*/ 1200267 w 6982691"/>
                <a:gd name="connsiteY8" fmla="*/ 1447775 h 4114800"/>
                <a:gd name="connsiteX9" fmla="*/ 1256791 w 6982691"/>
                <a:gd name="connsiteY9" fmla="*/ 1444921 h 4114800"/>
                <a:gd name="connsiteX10" fmla="*/ 1263237 w 6982691"/>
                <a:gd name="connsiteY10" fmla="*/ 1384285 h 4114800"/>
                <a:gd name="connsiteX11" fmla="*/ 2050475 w 6982691"/>
                <a:gd name="connsiteY11" fmla="*/ 775855 h 4114800"/>
                <a:gd name="connsiteX12" fmla="*/ 2561617 w 6982691"/>
                <a:gd name="connsiteY12" fmla="*/ 949859 h 4114800"/>
                <a:gd name="connsiteX13" fmla="*/ 2604065 w 6982691"/>
                <a:gd name="connsiteY13" fmla="*/ 989162 h 4114800"/>
                <a:gd name="connsiteX14" fmla="*/ 2623050 w 6982691"/>
                <a:gd name="connsiteY14" fmla="*/ 929658 h 4114800"/>
                <a:gd name="connsiteX15" fmla="*/ 4191003 w 6982691"/>
                <a:gd name="connsiteY15" fmla="*/ 0 h 4114800"/>
                <a:gd name="connsiteX0" fmla="*/ 4191003 w 6982691"/>
                <a:gd name="connsiteY0" fmla="*/ 0 h 4114800"/>
                <a:gd name="connsiteX1" fmla="*/ 5832767 w 6982691"/>
                <a:gd name="connsiteY1" fmla="*/ 1323110 h 4114800"/>
                <a:gd name="connsiteX2" fmla="*/ 5824553 w 6982691"/>
                <a:gd name="connsiteY2" fmla="*/ 1454204 h 4114800"/>
                <a:gd name="connsiteX3" fmla="*/ 6982691 w 6982691"/>
                <a:gd name="connsiteY3" fmla="*/ 2777836 h 4114800"/>
                <a:gd name="connsiteX4" fmla="*/ 5645727 w 6982691"/>
                <a:gd name="connsiteY4" fmla="*/ 4114800 h 4114800"/>
                <a:gd name="connsiteX5" fmla="*/ 1336964 w 6982691"/>
                <a:gd name="connsiteY5" fmla="*/ 4114800 h 4114800"/>
                <a:gd name="connsiteX6" fmla="*/ 0 w 6982691"/>
                <a:gd name="connsiteY6" fmla="*/ 2777836 h 4114800"/>
                <a:gd name="connsiteX7" fmla="*/ 1200267 w 6982691"/>
                <a:gd name="connsiteY7" fmla="*/ 1447775 h 4114800"/>
                <a:gd name="connsiteX8" fmla="*/ 1256791 w 6982691"/>
                <a:gd name="connsiteY8" fmla="*/ 1444921 h 4114800"/>
                <a:gd name="connsiteX9" fmla="*/ 1263237 w 6982691"/>
                <a:gd name="connsiteY9" fmla="*/ 1384285 h 4114800"/>
                <a:gd name="connsiteX10" fmla="*/ 2050475 w 6982691"/>
                <a:gd name="connsiteY10" fmla="*/ 775855 h 4114800"/>
                <a:gd name="connsiteX11" fmla="*/ 2561617 w 6982691"/>
                <a:gd name="connsiteY11" fmla="*/ 949859 h 4114800"/>
                <a:gd name="connsiteX12" fmla="*/ 2604065 w 6982691"/>
                <a:gd name="connsiteY12" fmla="*/ 989162 h 4114800"/>
                <a:gd name="connsiteX13" fmla="*/ 2623050 w 6982691"/>
                <a:gd name="connsiteY13" fmla="*/ 929658 h 4114800"/>
                <a:gd name="connsiteX14" fmla="*/ 4191003 w 6982691"/>
                <a:gd name="connsiteY14" fmla="*/ 0 h 4114800"/>
                <a:gd name="connsiteX0" fmla="*/ 4191003 w 6984458"/>
                <a:gd name="connsiteY0" fmla="*/ 0 h 4114800"/>
                <a:gd name="connsiteX1" fmla="*/ 5832767 w 6984458"/>
                <a:gd name="connsiteY1" fmla="*/ 1323110 h 4114800"/>
                <a:gd name="connsiteX2" fmla="*/ 5905151 w 6984458"/>
                <a:gd name="connsiteY2" fmla="*/ 1395098 h 4114800"/>
                <a:gd name="connsiteX3" fmla="*/ 6982691 w 6984458"/>
                <a:gd name="connsiteY3" fmla="*/ 2777836 h 4114800"/>
                <a:gd name="connsiteX4" fmla="*/ 5645727 w 6984458"/>
                <a:gd name="connsiteY4" fmla="*/ 4114800 h 4114800"/>
                <a:gd name="connsiteX5" fmla="*/ 1336964 w 6984458"/>
                <a:gd name="connsiteY5" fmla="*/ 4114800 h 4114800"/>
                <a:gd name="connsiteX6" fmla="*/ 0 w 6984458"/>
                <a:gd name="connsiteY6" fmla="*/ 2777836 h 4114800"/>
                <a:gd name="connsiteX7" fmla="*/ 1200267 w 6984458"/>
                <a:gd name="connsiteY7" fmla="*/ 1447775 h 4114800"/>
                <a:gd name="connsiteX8" fmla="*/ 1256791 w 6984458"/>
                <a:gd name="connsiteY8" fmla="*/ 1444921 h 4114800"/>
                <a:gd name="connsiteX9" fmla="*/ 1263237 w 6984458"/>
                <a:gd name="connsiteY9" fmla="*/ 1384285 h 4114800"/>
                <a:gd name="connsiteX10" fmla="*/ 2050475 w 6984458"/>
                <a:gd name="connsiteY10" fmla="*/ 775855 h 4114800"/>
                <a:gd name="connsiteX11" fmla="*/ 2561617 w 6984458"/>
                <a:gd name="connsiteY11" fmla="*/ 949859 h 4114800"/>
                <a:gd name="connsiteX12" fmla="*/ 2604065 w 6984458"/>
                <a:gd name="connsiteY12" fmla="*/ 989162 h 4114800"/>
                <a:gd name="connsiteX13" fmla="*/ 2623050 w 6984458"/>
                <a:gd name="connsiteY13" fmla="*/ 929658 h 4114800"/>
                <a:gd name="connsiteX14" fmla="*/ 4191003 w 6984458"/>
                <a:gd name="connsiteY14" fmla="*/ 0 h 4114800"/>
                <a:gd name="connsiteX0" fmla="*/ 4191003 w 6057725"/>
                <a:gd name="connsiteY0" fmla="*/ 0 h 4114800"/>
                <a:gd name="connsiteX1" fmla="*/ 5832767 w 6057725"/>
                <a:gd name="connsiteY1" fmla="*/ 1323110 h 4114800"/>
                <a:gd name="connsiteX2" fmla="*/ 5905151 w 6057725"/>
                <a:gd name="connsiteY2" fmla="*/ 1395098 h 4114800"/>
                <a:gd name="connsiteX3" fmla="*/ 5645727 w 6057725"/>
                <a:gd name="connsiteY3" fmla="*/ 4114800 h 4114800"/>
                <a:gd name="connsiteX4" fmla="*/ 1336964 w 6057725"/>
                <a:gd name="connsiteY4" fmla="*/ 4114800 h 4114800"/>
                <a:gd name="connsiteX5" fmla="*/ 0 w 6057725"/>
                <a:gd name="connsiteY5" fmla="*/ 2777836 h 4114800"/>
                <a:gd name="connsiteX6" fmla="*/ 1200267 w 6057725"/>
                <a:gd name="connsiteY6" fmla="*/ 1447775 h 4114800"/>
                <a:gd name="connsiteX7" fmla="*/ 1256791 w 6057725"/>
                <a:gd name="connsiteY7" fmla="*/ 1444921 h 4114800"/>
                <a:gd name="connsiteX8" fmla="*/ 1263237 w 6057725"/>
                <a:gd name="connsiteY8" fmla="*/ 1384285 h 4114800"/>
                <a:gd name="connsiteX9" fmla="*/ 2050475 w 6057725"/>
                <a:gd name="connsiteY9" fmla="*/ 775855 h 4114800"/>
                <a:gd name="connsiteX10" fmla="*/ 2561617 w 6057725"/>
                <a:gd name="connsiteY10" fmla="*/ 949859 h 4114800"/>
                <a:gd name="connsiteX11" fmla="*/ 2604065 w 6057725"/>
                <a:gd name="connsiteY11" fmla="*/ 989162 h 4114800"/>
                <a:gd name="connsiteX12" fmla="*/ 2623050 w 6057725"/>
                <a:gd name="connsiteY12" fmla="*/ 929658 h 4114800"/>
                <a:gd name="connsiteX13" fmla="*/ 4191003 w 6057725"/>
                <a:gd name="connsiteY13" fmla="*/ 0 h 4114800"/>
                <a:gd name="connsiteX0" fmla="*/ 4191003 w 6304506"/>
                <a:gd name="connsiteY0" fmla="*/ 0 h 4114800"/>
                <a:gd name="connsiteX1" fmla="*/ 5832767 w 6304506"/>
                <a:gd name="connsiteY1" fmla="*/ 1323110 h 4114800"/>
                <a:gd name="connsiteX2" fmla="*/ 5905151 w 6304506"/>
                <a:gd name="connsiteY2" fmla="*/ 1395098 h 4114800"/>
                <a:gd name="connsiteX3" fmla="*/ 5645727 w 6304506"/>
                <a:gd name="connsiteY3" fmla="*/ 4114800 h 4114800"/>
                <a:gd name="connsiteX4" fmla="*/ 1336964 w 6304506"/>
                <a:gd name="connsiteY4" fmla="*/ 4114800 h 4114800"/>
                <a:gd name="connsiteX5" fmla="*/ 0 w 6304506"/>
                <a:gd name="connsiteY5" fmla="*/ 2777836 h 4114800"/>
                <a:gd name="connsiteX6" fmla="*/ 1200267 w 6304506"/>
                <a:gd name="connsiteY6" fmla="*/ 1447775 h 4114800"/>
                <a:gd name="connsiteX7" fmla="*/ 1256791 w 6304506"/>
                <a:gd name="connsiteY7" fmla="*/ 1444921 h 4114800"/>
                <a:gd name="connsiteX8" fmla="*/ 1263237 w 6304506"/>
                <a:gd name="connsiteY8" fmla="*/ 1384285 h 4114800"/>
                <a:gd name="connsiteX9" fmla="*/ 2050475 w 6304506"/>
                <a:gd name="connsiteY9" fmla="*/ 775855 h 4114800"/>
                <a:gd name="connsiteX10" fmla="*/ 2561617 w 6304506"/>
                <a:gd name="connsiteY10" fmla="*/ 949859 h 4114800"/>
                <a:gd name="connsiteX11" fmla="*/ 2604065 w 6304506"/>
                <a:gd name="connsiteY11" fmla="*/ 989162 h 4114800"/>
                <a:gd name="connsiteX12" fmla="*/ 2623050 w 6304506"/>
                <a:gd name="connsiteY12" fmla="*/ 929658 h 4114800"/>
                <a:gd name="connsiteX13" fmla="*/ 4191003 w 6304506"/>
                <a:gd name="connsiteY13" fmla="*/ 0 h 4114800"/>
                <a:gd name="connsiteX0" fmla="*/ 4191003 w 6828167"/>
                <a:gd name="connsiteY0" fmla="*/ 0 h 4114800"/>
                <a:gd name="connsiteX1" fmla="*/ 5832767 w 6828167"/>
                <a:gd name="connsiteY1" fmla="*/ 1323110 h 4114800"/>
                <a:gd name="connsiteX2" fmla="*/ 5905151 w 6828167"/>
                <a:gd name="connsiteY2" fmla="*/ 1395098 h 4114800"/>
                <a:gd name="connsiteX3" fmla="*/ 5645727 w 6828167"/>
                <a:gd name="connsiteY3" fmla="*/ 4114800 h 4114800"/>
                <a:gd name="connsiteX4" fmla="*/ 1336964 w 6828167"/>
                <a:gd name="connsiteY4" fmla="*/ 4114800 h 4114800"/>
                <a:gd name="connsiteX5" fmla="*/ 0 w 6828167"/>
                <a:gd name="connsiteY5" fmla="*/ 2777836 h 4114800"/>
                <a:gd name="connsiteX6" fmla="*/ 1200267 w 6828167"/>
                <a:gd name="connsiteY6" fmla="*/ 1447775 h 4114800"/>
                <a:gd name="connsiteX7" fmla="*/ 1256791 w 6828167"/>
                <a:gd name="connsiteY7" fmla="*/ 1444921 h 4114800"/>
                <a:gd name="connsiteX8" fmla="*/ 1263237 w 6828167"/>
                <a:gd name="connsiteY8" fmla="*/ 1384285 h 4114800"/>
                <a:gd name="connsiteX9" fmla="*/ 2050475 w 6828167"/>
                <a:gd name="connsiteY9" fmla="*/ 775855 h 4114800"/>
                <a:gd name="connsiteX10" fmla="*/ 2561617 w 6828167"/>
                <a:gd name="connsiteY10" fmla="*/ 949859 h 4114800"/>
                <a:gd name="connsiteX11" fmla="*/ 2604065 w 6828167"/>
                <a:gd name="connsiteY11" fmla="*/ 989162 h 4114800"/>
                <a:gd name="connsiteX12" fmla="*/ 2623050 w 6828167"/>
                <a:gd name="connsiteY12" fmla="*/ 929658 h 4114800"/>
                <a:gd name="connsiteX13" fmla="*/ 4191003 w 6828167"/>
                <a:gd name="connsiteY13" fmla="*/ 0 h 4114800"/>
                <a:gd name="connsiteX0" fmla="*/ 4191003 w 6912148"/>
                <a:gd name="connsiteY0" fmla="*/ 0 h 4114800"/>
                <a:gd name="connsiteX1" fmla="*/ 5832767 w 6912148"/>
                <a:gd name="connsiteY1" fmla="*/ 1323110 h 4114800"/>
                <a:gd name="connsiteX2" fmla="*/ 5905151 w 6912148"/>
                <a:gd name="connsiteY2" fmla="*/ 1395098 h 4114800"/>
                <a:gd name="connsiteX3" fmla="*/ 5645727 w 6912148"/>
                <a:gd name="connsiteY3" fmla="*/ 4114800 h 4114800"/>
                <a:gd name="connsiteX4" fmla="*/ 1336964 w 6912148"/>
                <a:gd name="connsiteY4" fmla="*/ 4114800 h 4114800"/>
                <a:gd name="connsiteX5" fmla="*/ 0 w 6912148"/>
                <a:gd name="connsiteY5" fmla="*/ 2777836 h 4114800"/>
                <a:gd name="connsiteX6" fmla="*/ 1200267 w 6912148"/>
                <a:gd name="connsiteY6" fmla="*/ 1447775 h 4114800"/>
                <a:gd name="connsiteX7" fmla="*/ 1256791 w 6912148"/>
                <a:gd name="connsiteY7" fmla="*/ 1444921 h 4114800"/>
                <a:gd name="connsiteX8" fmla="*/ 1263237 w 6912148"/>
                <a:gd name="connsiteY8" fmla="*/ 1384285 h 4114800"/>
                <a:gd name="connsiteX9" fmla="*/ 2050475 w 6912148"/>
                <a:gd name="connsiteY9" fmla="*/ 775855 h 4114800"/>
                <a:gd name="connsiteX10" fmla="*/ 2561617 w 6912148"/>
                <a:gd name="connsiteY10" fmla="*/ 949859 h 4114800"/>
                <a:gd name="connsiteX11" fmla="*/ 2604065 w 6912148"/>
                <a:gd name="connsiteY11" fmla="*/ 989162 h 4114800"/>
                <a:gd name="connsiteX12" fmla="*/ 2623050 w 6912148"/>
                <a:gd name="connsiteY12" fmla="*/ 929658 h 4114800"/>
                <a:gd name="connsiteX13" fmla="*/ 4191003 w 6912148"/>
                <a:gd name="connsiteY13" fmla="*/ 0 h 4114800"/>
                <a:gd name="connsiteX0" fmla="*/ 4191003 w 6908391"/>
                <a:gd name="connsiteY0" fmla="*/ 0 h 4114800"/>
                <a:gd name="connsiteX1" fmla="*/ 5832767 w 6908391"/>
                <a:gd name="connsiteY1" fmla="*/ 1323110 h 4114800"/>
                <a:gd name="connsiteX2" fmla="*/ 5905151 w 6908391"/>
                <a:gd name="connsiteY2" fmla="*/ 1395098 h 4114800"/>
                <a:gd name="connsiteX3" fmla="*/ 5645727 w 6908391"/>
                <a:gd name="connsiteY3" fmla="*/ 4114800 h 4114800"/>
                <a:gd name="connsiteX4" fmla="*/ 1336964 w 6908391"/>
                <a:gd name="connsiteY4" fmla="*/ 4114800 h 4114800"/>
                <a:gd name="connsiteX5" fmla="*/ 0 w 6908391"/>
                <a:gd name="connsiteY5" fmla="*/ 2777836 h 4114800"/>
                <a:gd name="connsiteX6" fmla="*/ 1200267 w 6908391"/>
                <a:gd name="connsiteY6" fmla="*/ 1447775 h 4114800"/>
                <a:gd name="connsiteX7" fmla="*/ 1256791 w 6908391"/>
                <a:gd name="connsiteY7" fmla="*/ 1444921 h 4114800"/>
                <a:gd name="connsiteX8" fmla="*/ 1263237 w 6908391"/>
                <a:gd name="connsiteY8" fmla="*/ 1384285 h 4114800"/>
                <a:gd name="connsiteX9" fmla="*/ 2050475 w 6908391"/>
                <a:gd name="connsiteY9" fmla="*/ 775855 h 4114800"/>
                <a:gd name="connsiteX10" fmla="*/ 2561617 w 6908391"/>
                <a:gd name="connsiteY10" fmla="*/ 949859 h 4114800"/>
                <a:gd name="connsiteX11" fmla="*/ 2604065 w 6908391"/>
                <a:gd name="connsiteY11" fmla="*/ 989162 h 4114800"/>
                <a:gd name="connsiteX12" fmla="*/ 2623050 w 6908391"/>
                <a:gd name="connsiteY12" fmla="*/ 929658 h 4114800"/>
                <a:gd name="connsiteX13" fmla="*/ 4191003 w 6908391"/>
                <a:gd name="connsiteY13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1263237 w 6908391"/>
                <a:gd name="connsiteY7" fmla="*/ 1384285 h 4114800"/>
                <a:gd name="connsiteX8" fmla="*/ 2050475 w 6908391"/>
                <a:gd name="connsiteY8" fmla="*/ 775855 h 4114800"/>
                <a:gd name="connsiteX9" fmla="*/ 2561617 w 6908391"/>
                <a:gd name="connsiteY9" fmla="*/ 949859 h 4114800"/>
                <a:gd name="connsiteX10" fmla="*/ 2604065 w 6908391"/>
                <a:gd name="connsiteY10" fmla="*/ 989162 h 4114800"/>
                <a:gd name="connsiteX11" fmla="*/ 2623050 w 6908391"/>
                <a:gd name="connsiteY11" fmla="*/ 929658 h 4114800"/>
                <a:gd name="connsiteX12" fmla="*/ 4191003 w 6908391"/>
                <a:gd name="connsiteY12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1263237 w 6908391"/>
                <a:gd name="connsiteY7" fmla="*/ 1384285 h 4114800"/>
                <a:gd name="connsiteX8" fmla="*/ 2050475 w 6908391"/>
                <a:gd name="connsiteY8" fmla="*/ 775855 h 4114800"/>
                <a:gd name="connsiteX9" fmla="*/ 2561617 w 6908391"/>
                <a:gd name="connsiteY9" fmla="*/ 949859 h 4114800"/>
                <a:gd name="connsiteX10" fmla="*/ 2604065 w 6908391"/>
                <a:gd name="connsiteY10" fmla="*/ 989162 h 4114800"/>
                <a:gd name="connsiteX11" fmla="*/ 4191003 w 6908391"/>
                <a:gd name="connsiteY11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1263237 w 6908391"/>
                <a:gd name="connsiteY7" fmla="*/ 1384285 h 4114800"/>
                <a:gd name="connsiteX8" fmla="*/ 2050475 w 6908391"/>
                <a:gd name="connsiteY8" fmla="*/ 775855 h 4114800"/>
                <a:gd name="connsiteX9" fmla="*/ 2561617 w 6908391"/>
                <a:gd name="connsiteY9" fmla="*/ 949859 h 4114800"/>
                <a:gd name="connsiteX10" fmla="*/ 4191003 w 6908391"/>
                <a:gd name="connsiteY10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1263237 w 6908391"/>
                <a:gd name="connsiteY7" fmla="*/ 1384285 h 4114800"/>
                <a:gd name="connsiteX8" fmla="*/ 2050475 w 6908391"/>
                <a:gd name="connsiteY8" fmla="*/ 775855 h 4114800"/>
                <a:gd name="connsiteX9" fmla="*/ 2615349 w 6908391"/>
                <a:gd name="connsiteY9" fmla="*/ 863889 h 4114800"/>
                <a:gd name="connsiteX10" fmla="*/ 4191003 w 6908391"/>
                <a:gd name="connsiteY10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1263237 w 6908391"/>
                <a:gd name="connsiteY7" fmla="*/ 1384285 h 4114800"/>
                <a:gd name="connsiteX8" fmla="*/ 2615349 w 6908391"/>
                <a:gd name="connsiteY8" fmla="*/ 863889 h 4114800"/>
                <a:gd name="connsiteX9" fmla="*/ 4191003 w 6908391"/>
                <a:gd name="connsiteY9" fmla="*/ 0 h 4114800"/>
                <a:gd name="connsiteX0" fmla="*/ 4191003 w 6908391"/>
                <a:gd name="connsiteY0" fmla="*/ 0 h 4114800"/>
                <a:gd name="connsiteX1" fmla="*/ 5905151 w 6908391"/>
                <a:gd name="connsiteY1" fmla="*/ 1395098 h 4114800"/>
                <a:gd name="connsiteX2" fmla="*/ 5645727 w 6908391"/>
                <a:gd name="connsiteY2" fmla="*/ 4114800 h 4114800"/>
                <a:gd name="connsiteX3" fmla="*/ 1336964 w 6908391"/>
                <a:gd name="connsiteY3" fmla="*/ 4114800 h 4114800"/>
                <a:gd name="connsiteX4" fmla="*/ 0 w 6908391"/>
                <a:gd name="connsiteY4" fmla="*/ 2777836 h 4114800"/>
                <a:gd name="connsiteX5" fmla="*/ 1200267 w 6908391"/>
                <a:gd name="connsiteY5" fmla="*/ 1447775 h 4114800"/>
                <a:gd name="connsiteX6" fmla="*/ 1256791 w 6908391"/>
                <a:gd name="connsiteY6" fmla="*/ 1444921 h 4114800"/>
                <a:gd name="connsiteX7" fmla="*/ 2615349 w 6908391"/>
                <a:gd name="connsiteY7" fmla="*/ 863889 h 4114800"/>
                <a:gd name="connsiteX8" fmla="*/ 4191003 w 6908391"/>
                <a:gd name="connsiteY8" fmla="*/ 0 h 4114800"/>
                <a:gd name="connsiteX0" fmla="*/ 4191161 w 6908549"/>
                <a:gd name="connsiteY0" fmla="*/ 0 h 4114800"/>
                <a:gd name="connsiteX1" fmla="*/ 5905309 w 6908549"/>
                <a:gd name="connsiteY1" fmla="*/ 1395098 h 4114800"/>
                <a:gd name="connsiteX2" fmla="*/ 5645885 w 6908549"/>
                <a:gd name="connsiteY2" fmla="*/ 4114800 h 4114800"/>
                <a:gd name="connsiteX3" fmla="*/ 1337122 w 6908549"/>
                <a:gd name="connsiteY3" fmla="*/ 4114800 h 4114800"/>
                <a:gd name="connsiteX4" fmla="*/ 158 w 6908549"/>
                <a:gd name="connsiteY4" fmla="*/ 2777836 h 4114800"/>
                <a:gd name="connsiteX5" fmla="*/ 1256949 w 6908549"/>
                <a:gd name="connsiteY5" fmla="*/ 1444921 h 4114800"/>
                <a:gd name="connsiteX6" fmla="*/ 2615507 w 6908549"/>
                <a:gd name="connsiteY6" fmla="*/ 863889 h 4114800"/>
                <a:gd name="connsiteX7" fmla="*/ 4191161 w 6908549"/>
                <a:gd name="connsiteY7" fmla="*/ 0 h 4114800"/>
                <a:gd name="connsiteX0" fmla="*/ 4191208 w 6908596"/>
                <a:gd name="connsiteY0" fmla="*/ 0 h 4114800"/>
                <a:gd name="connsiteX1" fmla="*/ 5905356 w 6908596"/>
                <a:gd name="connsiteY1" fmla="*/ 1395098 h 4114800"/>
                <a:gd name="connsiteX2" fmla="*/ 5645932 w 6908596"/>
                <a:gd name="connsiteY2" fmla="*/ 4114800 h 4114800"/>
                <a:gd name="connsiteX3" fmla="*/ 1337169 w 6908596"/>
                <a:gd name="connsiteY3" fmla="*/ 4114800 h 4114800"/>
                <a:gd name="connsiteX4" fmla="*/ 205 w 6908596"/>
                <a:gd name="connsiteY4" fmla="*/ 2777836 h 4114800"/>
                <a:gd name="connsiteX5" fmla="*/ 1246250 w 6908596"/>
                <a:gd name="connsiteY5" fmla="*/ 1369697 h 4114800"/>
                <a:gd name="connsiteX6" fmla="*/ 2615554 w 6908596"/>
                <a:gd name="connsiteY6" fmla="*/ 863889 h 4114800"/>
                <a:gd name="connsiteX7" fmla="*/ 4191208 w 6908596"/>
                <a:gd name="connsiteY7" fmla="*/ 0 h 4114800"/>
                <a:gd name="connsiteX0" fmla="*/ 4083776 w 6801164"/>
                <a:gd name="connsiteY0" fmla="*/ 0 h 4114800"/>
                <a:gd name="connsiteX1" fmla="*/ 5797924 w 6801164"/>
                <a:gd name="connsiteY1" fmla="*/ 1395098 h 4114800"/>
                <a:gd name="connsiteX2" fmla="*/ 5538500 w 6801164"/>
                <a:gd name="connsiteY2" fmla="*/ 4114800 h 4114800"/>
                <a:gd name="connsiteX3" fmla="*/ 1229737 w 6801164"/>
                <a:gd name="connsiteY3" fmla="*/ 4114800 h 4114800"/>
                <a:gd name="connsiteX4" fmla="*/ 237 w 6801164"/>
                <a:gd name="connsiteY4" fmla="*/ 2745597 h 4114800"/>
                <a:gd name="connsiteX5" fmla="*/ 1138818 w 6801164"/>
                <a:gd name="connsiteY5" fmla="*/ 1369697 h 4114800"/>
                <a:gd name="connsiteX6" fmla="*/ 2508122 w 6801164"/>
                <a:gd name="connsiteY6" fmla="*/ 863889 h 4114800"/>
                <a:gd name="connsiteX7" fmla="*/ 4083776 w 6801164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4083674 w 6801062"/>
                <a:gd name="connsiteY0" fmla="*/ 0 h 4114800"/>
                <a:gd name="connsiteX1" fmla="*/ 5797822 w 6801062"/>
                <a:gd name="connsiteY1" fmla="*/ 1395098 h 4114800"/>
                <a:gd name="connsiteX2" fmla="*/ 5538398 w 6801062"/>
                <a:gd name="connsiteY2" fmla="*/ 4114800 h 4114800"/>
                <a:gd name="connsiteX3" fmla="*/ 1229635 w 6801062"/>
                <a:gd name="connsiteY3" fmla="*/ 4114800 h 4114800"/>
                <a:gd name="connsiteX4" fmla="*/ 135 w 6801062"/>
                <a:gd name="connsiteY4" fmla="*/ 2745597 h 4114800"/>
                <a:gd name="connsiteX5" fmla="*/ 1160209 w 6801062"/>
                <a:gd name="connsiteY5" fmla="*/ 1369697 h 4114800"/>
                <a:gd name="connsiteX6" fmla="*/ 2508020 w 6801062"/>
                <a:gd name="connsiteY6" fmla="*/ 863889 h 4114800"/>
                <a:gd name="connsiteX7" fmla="*/ 4083674 w 6801062"/>
                <a:gd name="connsiteY7" fmla="*/ 0 h 4114800"/>
                <a:gd name="connsiteX0" fmla="*/ 2508020 w 6801062"/>
                <a:gd name="connsiteY0" fmla="*/ 171477 h 3422388"/>
                <a:gd name="connsiteX1" fmla="*/ 5797822 w 6801062"/>
                <a:gd name="connsiteY1" fmla="*/ 702686 h 3422388"/>
                <a:gd name="connsiteX2" fmla="*/ 5538398 w 6801062"/>
                <a:gd name="connsiteY2" fmla="*/ 3422388 h 3422388"/>
                <a:gd name="connsiteX3" fmla="*/ 1229635 w 6801062"/>
                <a:gd name="connsiteY3" fmla="*/ 3422388 h 3422388"/>
                <a:gd name="connsiteX4" fmla="*/ 135 w 6801062"/>
                <a:gd name="connsiteY4" fmla="*/ 2053185 h 3422388"/>
                <a:gd name="connsiteX5" fmla="*/ 1160209 w 6801062"/>
                <a:gd name="connsiteY5" fmla="*/ 677285 h 3422388"/>
                <a:gd name="connsiteX6" fmla="*/ 2508020 w 6801062"/>
                <a:gd name="connsiteY6" fmla="*/ 171477 h 3422388"/>
                <a:gd name="connsiteX0" fmla="*/ 2508020 w 6801062"/>
                <a:gd name="connsiteY0" fmla="*/ 428507 h 3679418"/>
                <a:gd name="connsiteX1" fmla="*/ 5797822 w 6801062"/>
                <a:gd name="connsiteY1" fmla="*/ 959716 h 3679418"/>
                <a:gd name="connsiteX2" fmla="*/ 5538398 w 6801062"/>
                <a:gd name="connsiteY2" fmla="*/ 3679418 h 3679418"/>
                <a:gd name="connsiteX3" fmla="*/ 1229635 w 6801062"/>
                <a:gd name="connsiteY3" fmla="*/ 3679418 h 3679418"/>
                <a:gd name="connsiteX4" fmla="*/ 135 w 6801062"/>
                <a:gd name="connsiteY4" fmla="*/ 2310215 h 3679418"/>
                <a:gd name="connsiteX5" fmla="*/ 1160209 w 6801062"/>
                <a:gd name="connsiteY5" fmla="*/ 934315 h 3679418"/>
                <a:gd name="connsiteX6" fmla="*/ 2508020 w 6801062"/>
                <a:gd name="connsiteY6" fmla="*/ 428507 h 3679418"/>
                <a:gd name="connsiteX0" fmla="*/ 2508020 w 6801062"/>
                <a:gd name="connsiteY0" fmla="*/ 624726 h 3875637"/>
                <a:gd name="connsiteX1" fmla="*/ 5797822 w 6801062"/>
                <a:gd name="connsiteY1" fmla="*/ 1155935 h 3875637"/>
                <a:gd name="connsiteX2" fmla="*/ 5538398 w 6801062"/>
                <a:gd name="connsiteY2" fmla="*/ 3875637 h 3875637"/>
                <a:gd name="connsiteX3" fmla="*/ 1229635 w 6801062"/>
                <a:gd name="connsiteY3" fmla="*/ 3875637 h 3875637"/>
                <a:gd name="connsiteX4" fmla="*/ 135 w 6801062"/>
                <a:gd name="connsiteY4" fmla="*/ 2506434 h 3875637"/>
                <a:gd name="connsiteX5" fmla="*/ 1160209 w 6801062"/>
                <a:gd name="connsiteY5" fmla="*/ 1130534 h 3875637"/>
                <a:gd name="connsiteX6" fmla="*/ 2508020 w 6801062"/>
                <a:gd name="connsiteY6" fmla="*/ 624726 h 3875637"/>
                <a:gd name="connsiteX0" fmla="*/ 2508020 w 6801062"/>
                <a:gd name="connsiteY0" fmla="*/ 852528 h 4103439"/>
                <a:gd name="connsiteX1" fmla="*/ 5797822 w 6801062"/>
                <a:gd name="connsiteY1" fmla="*/ 1383737 h 4103439"/>
                <a:gd name="connsiteX2" fmla="*/ 5538398 w 6801062"/>
                <a:gd name="connsiteY2" fmla="*/ 4103439 h 4103439"/>
                <a:gd name="connsiteX3" fmla="*/ 1229635 w 6801062"/>
                <a:gd name="connsiteY3" fmla="*/ 4103439 h 4103439"/>
                <a:gd name="connsiteX4" fmla="*/ 135 w 6801062"/>
                <a:gd name="connsiteY4" fmla="*/ 2734236 h 4103439"/>
                <a:gd name="connsiteX5" fmla="*/ 1160209 w 6801062"/>
                <a:gd name="connsiteY5" fmla="*/ 1358336 h 4103439"/>
                <a:gd name="connsiteX6" fmla="*/ 2508020 w 6801062"/>
                <a:gd name="connsiteY6" fmla="*/ 852528 h 4103439"/>
                <a:gd name="connsiteX0" fmla="*/ 2508020 w 6801062"/>
                <a:gd name="connsiteY0" fmla="*/ 904699 h 4155610"/>
                <a:gd name="connsiteX1" fmla="*/ 5797822 w 6801062"/>
                <a:gd name="connsiteY1" fmla="*/ 1435908 h 4155610"/>
                <a:gd name="connsiteX2" fmla="*/ 5538398 w 6801062"/>
                <a:gd name="connsiteY2" fmla="*/ 4155610 h 4155610"/>
                <a:gd name="connsiteX3" fmla="*/ 1229635 w 6801062"/>
                <a:gd name="connsiteY3" fmla="*/ 4155610 h 4155610"/>
                <a:gd name="connsiteX4" fmla="*/ 135 w 6801062"/>
                <a:gd name="connsiteY4" fmla="*/ 2786407 h 4155610"/>
                <a:gd name="connsiteX5" fmla="*/ 1160209 w 6801062"/>
                <a:gd name="connsiteY5" fmla="*/ 1410507 h 4155610"/>
                <a:gd name="connsiteX6" fmla="*/ 2508020 w 6801062"/>
                <a:gd name="connsiteY6" fmla="*/ 904699 h 4155610"/>
                <a:gd name="connsiteX0" fmla="*/ 2508020 w 6801062"/>
                <a:gd name="connsiteY0" fmla="*/ 904699 h 4155610"/>
                <a:gd name="connsiteX1" fmla="*/ 5797822 w 6801062"/>
                <a:gd name="connsiteY1" fmla="*/ 1435908 h 4155610"/>
                <a:gd name="connsiteX2" fmla="*/ 5538398 w 6801062"/>
                <a:gd name="connsiteY2" fmla="*/ 4155610 h 4155610"/>
                <a:gd name="connsiteX3" fmla="*/ 1229635 w 6801062"/>
                <a:gd name="connsiteY3" fmla="*/ 4155610 h 4155610"/>
                <a:gd name="connsiteX4" fmla="*/ 135 w 6801062"/>
                <a:gd name="connsiteY4" fmla="*/ 2786407 h 4155610"/>
                <a:gd name="connsiteX5" fmla="*/ 1160209 w 6801062"/>
                <a:gd name="connsiteY5" fmla="*/ 1410507 h 4155610"/>
                <a:gd name="connsiteX6" fmla="*/ 2508020 w 6801062"/>
                <a:gd name="connsiteY6" fmla="*/ 904699 h 4155610"/>
                <a:gd name="connsiteX0" fmla="*/ 1679655 w 5972697"/>
                <a:gd name="connsiteY0" fmla="*/ 904699 h 4155610"/>
                <a:gd name="connsiteX1" fmla="*/ 4969457 w 5972697"/>
                <a:gd name="connsiteY1" fmla="*/ 1435908 h 4155610"/>
                <a:gd name="connsiteX2" fmla="*/ 4710033 w 5972697"/>
                <a:gd name="connsiteY2" fmla="*/ 4155610 h 4155610"/>
                <a:gd name="connsiteX3" fmla="*/ 401270 w 5972697"/>
                <a:gd name="connsiteY3" fmla="*/ 4155610 h 4155610"/>
                <a:gd name="connsiteX4" fmla="*/ 331844 w 5972697"/>
                <a:gd name="connsiteY4" fmla="*/ 1410507 h 4155610"/>
                <a:gd name="connsiteX5" fmla="*/ 1679655 w 5972697"/>
                <a:gd name="connsiteY5" fmla="*/ 904699 h 4155610"/>
                <a:gd name="connsiteX0" fmla="*/ 2014189 w 6307231"/>
                <a:gd name="connsiteY0" fmla="*/ 904699 h 4155610"/>
                <a:gd name="connsiteX1" fmla="*/ 5303991 w 6307231"/>
                <a:gd name="connsiteY1" fmla="*/ 1435908 h 4155610"/>
                <a:gd name="connsiteX2" fmla="*/ 5044567 w 6307231"/>
                <a:gd name="connsiteY2" fmla="*/ 4155610 h 4155610"/>
                <a:gd name="connsiteX3" fmla="*/ 735804 w 6307231"/>
                <a:gd name="connsiteY3" fmla="*/ 4155610 h 4155610"/>
                <a:gd name="connsiteX4" fmla="*/ 666378 w 6307231"/>
                <a:gd name="connsiteY4" fmla="*/ 1410507 h 4155610"/>
                <a:gd name="connsiteX5" fmla="*/ 2014189 w 6307231"/>
                <a:gd name="connsiteY5" fmla="*/ 904699 h 4155610"/>
                <a:gd name="connsiteX0" fmla="*/ 2373228 w 6666270"/>
                <a:gd name="connsiteY0" fmla="*/ 904699 h 4155610"/>
                <a:gd name="connsiteX1" fmla="*/ 5663030 w 6666270"/>
                <a:gd name="connsiteY1" fmla="*/ 1435908 h 4155610"/>
                <a:gd name="connsiteX2" fmla="*/ 5403606 w 6666270"/>
                <a:gd name="connsiteY2" fmla="*/ 4155610 h 4155610"/>
                <a:gd name="connsiteX3" fmla="*/ 1094843 w 6666270"/>
                <a:gd name="connsiteY3" fmla="*/ 4155610 h 4155610"/>
                <a:gd name="connsiteX4" fmla="*/ 1025417 w 6666270"/>
                <a:gd name="connsiteY4" fmla="*/ 1410507 h 4155610"/>
                <a:gd name="connsiteX5" fmla="*/ 2373228 w 6666270"/>
                <a:gd name="connsiteY5" fmla="*/ 904699 h 4155610"/>
                <a:gd name="connsiteX0" fmla="*/ 2492057 w 6785099"/>
                <a:gd name="connsiteY0" fmla="*/ 904699 h 4155610"/>
                <a:gd name="connsiteX1" fmla="*/ 5781859 w 6785099"/>
                <a:gd name="connsiteY1" fmla="*/ 1435908 h 4155610"/>
                <a:gd name="connsiteX2" fmla="*/ 5522435 w 6785099"/>
                <a:gd name="connsiteY2" fmla="*/ 4155610 h 4155610"/>
                <a:gd name="connsiteX3" fmla="*/ 1213672 w 6785099"/>
                <a:gd name="connsiteY3" fmla="*/ 4155610 h 4155610"/>
                <a:gd name="connsiteX4" fmla="*/ 1144246 w 6785099"/>
                <a:gd name="connsiteY4" fmla="*/ 1410507 h 4155610"/>
                <a:gd name="connsiteX5" fmla="*/ 2492057 w 6785099"/>
                <a:gd name="connsiteY5" fmla="*/ 904699 h 4155610"/>
                <a:gd name="connsiteX0" fmla="*/ 2492057 w 6785099"/>
                <a:gd name="connsiteY0" fmla="*/ 904699 h 4155610"/>
                <a:gd name="connsiteX1" fmla="*/ 5781859 w 6785099"/>
                <a:gd name="connsiteY1" fmla="*/ 1435908 h 4155610"/>
                <a:gd name="connsiteX2" fmla="*/ 5522435 w 6785099"/>
                <a:gd name="connsiteY2" fmla="*/ 4155610 h 4155610"/>
                <a:gd name="connsiteX3" fmla="*/ 1213672 w 6785099"/>
                <a:gd name="connsiteY3" fmla="*/ 4155610 h 4155610"/>
                <a:gd name="connsiteX4" fmla="*/ 1144246 w 6785099"/>
                <a:gd name="connsiteY4" fmla="*/ 1410507 h 4155610"/>
                <a:gd name="connsiteX5" fmla="*/ 2492057 w 6785099"/>
                <a:gd name="connsiteY5" fmla="*/ 904699 h 4155610"/>
                <a:gd name="connsiteX0" fmla="*/ 2492057 w 6785099"/>
                <a:gd name="connsiteY0" fmla="*/ 904699 h 4155610"/>
                <a:gd name="connsiteX1" fmla="*/ 5781859 w 6785099"/>
                <a:gd name="connsiteY1" fmla="*/ 1435908 h 4155610"/>
                <a:gd name="connsiteX2" fmla="*/ 5522435 w 6785099"/>
                <a:gd name="connsiteY2" fmla="*/ 4155610 h 4155610"/>
                <a:gd name="connsiteX3" fmla="*/ 1213672 w 6785099"/>
                <a:gd name="connsiteY3" fmla="*/ 4155610 h 4155610"/>
                <a:gd name="connsiteX4" fmla="*/ 1144246 w 6785099"/>
                <a:gd name="connsiteY4" fmla="*/ 1410507 h 4155610"/>
                <a:gd name="connsiteX5" fmla="*/ 2492057 w 6785099"/>
                <a:gd name="connsiteY5" fmla="*/ 904699 h 4155610"/>
                <a:gd name="connsiteX0" fmla="*/ 2492057 w 6785099"/>
                <a:gd name="connsiteY0" fmla="*/ 904699 h 4155610"/>
                <a:gd name="connsiteX1" fmla="*/ 5781859 w 6785099"/>
                <a:gd name="connsiteY1" fmla="*/ 1435908 h 4155610"/>
                <a:gd name="connsiteX2" fmla="*/ 5522435 w 6785099"/>
                <a:gd name="connsiteY2" fmla="*/ 4155610 h 4155610"/>
                <a:gd name="connsiteX3" fmla="*/ 1213672 w 6785099"/>
                <a:gd name="connsiteY3" fmla="*/ 4155610 h 4155610"/>
                <a:gd name="connsiteX4" fmla="*/ 1144246 w 6785099"/>
                <a:gd name="connsiteY4" fmla="*/ 1410507 h 4155610"/>
                <a:gd name="connsiteX5" fmla="*/ 2492057 w 6785099"/>
                <a:gd name="connsiteY5" fmla="*/ 904699 h 4155610"/>
                <a:gd name="connsiteX0" fmla="*/ 2492057 w 6785099"/>
                <a:gd name="connsiteY0" fmla="*/ 904699 h 4155610"/>
                <a:gd name="connsiteX1" fmla="*/ 5781859 w 6785099"/>
                <a:gd name="connsiteY1" fmla="*/ 1435908 h 4155610"/>
                <a:gd name="connsiteX2" fmla="*/ 5522435 w 6785099"/>
                <a:gd name="connsiteY2" fmla="*/ 4155610 h 4155610"/>
                <a:gd name="connsiteX3" fmla="*/ 1213672 w 6785099"/>
                <a:gd name="connsiteY3" fmla="*/ 4155610 h 4155610"/>
                <a:gd name="connsiteX4" fmla="*/ 1144246 w 6785099"/>
                <a:gd name="connsiteY4" fmla="*/ 1410507 h 4155610"/>
                <a:gd name="connsiteX5" fmla="*/ 2492057 w 6785099"/>
                <a:gd name="connsiteY5" fmla="*/ 904699 h 4155610"/>
                <a:gd name="connsiteX0" fmla="*/ 2528614 w 6821656"/>
                <a:gd name="connsiteY0" fmla="*/ 904699 h 4155610"/>
                <a:gd name="connsiteX1" fmla="*/ 5818416 w 6821656"/>
                <a:gd name="connsiteY1" fmla="*/ 1435908 h 4155610"/>
                <a:gd name="connsiteX2" fmla="*/ 5558992 w 6821656"/>
                <a:gd name="connsiteY2" fmla="*/ 4155610 h 4155610"/>
                <a:gd name="connsiteX3" fmla="*/ 1250229 w 6821656"/>
                <a:gd name="connsiteY3" fmla="*/ 4155610 h 4155610"/>
                <a:gd name="connsiteX4" fmla="*/ 1180803 w 6821656"/>
                <a:gd name="connsiteY4" fmla="*/ 1410507 h 4155610"/>
                <a:gd name="connsiteX5" fmla="*/ 2528614 w 6821656"/>
                <a:gd name="connsiteY5" fmla="*/ 904699 h 4155610"/>
                <a:gd name="connsiteX0" fmla="*/ 2480712 w 6773754"/>
                <a:gd name="connsiteY0" fmla="*/ 904699 h 4155610"/>
                <a:gd name="connsiteX1" fmla="*/ 5770514 w 6773754"/>
                <a:gd name="connsiteY1" fmla="*/ 1435908 h 4155610"/>
                <a:gd name="connsiteX2" fmla="*/ 5511090 w 6773754"/>
                <a:gd name="connsiteY2" fmla="*/ 4155610 h 4155610"/>
                <a:gd name="connsiteX3" fmla="*/ 1202327 w 6773754"/>
                <a:gd name="connsiteY3" fmla="*/ 4155610 h 4155610"/>
                <a:gd name="connsiteX4" fmla="*/ 1132901 w 6773754"/>
                <a:gd name="connsiteY4" fmla="*/ 1410507 h 4155610"/>
                <a:gd name="connsiteX5" fmla="*/ 2480712 w 6773754"/>
                <a:gd name="connsiteY5" fmla="*/ 904699 h 4155610"/>
                <a:gd name="connsiteX0" fmla="*/ 2451753 w 6744795"/>
                <a:gd name="connsiteY0" fmla="*/ 904699 h 4155610"/>
                <a:gd name="connsiteX1" fmla="*/ 5741555 w 6744795"/>
                <a:gd name="connsiteY1" fmla="*/ 1435908 h 4155610"/>
                <a:gd name="connsiteX2" fmla="*/ 5482131 w 6744795"/>
                <a:gd name="connsiteY2" fmla="*/ 4155610 h 4155610"/>
                <a:gd name="connsiteX3" fmla="*/ 1173368 w 6744795"/>
                <a:gd name="connsiteY3" fmla="*/ 4155610 h 4155610"/>
                <a:gd name="connsiteX4" fmla="*/ 1167451 w 6744795"/>
                <a:gd name="connsiteY4" fmla="*/ 1545335 h 4155610"/>
                <a:gd name="connsiteX5" fmla="*/ 2451753 w 6744795"/>
                <a:gd name="connsiteY5" fmla="*/ 904699 h 4155610"/>
                <a:gd name="connsiteX0" fmla="*/ 2517179 w 6810221"/>
                <a:gd name="connsiteY0" fmla="*/ 904699 h 4155610"/>
                <a:gd name="connsiteX1" fmla="*/ 5806981 w 6810221"/>
                <a:gd name="connsiteY1" fmla="*/ 1435908 h 4155610"/>
                <a:gd name="connsiteX2" fmla="*/ 5547557 w 6810221"/>
                <a:gd name="connsiteY2" fmla="*/ 4155610 h 4155610"/>
                <a:gd name="connsiteX3" fmla="*/ 1238794 w 6810221"/>
                <a:gd name="connsiteY3" fmla="*/ 4155610 h 4155610"/>
                <a:gd name="connsiteX4" fmla="*/ 1232877 w 6810221"/>
                <a:gd name="connsiteY4" fmla="*/ 1545335 h 4155610"/>
                <a:gd name="connsiteX5" fmla="*/ 2517179 w 6810221"/>
                <a:gd name="connsiteY5" fmla="*/ 904699 h 4155610"/>
                <a:gd name="connsiteX0" fmla="*/ 2523917 w 6816959"/>
                <a:gd name="connsiteY0" fmla="*/ 904699 h 4155610"/>
                <a:gd name="connsiteX1" fmla="*/ 5813719 w 6816959"/>
                <a:gd name="connsiteY1" fmla="*/ 1435908 h 4155610"/>
                <a:gd name="connsiteX2" fmla="*/ 5554295 w 6816959"/>
                <a:gd name="connsiteY2" fmla="*/ 4155610 h 4155610"/>
                <a:gd name="connsiteX3" fmla="*/ 1245532 w 6816959"/>
                <a:gd name="connsiteY3" fmla="*/ 4155610 h 4155610"/>
                <a:gd name="connsiteX4" fmla="*/ 1239615 w 6816959"/>
                <a:gd name="connsiteY4" fmla="*/ 1545335 h 4155610"/>
                <a:gd name="connsiteX5" fmla="*/ 2523917 w 6816959"/>
                <a:gd name="connsiteY5" fmla="*/ 904699 h 4155610"/>
                <a:gd name="connsiteX0" fmla="*/ 2541237 w 6816959"/>
                <a:gd name="connsiteY0" fmla="*/ 1012636 h 3993889"/>
                <a:gd name="connsiteX1" fmla="*/ 5813719 w 6816959"/>
                <a:gd name="connsiteY1" fmla="*/ 1274187 h 3993889"/>
                <a:gd name="connsiteX2" fmla="*/ 5554295 w 6816959"/>
                <a:gd name="connsiteY2" fmla="*/ 3993889 h 3993889"/>
                <a:gd name="connsiteX3" fmla="*/ 1245532 w 6816959"/>
                <a:gd name="connsiteY3" fmla="*/ 3993889 h 3993889"/>
                <a:gd name="connsiteX4" fmla="*/ 1239615 w 6816959"/>
                <a:gd name="connsiteY4" fmla="*/ 1383614 h 3993889"/>
                <a:gd name="connsiteX5" fmla="*/ 2541237 w 6816959"/>
                <a:gd name="connsiteY5" fmla="*/ 1012636 h 3993889"/>
                <a:gd name="connsiteX0" fmla="*/ 2541237 w 6816959"/>
                <a:gd name="connsiteY0" fmla="*/ 1012636 h 3993889"/>
                <a:gd name="connsiteX1" fmla="*/ 5813719 w 6816959"/>
                <a:gd name="connsiteY1" fmla="*/ 1274187 h 3993889"/>
                <a:gd name="connsiteX2" fmla="*/ 5554295 w 6816959"/>
                <a:gd name="connsiteY2" fmla="*/ 3993889 h 3993889"/>
                <a:gd name="connsiteX3" fmla="*/ 1245532 w 6816959"/>
                <a:gd name="connsiteY3" fmla="*/ 3993889 h 3993889"/>
                <a:gd name="connsiteX4" fmla="*/ 1239615 w 6816959"/>
                <a:gd name="connsiteY4" fmla="*/ 1383614 h 3993889"/>
                <a:gd name="connsiteX5" fmla="*/ 2541237 w 6816959"/>
                <a:gd name="connsiteY5" fmla="*/ 1012636 h 3993889"/>
                <a:gd name="connsiteX0" fmla="*/ 2541237 w 6816959"/>
                <a:gd name="connsiteY0" fmla="*/ 1012636 h 3993889"/>
                <a:gd name="connsiteX1" fmla="*/ 5813719 w 6816959"/>
                <a:gd name="connsiteY1" fmla="*/ 1274187 h 3993889"/>
                <a:gd name="connsiteX2" fmla="*/ 5554295 w 6816959"/>
                <a:gd name="connsiteY2" fmla="*/ 3993889 h 3993889"/>
                <a:gd name="connsiteX3" fmla="*/ 1245532 w 6816959"/>
                <a:gd name="connsiteY3" fmla="*/ 3993889 h 3993889"/>
                <a:gd name="connsiteX4" fmla="*/ 1239615 w 6816959"/>
                <a:gd name="connsiteY4" fmla="*/ 1383614 h 3993889"/>
                <a:gd name="connsiteX5" fmla="*/ 2541237 w 6816959"/>
                <a:gd name="connsiteY5" fmla="*/ 1012636 h 3993889"/>
                <a:gd name="connsiteX0" fmla="*/ 2552785 w 6816959"/>
                <a:gd name="connsiteY0" fmla="*/ 1012637 h 3993889"/>
                <a:gd name="connsiteX1" fmla="*/ 5813719 w 6816959"/>
                <a:gd name="connsiteY1" fmla="*/ 1274187 h 3993889"/>
                <a:gd name="connsiteX2" fmla="*/ 5554295 w 6816959"/>
                <a:gd name="connsiteY2" fmla="*/ 3993889 h 3993889"/>
                <a:gd name="connsiteX3" fmla="*/ 1245532 w 6816959"/>
                <a:gd name="connsiteY3" fmla="*/ 3993889 h 3993889"/>
                <a:gd name="connsiteX4" fmla="*/ 1239615 w 6816959"/>
                <a:gd name="connsiteY4" fmla="*/ 1383614 h 3993889"/>
                <a:gd name="connsiteX5" fmla="*/ 2552785 w 6816959"/>
                <a:gd name="connsiteY5" fmla="*/ 1012637 h 3993889"/>
                <a:gd name="connsiteX0" fmla="*/ 2552785 w 6816959"/>
                <a:gd name="connsiteY0" fmla="*/ 1161538 h 4142790"/>
                <a:gd name="connsiteX1" fmla="*/ 5813719 w 6816959"/>
                <a:gd name="connsiteY1" fmla="*/ 1423088 h 4142790"/>
                <a:gd name="connsiteX2" fmla="*/ 5554295 w 6816959"/>
                <a:gd name="connsiteY2" fmla="*/ 4142790 h 4142790"/>
                <a:gd name="connsiteX3" fmla="*/ 1245532 w 6816959"/>
                <a:gd name="connsiteY3" fmla="*/ 4142790 h 4142790"/>
                <a:gd name="connsiteX4" fmla="*/ 1239615 w 6816959"/>
                <a:gd name="connsiteY4" fmla="*/ 1532515 h 4142790"/>
                <a:gd name="connsiteX5" fmla="*/ 2552785 w 6816959"/>
                <a:gd name="connsiteY5" fmla="*/ 1161538 h 4142790"/>
                <a:gd name="connsiteX0" fmla="*/ 2552785 w 6776467"/>
                <a:gd name="connsiteY0" fmla="*/ 1116066 h 4097318"/>
                <a:gd name="connsiteX1" fmla="*/ 5738666 w 6776467"/>
                <a:gd name="connsiteY1" fmla="*/ 1494060 h 4097318"/>
                <a:gd name="connsiteX2" fmla="*/ 5554295 w 6776467"/>
                <a:gd name="connsiteY2" fmla="*/ 4097318 h 4097318"/>
                <a:gd name="connsiteX3" fmla="*/ 1245532 w 6776467"/>
                <a:gd name="connsiteY3" fmla="*/ 4097318 h 4097318"/>
                <a:gd name="connsiteX4" fmla="*/ 1239615 w 6776467"/>
                <a:gd name="connsiteY4" fmla="*/ 1487043 h 4097318"/>
                <a:gd name="connsiteX5" fmla="*/ 2552785 w 6776467"/>
                <a:gd name="connsiteY5" fmla="*/ 1116066 h 4097318"/>
                <a:gd name="connsiteX0" fmla="*/ 2552785 w 6776467"/>
                <a:gd name="connsiteY0" fmla="*/ 1258222 h 4239474"/>
                <a:gd name="connsiteX1" fmla="*/ 5738666 w 6776467"/>
                <a:gd name="connsiteY1" fmla="*/ 1636216 h 4239474"/>
                <a:gd name="connsiteX2" fmla="*/ 5554295 w 6776467"/>
                <a:gd name="connsiteY2" fmla="*/ 4239474 h 4239474"/>
                <a:gd name="connsiteX3" fmla="*/ 1245532 w 6776467"/>
                <a:gd name="connsiteY3" fmla="*/ 4239474 h 4239474"/>
                <a:gd name="connsiteX4" fmla="*/ 1239615 w 6776467"/>
                <a:gd name="connsiteY4" fmla="*/ 1629199 h 4239474"/>
                <a:gd name="connsiteX5" fmla="*/ 2552785 w 6776467"/>
                <a:gd name="connsiteY5" fmla="*/ 1258222 h 4239474"/>
                <a:gd name="connsiteX0" fmla="*/ 2552785 w 6833199"/>
                <a:gd name="connsiteY0" fmla="*/ 1258222 h 4239474"/>
                <a:gd name="connsiteX1" fmla="*/ 5738666 w 6833199"/>
                <a:gd name="connsiteY1" fmla="*/ 1636216 h 4239474"/>
                <a:gd name="connsiteX2" fmla="*/ 5554295 w 6833199"/>
                <a:gd name="connsiteY2" fmla="*/ 4239474 h 4239474"/>
                <a:gd name="connsiteX3" fmla="*/ 1245532 w 6833199"/>
                <a:gd name="connsiteY3" fmla="*/ 4239474 h 4239474"/>
                <a:gd name="connsiteX4" fmla="*/ 1239615 w 6833199"/>
                <a:gd name="connsiteY4" fmla="*/ 1629199 h 4239474"/>
                <a:gd name="connsiteX5" fmla="*/ 2552785 w 6833199"/>
                <a:gd name="connsiteY5" fmla="*/ 1258222 h 4239474"/>
                <a:gd name="connsiteX0" fmla="*/ 2552785 w 6831175"/>
                <a:gd name="connsiteY0" fmla="*/ 1258222 h 4239474"/>
                <a:gd name="connsiteX1" fmla="*/ 5738666 w 6831175"/>
                <a:gd name="connsiteY1" fmla="*/ 1636216 h 4239474"/>
                <a:gd name="connsiteX2" fmla="*/ 5554295 w 6831175"/>
                <a:gd name="connsiteY2" fmla="*/ 4239474 h 4239474"/>
                <a:gd name="connsiteX3" fmla="*/ 1245532 w 6831175"/>
                <a:gd name="connsiteY3" fmla="*/ 4239474 h 4239474"/>
                <a:gd name="connsiteX4" fmla="*/ 1239615 w 6831175"/>
                <a:gd name="connsiteY4" fmla="*/ 1629199 h 4239474"/>
                <a:gd name="connsiteX5" fmla="*/ 2552785 w 6831175"/>
                <a:gd name="connsiteY5" fmla="*/ 1258222 h 4239474"/>
                <a:gd name="connsiteX0" fmla="*/ 2552785 w 6827133"/>
                <a:gd name="connsiteY0" fmla="*/ 1258222 h 4239474"/>
                <a:gd name="connsiteX1" fmla="*/ 5738666 w 6827133"/>
                <a:gd name="connsiteY1" fmla="*/ 1636216 h 4239474"/>
                <a:gd name="connsiteX2" fmla="*/ 5554295 w 6827133"/>
                <a:gd name="connsiteY2" fmla="*/ 4239474 h 4239474"/>
                <a:gd name="connsiteX3" fmla="*/ 1245532 w 6827133"/>
                <a:gd name="connsiteY3" fmla="*/ 4239474 h 4239474"/>
                <a:gd name="connsiteX4" fmla="*/ 1239615 w 6827133"/>
                <a:gd name="connsiteY4" fmla="*/ 1629199 h 4239474"/>
                <a:gd name="connsiteX5" fmla="*/ 2552785 w 6827133"/>
                <a:gd name="connsiteY5" fmla="*/ 1258222 h 4239474"/>
                <a:gd name="connsiteX0" fmla="*/ 2552785 w 6827133"/>
                <a:gd name="connsiteY0" fmla="*/ 1266277 h 4228919"/>
                <a:gd name="connsiteX1" fmla="*/ 5738666 w 6827133"/>
                <a:gd name="connsiteY1" fmla="*/ 1625661 h 4228919"/>
                <a:gd name="connsiteX2" fmla="*/ 5554295 w 6827133"/>
                <a:gd name="connsiteY2" fmla="*/ 4228919 h 4228919"/>
                <a:gd name="connsiteX3" fmla="*/ 1245532 w 6827133"/>
                <a:gd name="connsiteY3" fmla="*/ 4228919 h 4228919"/>
                <a:gd name="connsiteX4" fmla="*/ 1239615 w 6827133"/>
                <a:gd name="connsiteY4" fmla="*/ 1618644 h 4228919"/>
                <a:gd name="connsiteX5" fmla="*/ 2552785 w 6827133"/>
                <a:gd name="connsiteY5" fmla="*/ 1266277 h 4228919"/>
                <a:gd name="connsiteX0" fmla="*/ 2552785 w 6827133"/>
                <a:gd name="connsiteY0" fmla="*/ 1266277 h 4228919"/>
                <a:gd name="connsiteX1" fmla="*/ 5738666 w 6827133"/>
                <a:gd name="connsiteY1" fmla="*/ 1625661 h 4228919"/>
                <a:gd name="connsiteX2" fmla="*/ 5554295 w 6827133"/>
                <a:gd name="connsiteY2" fmla="*/ 4228919 h 4228919"/>
                <a:gd name="connsiteX3" fmla="*/ 1245532 w 6827133"/>
                <a:gd name="connsiteY3" fmla="*/ 4228919 h 4228919"/>
                <a:gd name="connsiteX4" fmla="*/ 1239615 w 6827133"/>
                <a:gd name="connsiteY4" fmla="*/ 1618644 h 4228919"/>
                <a:gd name="connsiteX5" fmla="*/ 2552785 w 6827133"/>
                <a:gd name="connsiteY5" fmla="*/ 1266277 h 4228919"/>
                <a:gd name="connsiteX0" fmla="*/ 2552785 w 6827133"/>
                <a:gd name="connsiteY0" fmla="*/ 1266277 h 4228919"/>
                <a:gd name="connsiteX1" fmla="*/ 5738666 w 6827133"/>
                <a:gd name="connsiteY1" fmla="*/ 1625661 h 4228919"/>
                <a:gd name="connsiteX2" fmla="*/ 5554295 w 6827133"/>
                <a:gd name="connsiteY2" fmla="*/ 4228919 h 4228919"/>
                <a:gd name="connsiteX3" fmla="*/ 1245532 w 6827133"/>
                <a:gd name="connsiteY3" fmla="*/ 4228919 h 4228919"/>
                <a:gd name="connsiteX4" fmla="*/ 1239615 w 6827133"/>
                <a:gd name="connsiteY4" fmla="*/ 1618644 h 4228919"/>
                <a:gd name="connsiteX5" fmla="*/ 2552785 w 6827133"/>
                <a:gd name="connsiteY5" fmla="*/ 1266277 h 422891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6827133" h="4228919">
                  <a:moveTo>
                    <a:pt x="2552785" y="1266277"/>
                  </a:moveTo>
                  <a:cubicBezTo>
                    <a:pt x="3020069" y="-624225"/>
                    <a:pt x="5686422" y="-310262"/>
                    <a:pt x="5738666" y="1625661"/>
                  </a:cubicBezTo>
                  <a:cubicBezTo>
                    <a:pt x="7324075" y="1897849"/>
                    <a:pt x="7104316" y="4194486"/>
                    <a:pt x="5554295" y="4228919"/>
                  </a:cubicBezTo>
                  <a:lnTo>
                    <a:pt x="1245532" y="4228919"/>
                  </a:lnTo>
                  <a:cubicBezTo>
                    <a:pt x="-547254" y="4086117"/>
                    <a:pt x="-275818" y="1525513"/>
                    <a:pt x="1239615" y="1618644"/>
                  </a:cubicBezTo>
                  <a:cubicBezTo>
                    <a:pt x="1232903" y="850200"/>
                    <a:pt x="2106725" y="553546"/>
                    <a:pt x="2552785" y="1266277"/>
                  </a:cubicBezTo>
                  <a:close/>
                </a:path>
              </a:pathLst>
            </a:custGeom>
            <a:solidFill>
              <a:srgbClr val="FFFFFF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143" name="Rectangle 121"/>
          <p:cNvSpPr/>
          <p:nvPr/>
        </p:nvSpPr>
        <p:spPr>
          <a:xfrm flipH="1">
            <a:off x="5796136" y="4800054"/>
            <a:ext cx="3240360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tr-TR" sz="1600" b="1" kern="0" dirty="0">
                <a:solidFill>
                  <a:prstClr val="black"/>
                </a:solidFill>
                <a:latin typeface="Futura Bk BT" panose="020B0502020204020303" pitchFamily="34" charset="0"/>
                <a:ea typeface="+mn-ea"/>
                <a:cs typeface="Arial" pitchFamily="34" charset="0"/>
              </a:rPr>
              <a:t>Proje </a:t>
            </a:r>
            <a:r>
              <a:rPr lang="tr-TR" sz="1600" b="1" kern="0" dirty="0" smtClean="0">
                <a:solidFill>
                  <a:prstClr val="black"/>
                </a:solidFill>
                <a:latin typeface="Futura Bk BT" panose="020B0502020204020303" pitchFamily="34" charset="0"/>
                <a:ea typeface="+mn-ea"/>
                <a:cs typeface="Arial" pitchFamily="34" charset="0"/>
              </a:rPr>
              <a:t>ön değerlendirme desteği</a:t>
            </a:r>
          </a:p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tr-TR" sz="1600" b="1" kern="0" dirty="0" smtClean="0">
              <a:solidFill>
                <a:prstClr val="black"/>
              </a:solidFill>
              <a:latin typeface="Futura Bk BT" panose="020B0502020204020303" pitchFamily="34" charset="0"/>
              <a:ea typeface="+mn-ea"/>
              <a:cs typeface="Arial" pitchFamily="34" charset="0"/>
            </a:endParaRPr>
          </a:p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tr-TR" sz="1600" b="1" kern="0" dirty="0" smtClean="0">
                <a:solidFill>
                  <a:prstClr val="black"/>
                </a:solidFill>
                <a:latin typeface="Futura Bk BT" panose="020B0502020204020303" pitchFamily="34" charset="0"/>
                <a:ea typeface="+mn-ea"/>
                <a:cs typeface="Arial" pitchFamily="34" charset="0"/>
              </a:rPr>
              <a:t>8.000 </a:t>
            </a:r>
            <a:r>
              <a:rPr lang="tr-TR" sz="1600" b="1" kern="0" dirty="0" err="1" smtClean="0">
                <a:solidFill>
                  <a:prstClr val="black"/>
                </a:solidFill>
                <a:latin typeface="Futura Bk BT" panose="020B0502020204020303" pitchFamily="34" charset="0"/>
                <a:ea typeface="+mn-ea"/>
                <a:cs typeface="Arial" pitchFamily="34" charset="0"/>
              </a:rPr>
              <a:t>Avro’</a:t>
            </a:r>
            <a:r>
              <a:rPr lang="tr-TR" sz="1600" kern="0" dirty="0" err="1" smtClean="0">
                <a:solidFill>
                  <a:prstClr val="black"/>
                </a:solidFill>
                <a:latin typeface="Futura Bk BT" panose="020B0502020204020303" pitchFamily="34" charset="0"/>
                <a:ea typeface="+mn-ea"/>
                <a:cs typeface="Arial" pitchFamily="34" charset="0"/>
              </a:rPr>
              <a:t>ya</a:t>
            </a:r>
            <a:r>
              <a:rPr lang="tr-TR" sz="1600" kern="0" dirty="0" smtClean="0">
                <a:solidFill>
                  <a:prstClr val="black"/>
                </a:solidFill>
                <a:latin typeface="Futura Bk BT" panose="020B0502020204020303" pitchFamily="34" charset="0"/>
                <a:ea typeface="+mn-ea"/>
                <a:cs typeface="Arial" pitchFamily="34" charset="0"/>
              </a:rPr>
              <a:t> kadar destek</a:t>
            </a:r>
            <a:endParaRPr lang="en-US" sz="1600" kern="0" dirty="0">
              <a:solidFill>
                <a:prstClr val="black"/>
              </a:solidFill>
              <a:latin typeface="Futura Bk BT" panose="020B0502020204020303" pitchFamily="34" charset="0"/>
              <a:ea typeface="+mn-ea"/>
              <a:cs typeface="Arial" pitchFamily="34" charset="0"/>
            </a:endParaRPr>
          </a:p>
        </p:txBody>
      </p:sp>
      <p:sp>
        <p:nvSpPr>
          <p:cNvPr id="144" name="Dikdörtgen 143"/>
          <p:cNvSpPr/>
          <p:nvPr/>
        </p:nvSpPr>
        <p:spPr>
          <a:xfrm>
            <a:off x="5011893" y="5664150"/>
            <a:ext cx="3808580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 algn="ctr">
              <a:buFont typeface="Arial" panose="020B0604020202020204" pitchFamily="34" charset="0"/>
              <a:buChar char="•"/>
            </a:pPr>
            <a:r>
              <a:rPr lang="tr-TR" sz="1400" b="1" dirty="0">
                <a:solidFill>
                  <a:schemeClr val="bg1"/>
                </a:solidFill>
                <a:latin typeface="Futura Bk BT" panose="020B0502020204020303" pitchFamily="34" charset="0"/>
              </a:rPr>
              <a:t>P</a:t>
            </a:r>
            <a:r>
              <a:rPr lang="tr-TR" sz="1400" b="1" dirty="0" smtClean="0">
                <a:solidFill>
                  <a:schemeClr val="bg1"/>
                </a:solidFill>
                <a:latin typeface="Futura Bk BT" panose="020B0502020204020303" pitchFamily="34" charset="0"/>
              </a:rPr>
              <a:t>rojenin </a:t>
            </a:r>
            <a:r>
              <a:rPr lang="tr-TR" sz="1400" b="1" dirty="0">
                <a:solidFill>
                  <a:schemeClr val="bg1"/>
                </a:solidFill>
                <a:latin typeface="Futura Bk BT" panose="020B0502020204020303" pitchFamily="34" charset="0"/>
              </a:rPr>
              <a:t>uzman kişi veya kuruluş tarafından incelenerek sunuma hazır hale </a:t>
            </a:r>
            <a:r>
              <a:rPr lang="tr-TR" sz="1400" b="1" dirty="0" smtClean="0">
                <a:solidFill>
                  <a:schemeClr val="bg1"/>
                </a:solidFill>
                <a:latin typeface="Futura Bk BT" panose="020B0502020204020303" pitchFamily="34" charset="0"/>
              </a:rPr>
              <a:t>getirilmesi</a:t>
            </a:r>
            <a:endParaRPr lang="tr-TR" sz="1400" b="1" dirty="0">
              <a:solidFill>
                <a:schemeClr val="bg1"/>
              </a:solidFill>
              <a:latin typeface="Futura Bk BT" panose="020B0502020204020303" pitchFamily="34" charset="0"/>
            </a:endParaRPr>
          </a:p>
        </p:txBody>
      </p:sp>
      <p:sp>
        <p:nvSpPr>
          <p:cNvPr id="145" name="Dikdörtgen 144"/>
          <p:cNvSpPr/>
          <p:nvPr/>
        </p:nvSpPr>
        <p:spPr>
          <a:xfrm>
            <a:off x="5853585" y="6474822"/>
            <a:ext cx="3110903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 algn="ctr">
              <a:buFont typeface="Arial" panose="020B0604020202020204" pitchFamily="34" charset="0"/>
              <a:buChar char="•"/>
            </a:pPr>
            <a:r>
              <a:rPr lang="tr-TR" sz="1400" b="1" dirty="0">
                <a:solidFill>
                  <a:schemeClr val="bg1"/>
                </a:solidFill>
                <a:latin typeface="Futura Bk BT" panose="020B0502020204020303" pitchFamily="34" charset="0"/>
              </a:rPr>
              <a:t>Her proje için en çok 1 </a:t>
            </a:r>
            <a:r>
              <a:rPr lang="tr-TR" sz="1400" b="1" dirty="0" smtClean="0">
                <a:solidFill>
                  <a:schemeClr val="bg1"/>
                </a:solidFill>
                <a:latin typeface="Futura Bk BT" panose="020B0502020204020303" pitchFamily="34" charset="0"/>
              </a:rPr>
              <a:t>defa</a:t>
            </a:r>
            <a:endParaRPr lang="tr-TR" sz="1400" b="1" dirty="0">
              <a:solidFill>
                <a:schemeClr val="bg1"/>
              </a:solidFill>
              <a:latin typeface="Futura Bk BT" panose="020B05020202040203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2924189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0" name="Group 23"/>
          <p:cNvGrpSpPr>
            <a:grpSpLocks/>
          </p:cNvGrpSpPr>
          <p:nvPr/>
        </p:nvGrpSpPr>
        <p:grpSpPr bwMode="auto">
          <a:xfrm>
            <a:off x="337620" y="952331"/>
            <a:ext cx="8616491" cy="4294347"/>
            <a:chOff x="754479" y="-276043"/>
            <a:chExt cx="7782727" cy="3183451"/>
          </a:xfrm>
        </p:grpSpPr>
        <p:grpSp>
          <p:nvGrpSpPr>
            <p:cNvPr id="46" name="Group 21"/>
            <p:cNvGrpSpPr>
              <a:grpSpLocks/>
            </p:cNvGrpSpPr>
            <p:nvPr/>
          </p:nvGrpSpPr>
          <p:grpSpPr bwMode="auto">
            <a:xfrm>
              <a:off x="754479" y="-276043"/>
              <a:ext cx="7782727" cy="1779185"/>
              <a:chOff x="754479" y="-276043"/>
              <a:chExt cx="7782727" cy="1779185"/>
            </a:xfrm>
          </p:grpSpPr>
          <p:grpSp>
            <p:nvGrpSpPr>
              <p:cNvPr id="66" name="Group 55"/>
              <p:cNvGrpSpPr>
                <a:grpSpLocks/>
              </p:cNvGrpSpPr>
              <p:nvPr/>
            </p:nvGrpSpPr>
            <p:grpSpPr bwMode="auto">
              <a:xfrm rot="-5400000">
                <a:off x="4222827" y="-2094684"/>
                <a:ext cx="1163777" cy="6031875"/>
                <a:chOff x="2635398" y="587226"/>
                <a:chExt cx="417605" cy="4894448"/>
              </a:xfrm>
            </p:grpSpPr>
            <p:cxnSp>
              <p:nvCxnSpPr>
                <p:cNvPr id="71" name="Straight Connector 56"/>
                <p:cNvCxnSpPr/>
                <p:nvPr/>
              </p:nvCxnSpPr>
              <p:spPr>
                <a:xfrm rot="5400000">
                  <a:off x="616250" y="3023979"/>
                  <a:ext cx="4873505" cy="0"/>
                </a:xfrm>
                <a:prstGeom prst="line">
                  <a:avLst/>
                </a:prstGeom>
                <a:ln w="28575">
                  <a:solidFill>
                    <a:schemeClr val="tx1"/>
                  </a:solidFill>
                  <a:prstDash val="sysDash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2" name="Straight Connector 57"/>
                <p:cNvCxnSpPr/>
                <p:nvPr/>
              </p:nvCxnSpPr>
              <p:spPr>
                <a:xfrm rot="5400000" flipH="1" flipV="1">
                  <a:off x="2828259" y="5267870"/>
                  <a:ext cx="20943" cy="406665"/>
                </a:xfrm>
                <a:prstGeom prst="line">
                  <a:avLst/>
                </a:prstGeom>
                <a:ln w="28575">
                  <a:solidFill>
                    <a:schemeClr val="tx1"/>
                  </a:solidFill>
                  <a:prstDash val="sysDash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3" name="Straight Connector 58"/>
                <p:cNvCxnSpPr/>
                <p:nvPr/>
              </p:nvCxnSpPr>
              <p:spPr>
                <a:xfrm rot="5400000" flipH="1" flipV="1">
                  <a:off x="2849670" y="406588"/>
                  <a:ext cx="0" cy="406665"/>
                </a:xfrm>
                <a:prstGeom prst="line">
                  <a:avLst/>
                </a:prstGeom>
                <a:ln w="28575">
                  <a:solidFill>
                    <a:schemeClr val="tx1"/>
                  </a:solidFill>
                  <a:prstDash val="sysDash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68" name="Group 12"/>
              <p:cNvGrpSpPr>
                <a:grpSpLocks/>
              </p:cNvGrpSpPr>
              <p:nvPr/>
            </p:nvGrpSpPr>
            <p:grpSpPr bwMode="auto">
              <a:xfrm>
                <a:off x="754479" y="-276043"/>
                <a:ext cx="7782727" cy="346541"/>
                <a:chOff x="693063" y="-276043"/>
                <a:chExt cx="7782727" cy="346541"/>
              </a:xfrm>
            </p:grpSpPr>
            <p:sp>
              <p:nvSpPr>
                <p:cNvPr id="69" name="Rounded Rectangle 5"/>
                <p:cNvSpPr/>
                <p:nvPr/>
              </p:nvSpPr>
              <p:spPr bwMode="auto">
                <a:xfrm>
                  <a:off x="693063" y="-276043"/>
                  <a:ext cx="7782727" cy="346541"/>
                </a:xfrm>
                <a:prstGeom prst="rect">
                  <a:avLst/>
                </a:prstGeom>
                <a:ln/>
              </p:spPr>
              <p:style>
                <a:lnRef idx="1">
                  <a:schemeClr val="accent2"/>
                </a:lnRef>
                <a:fillRef idx="2">
                  <a:schemeClr val="accent2"/>
                </a:fillRef>
                <a:effectRef idx="1">
                  <a:schemeClr val="accent2"/>
                </a:effectRef>
                <a:fontRef idx="minor">
                  <a:schemeClr val="dk1"/>
                </a:fontRef>
              </p:style>
              <p:txBody>
                <a:bodyPr anchor="ctr"/>
                <a:lstStyle/>
                <a:p>
                  <a:pPr algn="ctr">
                    <a:defRPr/>
                  </a:pPr>
                  <a:endParaRPr lang="en-US" sz="1600" dirty="0"/>
                </a:p>
              </p:txBody>
            </p:sp>
            <p:sp>
              <p:nvSpPr>
                <p:cNvPr id="70" name="Rectangle 108"/>
                <p:cNvSpPr>
                  <a:spLocks noChangeArrowheads="1"/>
                </p:cNvSpPr>
                <p:nvPr/>
              </p:nvSpPr>
              <p:spPr bwMode="auto">
                <a:xfrm>
                  <a:off x="1520583" y="-276043"/>
                  <a:ext cx="6576804" cy="296607"/>
                </a:xfrm>
                <a:prstGeom prst="rect">
                  <a:avLst/>
                </a:prstGeom>
                <a:noFill/>
                <a:ln>
                  <a:noFill/>
                </a:ln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miter lim="800000"/>
                      <a:headEnd/>
                      <a:tailEnd/>
                    </a14:hiddenLine>
                  </a:ext>
                </a:extLst>
              </p:spPr>
              <p:txBody>
                <a:bodyPr wrap="square">
                  <a:spAutoFit/>
                </a:bodyPr>
                <a:lstStyle>
                  <a:lvl1pPr eaLnBrk="0" hangingPunct="0">
                    <a:spcBef>
                      <a:spcPct val="20000"/>
                    </a:spcBef>
                    <a:buFont typeface="Arial" pitchFamily="34" charset="0"/>
                    <a:buChar char="•"/>
                    <a:defRPr sz="2800">
                      <a:solidFill>
                        <a:schemeClr val="tx1"/>
                      </a:solidFill>
                      <a:latin typeface="Futura Bk BT" pitchFamily="34" charset="0"/>
                      <a:ea typeface="MS PGothic" pitchFamily="34" charset="-128"/>
                    </a:defRPr>
                  </a:lvl1pPr>
                  <a:lvl2pPr marL="742950" indent="-285750" eaLnBrk="0" hangingPunct="0">
                    <a:spcBef>
                      <a:spcPct val="20000"/>
                    </a:spcBef>
                    <a:buFont typeface="Arial" pitchFamily="34" charset="0"/>
                    <a:buChar char="–"/>
                    <a:defRPr sz="2400">
                      <a:solidFill>
                        <a:schemeClr val="tx1"/>
                      </a:solidFill>
                      <a:latin typeface="Futura Bk BT" pitchFamily="34" charset="0"/>
                      <a:ea typeface="MS PGothic" pitchFamily="34" charset="-128"/>
                    </a:defRPr>
                  </a:lvl2pPr>
                  <a:lvl3pPr marL="1143000" indent="-228600" eaLnBrk="0" hangingPunct="0">
                    <a:spcBef>
                      <a:spcPct val="20000"/>
                    </a:spcBef>
                    <a:buFont typeface="Arial" pitchFamily="34" charset="0"/>
                    <a:buChar char="•"/>
                    <a:defRPr sz="2000">
                      <a:solidFill>
                        <a:schemeClr val="tx1"/>
                      </a:solidFill>
                      <a:latin typeface="Futura Bk BT" pitchFamily="34" charset="0"/>
                      <a:ea typeface="MS PGothic" pitchFamily="34" charset="-128"/>
                    </a:defRPr>
                  </a:lvl3pPr>
                  <a:lvl4pPr marL="1600200" indent="-228600" eaLnBrk="0" hangingPunct="0">
                    <a:spcBef>
                      <a:spcPct val="20000"/>
                    </a:spcBef>
                    <a:buFont typeface="Arial" pitchFamily="34" charset="0"/>
                    <a:buChar char="–"/>
                    <a:defRPr sz="2000">
                      <a:solidFill>
                        <a:schemeClr val="tx1"/>
                      </a:solidFill>
                      <a:latin typeface="Futura Bk BT" pitchFamily="34" charset="0"/>
                      <a:ea typeface="MS PGothic" pitchFamily="34" charset="-128"/>
                    </a:defRPr>
                  </a:lvl4pPr>
                  <a:lvl5pPr marL="2057400" indent="-228600" eaLnBrk="0" hangingPunct="0">
                    <a:spcBef>
                      <a:spcPct val="20000"/>
                    </a:spcBef>
                    <a:buFont typeface="Arial" pitchFamily="34" charset="0"/>
                    <a:buChar char="»"/>
                    <a:defRPr sz="2000">
                      <a:solidFill>
                        <a:schemeClr val="tx1"/>
                      </a:solidFill>
                      <a:latin typeface="Futura Bk BT" pitchFamily="34" charset="0"/>
                      <a:ea typeface="MS PGothic" pitchFamily="34" charset="-128"/>
                    </a:defRPr>
                  </a:lvl5pPr>
                  <a:lvl6pPr marL="2514600" indent="-228600" eaLnBrk="0" fontAlgn="base" hangingPunct="0">
                    <a:spcBef>
                      <a:spcPct val="20000"/>
                    </a:spcBef>
                    <a:spcAft>
                      <a:spcPct val="0"/>
                    </a:spcAft>
                    <a:buFont typeface="Arial" pitchFamily="34" charset="0"/>
                    <a:buChar char="»"/>
                    <a:defRPr sz="2000">
                      <a:solidFill>
                        <a:schemeClr val="tx1"/>
                      </a:solidFill>
                      <a:latin typeface="Futura Bk BT" pitchFamily="34" charset="0"/>
                      <a:ea typeface="MS PGothic" pitchFamily="34" charset="-128"/>
                    </a:defRPr>
                  </a:lvl6pPr>
                  <a:lvl7pPr marL="2971800" indent="-228600" eaLnBrk="0" fontAlgn="base" hangingPunct="0">
                    <a:spcBef>
                      <a:spcPct val="20000"/>
                    </a:spcBef>
                    <a:spcAft>
                      <a:spcPct val="0"/>
                    </a:spcAft>
                    <a:buFont typeface="Arial" pitchFamily="34" charset="0"/>
                    <a:buChar char="»"/>
                    <a:defRPr sz="2000">
                      <a:solidFill>
                        <a:schemeClr val="tx1"/>
                      </a:solidFill>
                      <a:latin typeface="Futura Bk BT" pitchFamily="34" charset="0"/>
                      <a:ea typeface="MS PGothic" pitchFamily="34" charset="-128"/>
                    </a:defRPr>
                  </a:lvl7pPr>
                  <a:lvl8pPr marL="3429000" indent="-228600" eaLnBrk="0" fontAlgn="base" hangingPunct="0">
                    <a:spcBef>
                      <a:spcPct val="20000"/>
                    </a:spcBef>
                    <a:spcAft>
                      <a:spcPct val="0"/>
                    </a:spcAft>
                    <a:buFont typeface="Arial" pitchFamily="34" charset="0"/>
                    <a:buChar char="»"/>
                    <a:defRPr sz="2000">
                      <a:solidFill>
                        <a:schemeClr val="tx1"/>
                      </a:solidFill>
                      <a:latin typeface="Futura Bk BT" pitchFamily="34" charset="0"/>
                      <a:ea typeface="MS PGothic" pitchFamily="34" charset="-128"/>
                    </a:defRPr>
                  </a:lvl8pPr>
                  <a:lvl9pPr marL="3886200" indent="-228600" eaLnBrk="0" fontAlgn="base" hangingPunct="0">
                    <a:spcBef>
                      <a:spcPct val="20000"/>
                    </a:spcBef>
                    <a:spcAft>
                      <a:spcPct val="0"/>
                    </a:spcAft>
                    <a:buFont typeface="Arial" pitchFamily="34" charset="0"/>
                    <a:buChar char="»"/>
                    <a:defRPr sz="2000">
                      <a:solidFill>
                        <a:schemeClr val="tx1"/>
                      </a:solidFill>
                      <a:latin typeface="Futura Bk BT" pitchFamily="34" charset="0"/>
                      <a:ea typeface="MS PGothic" pitchFamily="34" charset="-128"/>
                    </a:defRPr>
                  </a:lvl9pPr>
                </a:lstStyle>
                <a:p>
                  <a:pPr algn="ctr" eaLnBrk="1" hangingPunct="1">
                    <a:spcBef>
                      <a:spcPct val="0"/>
                    </a:spcBef>
                    <a:buFontTx/>
                    <a:buNone/>
                  </a:pPr>
                  <a:r>
                    <a:rPr lang="tr-TR" altLang="tr-TR" sz="2000" b="1" dirty="0" smtClean="0"/>
                    <a:t>ERC Baş Araştırmacı Geliştirme Programı</a:t>
                  </a:r>
                  <a:endParaRPr lang="en-US" altLang="tr-TR" sz="2000" b="1" dirty="0"/>
                </a:p>
              </p:txBody>
            </p:sp>
          </p:grpSp>
        </p:grpSp>
        <p:grpSp>
          <p:nvGrpSpPr>
            <p:cNvPr id="47" name="Group 22"/>
            <p:cNvGrpSpPr>
              <a:grpSpLocks/>
            </p:cNvGrpSpPr>
            <p:nvPr/>
          </p:nvGrpSpPr>
          <p:grpSpPr bwMode="auto">
            <a:xfrm>
              <a:off x="927125" y="674157"/>
              <a:ext cx="7490212" cy="2233251"/>
              <a:chOff x="927125" y="674157"/>
              <a:chExt cx="7490212" cy="2233251"/>
            </a:xfrm>
          </p:grpSpPr>
          <p:grpSp>
            <p:nvGrpSpPr>
              <p:cNvPr id="48" name="Group 2"/>
              <p:cNvGrpSpPr>
                <a:grpSpLocks/>
              </p:cNvGrpSpPr>
              <p:nvPr/>
            </p:nvGrpSpPr>
            <p:grpSpPr bwMode="auto">
              <a:xfrm>
                <a:off x="927125" y="674157"/>
                <a:ext cx="2018635" cy="1534311"/>
                <a:chOff x="1734168" y="674157"/>
                <a:chExt cx="1540641" cy="1534311"/>
              </a:xfrm>
            </p:grpSpPr>
            <p:sp>
              <p:nvSpPr>
                <p:cNvPr id="64" name="Rounded Rectangle 4"/>
                <p:cNvSpPr/>
                <p:nvPr/>
              </p:nvSpPr>
              <p:spPr>
                <a:xfrm>
                  <a:off x="1740137" y="674157"/>
                  <a:ext cx="1534672" cy="1419589"/>
                </a:xfrm>
                <a:prstGeom prst="rect">
                  <a:avLst/>
                </a:prstGeom>
                <a:solidFill>
                  <a:schemeClr val="accent5">
                    <a:lumMod val="40000"/>
                    <a:lumOff val="60000"/>
                  </a:schemeClr>
                </a:solidFill>
                <a:ln>
                  <a:noFill/>
                </a:ln>
                <a:effectLst/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anchor="ctr"/>
                <a:lstStyle/>
                <a:p>
                  <a:pPr algn="ctr">
                    <a:defRPr/>
                  </a:pPr>
                  <a:endParaRPr lang="en-US" sz="1600" dirty="0"/>
                </a:p>
              </p:txBody>
            </p:sp>
            <p:sp>
              <p:nvSpPr>
                <p:cNvPr id="65" name="Rectangle 102"/>
                <p:cNvSpPr/>
                <p:nvPr/>
              </p:nvSpPr>
              <p:spPr>
                <a:xfrm>
                  <a:off x="1734168" y="736845"/>
                  <a:ext cx="1531727" cy="1471623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 algn="ctr">
                    <a:spcAft>
                      <a:spcPts val="600"/>
                    </a:spcAft>
                    <a:defRPr/>
                  </a:pPr>
                  <a:r>
                    <a:rPr lang="tr-TR" sz="1200" b="1" kern="0" dirty="0" smtClean="0">
                      <a:solidFill>
                        <a:prstClr val="black">
                          <a:lumMod val="95000"/>
                          <a:lumOff val="5000"/>
                        </a:prstClr>
                      </a:solidFill>
                      <a:latin typeface="Futura Bk BT" panose="020B0502020204020303" pitchFamily="34" charset="0"/>
                    </a:rPr>
                    <a:t>ERC Proje Yazma – Sunma Eğitimi Desteği	</a:t>
                  </a:r>
                </a:p>
                <a:p>
                  <a:pPr marL="171450" indent="-171450" algn="just">
                    <a:spcAft>
                      <a:spcPts val="600"/>
                    </a:spcAft>
                    <a:buFont typeface="Arial" panose="020B0604020202020204" pitchFamily="34" charset="0"/>
                    <a:buChar char="•"/>
                    <a:defRPr/>
                  </a:pPr>
                  <a:r>
                    <a:rPr lang="tr-TR" sz="1200" kern="0" dirty="0" smtClean="0">
                      <a:solidFill>
                        <a:prstClr val="black">
                          <a:lumMod val="95000"/>
                          <a:lumOff val="5000"/>
                        </a:prstClr>
                      </a:solidFill>
                      <a:latin typeface="Futura Bk BT" panose="020B0502020204020303" pitchFamily="34" charset="0"/>
                    </a:rPr>
                    <a:t>Proje Fikrinin yazılı hale dönüştürülmesi</a:t>
                  </a:r>
                  <a:endParaRPr lang="tr-TR" sz="1200" kern="0" dirty="0">
                    <a:solidFill>
                      <a:prstClr val="black">
                        <a:lumMod val="95000"/>
                        <a:lumOff val="5000"/>
                      </a:prstClr>
                    </a:solidFill>
                    <a:latin typeface="Futura Bk BT" panose="020B0502020204020303" pitchFamily="34" charset="0"/>
                  </a:endParaRPr>
                </a:p>
                <a:p>
                  <a:pPr marL="171450" indent="-171450">
                    <a:spcAft>
                      <a:spcPts val="600"/>
                    </a:spcAft>
                    <a:buFont typeface="Arial" panose="020B0604020202020204" pitchFamily="34" charset="0"/>
                    <a:buChar char="•"/>
                    <a:defRPr/>
                  </a:pPr>
                  <a:r>
                    <a:rPr lang="tr-TR" sz="1200" kern="0" dirty="0" smtClean="0">
                      <a:solidFill>
                        <a:prstClr val="black">
                          <a:lumMod val="95000"/>
                          <a:lumOff val="5000"/>
                        </a:prstClr>
                      </a:solidFill>
                      <a:latin typeface="Futura Bk BT" panose="020B0502020204020303" pitchFamily="34" charset="0"/>
                    </a:rPr>
                    <a:t>2 eğitime katılma hakkı</a:t>
                  </a:r>
                  <a:endParaRPr lang="tr-TR" sz="1200" kern="0" dirty="0">
                    <a:solidFill>
                      <a:prstClr val="black">
                        <a:lumMod val="95000"/>
                        <a:lumOff val="5000"/>
                      </a:prstClr>
                    </a:solidFill>
                    <a:latin typeface="Futura Bk BT" panose="020B0502020204020303" pitchFamily="34" charset="0"/>
                  </a:endParaRPr>
                </a:p>
                <a:p>
                  <a:pPr marL="171450" indent="-171450">
                    <a:buFont typeface="Arial" panose="020B0604020202020204" pitchFamily="34" charset="0"/>
                    <a:buChar char="•"/>
                    <a:defRPr/>
                  </a:pPr>
                  <a:r>
                    <a:rPr lang="tr-TR" sz="1200" b="1" kern="0" dirty="0" smtClean="0">
                      <a:solidFill>
                        <a:prstClr val="black">
                          <a:lumMod val="95000"/>
                          <a:lumOff val="5000"/>
                        </a:prstClr>
                      </a:solidFill>
                      <a:latin typeface="Futura Bk BT" panose="020B0502020204020303" pitchFamily="34" charset="0"/>
                    </a:rPr>
                    <a:t>Her eğitim için seyahat dahil 2.500€’ya kadar destek</a:t>
                  </a:r>
                </a:p>
                <a:p>
                  <a:pPr marL="171450" indent="-171450">
                    <a:buFont typeface="Arial" panose="020B0604020202020204" pitchFamily="34" charset="0"/>
                    <a:buChar char="•"/>
                    <a:defRPr/>
                  </a:pPr>
                  <a:endParaRPr lang="tr-TR" sz="1200" b="1" kern="0" dirty="0">
                    <a:solidFill>
                      <a:prstClr val="black">
                        <a:lumMod val="95000"/>
                        <a:lumOff val="5000"/>
                      </a:prstClr>
                    </a:solidFill>
                    <a:latin typeface="Futura Bk BT" panose="020B0502020204020303" pitchFamily="34" charset="0"/>
                  </a:endParaRPr>
                </a:p>
              </p:txBody>
            </p:sp>
          </p:grpSp>
          <p:grpSp>
            <p:nvGrpSpPr>
              <p:cNvPr id="54" name="Group 6"/>
              <p:cNvGrpSpPr>
                <a:grpSpLocks/>
              </p:cNvGrpSpPr>
              <p:nvPr/>
            </p:nvGrpSpPr>
            <p:grpSpPr bwMode="auto">
              <a:xfrm>
                <a:off x="6791395" y="1024264"/>
                <a:ext cx="1625942" cy="1883144"/>
                <a:chOff x="6365830" y="1024264"/>
                <a:chExt cx="1240935" cy="1883144"/>
              </a:xfrm>
            </p:grpSpPr>
            <p:sp>
              <p:nvSpPr>
                <p:cNvPr id="56" name="Rounded Rectangle 4"/>
                <p:cNvSpPr/>
                <p:nvPr/>
              </p:nvSpPr>
              <p:spPr>
                <a:xfrm>
                  <a:off x="6365830" y="1024264"/>
                  <a:ext cx="1240935" cy="1883144"/>
                </a:xfrm>
                <a:prstGeom prst="rect">
                  <a:avLst/>
                </a:prstGeom>
                <a:solidFill>
                  <a:schemeClr val="accent3">
                    <a:lumMod val="40000"/>
                    <a:lumOff val="60000"/>
                  </a:schemeClr>
                </a:solidFill>
                <a:ln>
                  <a:noFill/>
                </a:ln>
                <a:effectLst/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anchor="ctr"/>
                <a:lstStyle/>
                <a:p>
                  <a:pPr algn="ctr">
                    <a:defRPr/>
                  </a:pPr>
                  <a:endParaRPr lang="en-US" sz="1600" dirty="0"/>
                </a:p>
              </p:txBody>
            </p:sp>
            <p:sp>
              <p:nvSpPr>
                <p:cNvPr id="57" name="Rectangle 104"/>
                <p:cNvSpPr/>
                <p:nvPr/>
              </p:nvSpPr>
              <p:spPr>
                <a:xfrm>
                  <a:off x="6387628" y="1032885"/>
                  <a:ext cx="1219137" cy="1471622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 algn="ctr">
                    <a:spcAft>
                      <a:spcPts val="600"/>
                    </a:spcAft>
                    <a:defRPr/>
                  </a:pPr>
                  <a:r>
                    <a:rPr lang="tr-TR" sz="1200" b="1" kern="0" dirty="0" smtClean="0">
                      <a:latin typeface="Futura Bk BT" panose="020B0502020204020303" pitchFamily="34" charset="0"/>
                    </a:rPr>
                    <a:t>ERC Mülakatlarına Katılım Desteği</a:t>
                  </a:r>
                </a:p>
                <a:p>
                  <a:pPr marL="171450" indent="-171450">
                    <a:spcAft>
                      <a:spcPts val="600"/>
                    </a:spcAft>
                    <a:buFont typeface="Arial" panose="020B0604020202020204" pitchFamily="34" charset="0"/>
                    <a:buChar char="•"/>
                    <a:defRPr/>
                  </a:pPr>
                  <a:r>
                    <a:rPr lang="tr-TR" sz="1200" kern="0" dirty="0" smtClean="0">
                      <a:solidFill>
                        <a:prstClr val="black">
                          <a:lumMod val="95000"/>
                          <a:lumOff val="5000"/>
                        </a:prstClr>
                      </a:solidFill>
                      <a:latin typeface="Futura Bk BT" panose="020B0502020204020303" pitchFamily="34" charset="0"/>
                    </a:rPr>
                    <a:t>ERC mülakat eğitimlerine katılım.</a:t>
                  </a:r>
                  <a:endParaRPr lang="tr-TR" sz="1200" kern="0" dirty="0">
                    <a:solidFill>
                      <a:prstClr val="black">
                        <a:lumMod val="95000"/>
                        <a:lumOff val="5000"/>
                      </a:prstClr>
                    </a:solidFill>
                    <a:latin typeface="Futura Bk BT" panose="020B0502020204020303" pitchFamily="34" charset="0"/>
                  </a:endParaRPr>
                </a:p>
                <a:p>
                  <a:pPr marL="171450" indent="-171450">
                    <a:spcAft>
                      <a:spcPts val="600"/>
                    </a:spcAft>
                    <a:buFont typeface="Arial" panose="020B0604020202020204" pitchFamily="34" charset="0"/>
                    <a:buChar char="•"/>
                    <a:defRPr/>
                  </a:pPr>
                  <a:r>
                    <a:rPr lang="tr-TR" sz="1200" kern="0" dirty="0" smtClean="0">
                      <a:solidFill>
                        <a:prstClr val="black">
                          <a:lumMod val="95000"/>
                          <a:lumOff val="5000"/>
                        </a:prstClr>
                      </a:solidFill>
                      <a:latin typeface="Futura Bk BT" panose="020B0502020204020303" pitchFamily="34" charset="0"/>
                    </a:rPr>
                    <a:t>1 eğitim hakkı</a:t>
                  </a:r>
                  <a:endParaRPr lang="tr-TR" sz="1200" kern="0" dirty="0">
                    <a:solidFill>
                      <a:prstClr val="black">
                        <a:lumMod val="95000"/>
                        <a:lumOff val="5000"/>
                      </a:prstClr>
                    </a:solidFill>
                    <a:latin typeface="Futura Bk BT" panose="020B0502020204020303" pitchFamily="34" charset="0"/>
                  </a:endParaRPr>
                </a:p>
                <a:p>
                  <a:pPr marL="171450" indent="-171450">
                    <a:buFont typeface="Arial" panose="020B0604020202020204" pitchFamily="34" charset="0"/>
                    <a:buChar char="•"/>
                    <a:defRPr/>
                  </a:pPr>
                  <a:r>
                    <a:rPr lang="tr-TR" sz="1200" b="1" kern="0" dirty="0" smtClean="0">
                      <a:solidFill>
                        <a:prstClr val="black">
                          <a:lumMod val="95000"/>
                          <a:lumOff val="5000"/>
                        </a:prstClr>
                      </a:solidFill>
                      <a:latin typeface="Futura Bk BT" panose="020B0502020204020303" pitchFamily="34" charset="0"/>
                    </a:rPr>
                    <a:t>Seyahat </a:t>
                  </a:r>
                  <a:r>
                    <a:rPr lang="tr-TR" sz="1200" b="1" kern="0" dirty="0">
                      <a:solidFill>
                        <a:prstClr val="black">
                          <a:lumMod val="95000"/>
                          <a:lumOff val="5000"/>
                        </a:prstClr>
                      </a:solidFill>
                      <a:latin typeface="Futura Bk BT" panose="020B0502020204020303" pitchFamily="34" charset="0"/>
                    </a:rPr>
                    <a:t>dahil 2.500€’ya kadar destek</a:t>
                  </a:r>
                </a:p>
                <a:p>
                  <a:pPr algn="ctr">
                    <a:spcAft>
                      <a:spcPts val="600"/>
                    </a:spcAft>
                    <a:defRPr/>
                  </a:pPr>
                  <a:endParaRPr lang="tr-TR" sz="1200" kern="0" dirty="0" smtClean="0">
                    <a:solidFill>
                      <a:prstClr val="black">
                        <a:lumMod val="95000"/>
                        <a:lumOff val="5000"/>
                      </a:prstClr>
                    </a:solidFill>
                    <a:latin typeface="Futura Bk BT" panose="020B0502020204020303" pitchFamily="34" charset="0"/>
                  </a:endParaRPr>
                </a:p>
              </p:txBody>
            </p:sp>
          </p:grpSp>
        </p:grpSp>
      </p:grpSp>
      <p:cxnSp>
        <p:nvCxnSpPr>
          <p:cNvPr id="41" name="Straight Connector 59"/>
          <p:cNvCxnSpPr/>
          <p:nvPr/>
        </p:nvCxnSpPr>
        <p:spPr bwMode="auto">
          <a:xfrm>
            <a:off x="4551903" y="1782494"/>
            <a:ext cx="0" cy="2180984"/>
          </a:xfrm>
          <a:prstGeom prst="line">
            <a:avLst/>
          </a:prstGeom>
          <a:ln w="28575">
            <a:solidFill>
              <a:schemeClr val="tx1"/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Metin kutusu 3"/>
          <p:cNvSpPr txBox="1"/>
          <p:nvPr/>
        </p:nvSpPr>
        <p:spPr>
          <a:xfrm>
            <a:off x="3025605" y="2315901"/>
            <a:ext cx="3729328" cy="2385268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</p:spPr>
        <p:txBody>
          <a:bodyPr wrap="square" rtlCol="0">
            <a:spAutoFit/>
          </a:bodyPr>
          <a:lstStyle/>
          <a:p>
            <a:pPr algn="ctr">
              <a:defRPr/>
            </a:pPr>
            <a:r>
              <a:rPr lang="tr-TR" sz="1200" b="1" kern="0" dirty="0">
                <a:solidFill>
                  <a:prstClr val="black">
                    <a:lumMod val="95000"/>
                    <a:lumOff val="5000"/>
                  </a:prstClr>
                </a:solidFill>
                <a:latin typeface="Futura Bk BT" panose="020B0502020204020303" pitchFamily="34" charset="0"/>
              </a:rPr>
              <a:t>ERC </a:t>
            </a:r>
            <a:r>
              <a:rPr lang="tr-TR" sz="1200" b="1" kern="0" dirty="0" smtClean="0">
                <a:solidFill>
                  <a:prstClr val="black">
                    <a:lumMod val="95000"/>
                    <a:lumOff val="5000"/>
                  </a:prstClr>
                </a:solidFill>
                <a:latin typeface="Futura Bk BT" panose="020B0502020204020303" pitchFamily="34" charset="0"/>
              </a:rPr>
              <a:t>Ön Değerlendirme Desteği</a:t>
            </a:r>
          </a:p>
          <a:p>
            <a:pPr algn="ctr">
              <a:defRPr/>
            </a:pPr>
            <a:endParaRPr lang="tr-TR" sz="1200" b="1" kern="0" dirty="0" smtClean="0">
              <a:solidFill>
                <a:prstClr val="black">
                  <a:lumMod val="95000"/>
                  <a:lumOff val="5000"/>
                </a:prstClr>
              </a:solidFill>
              <a:latin typeface="Futura Bk BT" panose="020B0502020204020303" pitchFamily="34" charset="0"/>
            </a:endParaRPr>
          </a:p>
          <a:p>
            <a:pPr marL="171450" indent="-171450">
              <a:spcAft>
                <a:spcPts val="600"/>
              </a:spcAft>
              <a:buFont typeface="Arial" panose="020B0604020202020204" pitchFamily="34" charset="0"/>
              <a:buChar char="•"/>
              <a:defRPr/>
            </a:pPr>
            <a:r>
              <a:rPr lang="tr-TR" sz="1200" kern="0" dirty="0" smtClean="0">
                <a:solidFill>
                  <a:prstClr val="black">
                    <a:lumMod val="95000"/>
                    <a:lumOff val="5000"/>
                  </a:prstClr>
                </a:solidFill>
                <a:latin typeface="Futura Bk BT" panose="020B0502020204020303" pitchFamily="34" charset="0"/>
              </a:rPr>
              <a:t> Proje önerisinin sunulmadan önce uzmanlarca değerlendirilmesi </a:t>
            </a:r>
          </a:p>
          <a:p>
            <a:pPr>
              <a:defRPr/>
            </a:pPr>
            <a:r>
              <a:rPr lang="tr-TR" sz="1200" kern="0" dirty="0" smtClean="0">
                <a:solidFill>
                  <a:prstClr val="black">
                    <a:lumMod val="95000"/>
                    <a:lumOff val="5000"/>
                  </a:prstClr>
                </a:solidFill>
                <a:latin typeface="Futura Bk BT" panose="020B0502020204020303" pitchFamily="34" charset="0"/>
              </a:rPr>
              <a:t>      - Proje </a:t>
            </a:r>
            <a:r>
              <a:rPr lang="tr-TR" sz="1200" kern="0" dirty="0">
                <a:solidFill>
                  <a:prstClr val="black">
                    <a:lumMod val="95000"/>
                    <a:lumOff val="5000"/>
                  </a:prstClr>
                </a:solidFill>
                <a:latin typeface="Futura Bk BT" panose="020B0502020204020303" pitchFamily="34" charset="0"/>
              </a:rPr>
              <a:t>fikrinin değerlendirmesi, </a:t>
            </a:r>
          </a:p>
          <a:p>
            <a:pPr>
              <a:defRPr/>
            </a:pPr>
            <a:r>
              <a:rPr lang="tr-TR" sz="1200" kern="0" dirty="0">
                <a:solidFill>
                  <a:prstClr val="black">
                    <a:lumMod val="95000"/>
                    <a:lumOff val="5000"/>
                  </a:prstClr>
                </a:solidFill>
                <a:latin typeface="Futura Bk BT" panose="020B0502020204020303" pitchFamily="34" charset="0"/>
              </a:rPr>
              <a:t>     -  B Formları üzerinden yapılan yazılı bilimsel ön değerlendirme, </a:t>
            </a:r>
          </a:p>
          <a:p>
            <a:pPr>
              <a:defRPr/>
            </a:pPr>
            <a:r>
              <a:rPr lang="tr-TR" sz="1200" kern="0" dirty="0">
                <a:solidFill>
                  <a:prstClr val="black">
                    <a:lumMod val="95000"/>
                    <a:lumOff val="5000"/>
                  </a:prstClr>
                </a:solidFill>
                <a:latin typeface="Futura Bk BT" panose="020B0502020204020303" pitchFamily="34" charset="0"/>
              </a:rPr>
              <a:t>     - İnternet üzerinden görüntülü konuşma, telefonla yapılan değerlendirme ve toplantı,</a:t>
            </a:r>
          </a:p>
          <a:p>
            <a:pPr marL="171450" indent="-171450">
              <a:buFont typeface="Arial" panose="020B0604020202020204" pitchFamily="34" charset="0"/>
              <a:buChar char="•"/>
              <a:defRPr/>
            </a:pPr>
            <a:r>
              <a:rPr lang="tr-TR" sz="1200" kern="0" dirty="0" smtClean="0">
                <a:solidFill>
                  <a:prstClr val="black">
                    <a:lumMod val="95000"/>
                    <a:lumOff val="5000"/>
                  </a:prstClr>
                </a:solidFill>
                <a:latin typeface="Futura Bk BT" panose="020B0502020204020303" pitchFamily="34" charset="0"/>
              </a:rPr>
              <a:t>Ön değerlendirme kapsamında bir </a:t>
            </a:r>
            <a:r>
              <a:rPr lang="tr-TR" sz="1200" kern="0" dirty="0">
                <a:solidFill>
                  <a:prstClr val="black">
                    <a:lumMod val="95000"/>
                    <a:lumOff val="5000"/>
                  </a:prstClr>
                </a:solidFill>
                <a:latin typeface="Futura Bk BT" panose="020B0502020204020303" pitchFamily="34" charset="0"/>
              </a:rPr>
              <a:t>seyahat hakkı</a:t>
            </a:r>
          </a:p>
          <a:p>
            <a:pPr>
              <a:defRPr/>
            </a:pPr>
            <a:endParaRPr lang="tr-TR" sz="1200" kern="0" dirty="0" smtClean="0">
              <a:solidFill>
                <a:prstClr val="black">
                  <a:lumMod val="95000"/>
                  <a:lumOff val="5000"/>
                </a:prstClr>
              </a:solidFill>
              <a:latin typeface="Futura Bk BT" panose="020B0502020204020303" pitchFamily="34" charset="0"/>
            </a:endParaRPr>
          </a:p>
          <a:p>
            <a:pPr marL="171450" indent="-171450">
              <a:buFont typeface="Arial" panose="020B0604020202020204" pitchFamily="34" charset="0"/>
              <a:buChar char="•"/>
              <a:defRPr/>
            </a:pPr>
            <a:r>
              <a:rPr lang="tr-TR" sz="1200" b="1" kern="0" dirty="0" smtClean="0">
                <a:solidFill>
                  <a:prstClr val="black">
                    <a:lumMod val="95000"/>
                    <a:lumOff val="5000"/>
                  </a:prstClr>
                </a:solidFill>
                <a:latin typeface="Futura Bk BT" panose="020B0502020204020303" pitchFamily="34" charset="0"/>
              </a:rPr>
              <a:t>7.500€’ya kadar destek</a:t>
            </a:r>
          </a:p>
        </p:txBody>
      </p:sp>
      <p:sp>
        <p:nvSpPr>
          <p:cNvPr id="2" name="Dikdörtgen 1"/>
          <p:cNvSpPr/>
          <p:nvPr/>
        </p:nvSpPr>
        <p:spPr>
          <a:xfrm>
            <a:off x="527831" y="116632"/>
            <a:ext cx="7356537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tr-TR" altLang="tr-TR" sz="2400" b="1" dirty="0">
                <a:solidFill>
                  <a:schemeClr val="bg1"/>
                </a:solidFill>
              </a:rPr>
              <a:t>ERC Baş Araştırmacı Geliştirme Programı</a:t>
            </a:r>
            <a:endParaRPr lang="en-US" altLang="tr-TR" sz="2400" b="1" dirty="0">
              <a:solidFill>
                <a:schemeClr val="bg1"/>
              </a:solidFill>
            </a:endParaRPr>
          </a:p>
        </p:txBody>
      </p:sp>
      <p:sp>
        <p:nvSpPr>
          <p:cNvPr id="3" name="Yuvarlatılmış Dikdörtgen 2"/>
          <p:cNvSpPr/>
          <p:nvPr/>
        </p:nvSpPr>
        <p:spPr>
          <a:xfrm>
            <a:off x="899592" y="4797152"/>
            <a:ext cx="5766480" cy="1903027"/>
          </a:xfrm>
          <a:prstGeom prst="roundRect">
            <a:avLst/>
          </a:prstGeom>
        </p:spPr>
        <p:style>
          <a:lnRef idx="1">
            <a:schemeClr val="accent4"/>
          </a:lnRef>
          <a:fillRef idx="2">
            <a:schemeClr val="accent4"/>
          </a:fillRef>
          <a:effectRef idx="1">
            <a:schemeClr val="accent4"/>
          </a:effectRef>
          <a:fontRef idx="minor">
            <a:schemeClr val="dk1"/>
          </a:fontRef>
        </p:style>
        <p:txBody>
          <a:bodyPr spcFirstLastPara="0" vert="horz" wrap="square" lIns="216354" tIns="189034" rIns="216354" bIns="189034" numCol="1" spcCol="1270" rtlCol="0" anchor="ctr" anchorCtr="0">
            <a:noAutofit/>
          </a:bodyPr>
          <a:lstStyle/>
          <a:p>
            <a:pPr defTabSz="711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tr-TR" sz="1100" b="1" dirty="0" smtClean="0">
                <a:latin typeface="Futura Bk BT" pitchFamily="34" charset="0"/>
              </a:rPr>
              <a:t>İSTİSNALAR</a:t>
            </a:r>
          </a:p>
          <a:p>
            <a:pPr marL="171450" indent="-171450" defTabSz="711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Font typeface="Arial" panose="020B0604020202020204" pitchFamily="34" charset="0"/>
              <a:buChar char="•"/>
            </a:pPr>
            <a:r>
              <a:rPr lang="tr-TR" sz="1100" dirty="0" smtClean="0">
                <a:latin typeface="Futura Bk BT" pitchFamily="34" charset="0"/>
              </a:rPr>
              <a:t>Daha önce ERC alan kişiler                </a:t>
            </a:r>
          </a:p>
          <a:p>
            <a:pPr marL="171450" indent="-171450" defTabSz="711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Font typeface="Arial" panose="020B0604020202020204" pitchFamily="34" charset="0"/>
              <a:buChar char="•"/>
            </a:pPr>
            <a:r>
              <a:rPr lang="tr-TR" sz="1100" u="none" kern="1200" dirty="0" smtClean="0">
                <a:latin typeface="Futura Bk BT" pitchFamily="34" charset="0"/>
              </a:rPr>
              <a:t>Daha önce ERC başvurusu</a:t>
            </a:r>
            <a:r>
              <a:rPr lang="tr-TR" sz="1100" dirty="0" smtClean="0">
                <a:latin typeface="Futura Bk BT" pitchFamily="34" charset="0"/>
              </a:rPr>
              <a:t> </a:t>
            </a:r>
            <a:r>
              <a:rPr lang="tr-TR" sz="1100" u="none" kern="1200" dirty="0" smtClean="0">
                <a:latin typeface="Futura Bk BT" pitchFamily="34" charset="0"/>
              </a:rPr>
              <a:t>2. aşamaya geçen kişiler</a:t>
            </a:r>
          </a:p>
          <a:p>
            <a:pPr marL="171450" indent="-171450" defTabSz="711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Font typeface="Arial" panose="020B0604020202020204" pitchFamily="34" charset="0"/>
              <a:buChar char="•"/>
            </a:pPr>
            <a:r>
              <a:rPr lang="tr-TR" sz="1100" dirty="0" smtClean="0">
                <a:latin typeface="Futura Bk BT" pitchFamily="34" charset="0"/>
              </a:rPr>
              <a:t>MSCA IF almış olan kişiler</a:t>
            </a:r>
          </a:p>
          <a:p>
            <a:pPr marL="171450" indent="-171450" defTabSz="711200">
              <a:lnSpc>
                <a:spcPct val="90000"/>
              </a:lnSpc>
              <a:spcAft>
                <a:spcPct val="35000"/>
              </a:spcAft>
              <a:buFont typeface="Arial" panose="020B0604020202020204" pitchFamily="34" charset="0"/>
              <a:buChar char="•"/>
            </a:pPr>
            <a:r>
              <a:rPr lang="tr-TR" sz="1100" dirty="0">
                <a:latin typeface="Futura Bk BT" pitchFamily="34" charset="0"/>
              </a:rPr>
              <a:t>TÜBİTAK Bilim, Özel ve Teşvik </a:t>
            </a:r>
            <a:r>
              <a:rPr lang="tr-TR" sz="1100" dirty="0" smtClean="0">
                <a:latin typeface="Futura Bk BT" pitchFamily="34" charset="0"/>
              </a:rPr>
              <a:t>Ödülü /TÜBİTAK-TWAS </a:t>
            </a:r>
            <a:r>
              <a:rPr lang="tr-TR" sz="1100" dirty="0">
                <a:latin typeface="Futura Bk BT" pitchFamily="34" charset="0"/>
              </a:rPr>
              <a:t>Teşvik Ödülü almış </a:t>
            </a:r>
            <a:r>
              <a:rPr lang="tr-TR" sz="1100" dirty="0" smtClean="0">
                <a:latin typeface="Futura Bk BT" pitchFamily="34" charset="0"/>
              </a:rPr>
              <a:t>kişiler</a:t>
            </a:r>
          </a:p>
          <a:p>
            <a:pPr marL="171450" indent="-171450" defTabSz="711200">
              <a:lnSpc>
                <a:spcPct val="90000"/>
              </a:lnSpc>
              <a:spcAft>
                <a:spcPct val="35000"/>
              </a:spcAft>
              <a:buFont typeface="Arial" panose="020B0604020202020204" pitchFamily="34" charset="0"/>
              <a:buChar char="•"/>
            </a:pPr>
            <a:r>
              <a:rPr lang="tr-TR" sz="1100" dirty="0">
                <a:latin typeface="Futura Bk BT" pitchFamily="34" charset="0"/>
              </a:rPr>
              <a:t>EMBO Yerleşim Desteği Programı, Genç Araştırmacı Programı ve Uzun Dönemli Burs Programı </a:t>
            </a:r>
            <a:r>
              <a:rPr lang="tr-TR" sz="1100" dirty="0" smtClean="0">
                <a:latin typeface="Futura Bk BT" pitchFamily="34" charset="0"/>
              </a:rPr>
              <a:t>faydalanmış kişiler</a:t>
            </a:r>
          </a:p>
          <a:p>
            <a:pPr marL="171450" indent="-171450" defTabSz="711200">
              <a:lnSpc>
                <a:spcPct val="90000"/>
              </a:lnSpc>
              <a:spcAft>
                <a:spcPct val="35000"/>
              </a:spcAft>
              <a:buFont typeface="Arial" panose="020B0604020202020204" pitchFamily="34" charset="0"/>
              <a:buChar char="•"/>
            </a:pPr>
            <a:r>
              <a:rPr lang="tr-TR" sz="1100" dirty="0" smtClean="0">
                <a:latin typeface="Futura Bk BT" pitchFamily="34" charset="0"/>
              </a:rPr>
              <a:t>COST aksiyonu Teklif Sahipleri</a:t>
            </a:r>
          </a:p>
        </p:txBody>
      </p:sp>
    </p:spTree>
    <p:extLst>
      <p:ext uri="{BB962C8B-B14F-4D97-AF65-F5344CB8AC3E}">
        <p14:creationId xmlns:p14="http://schemas.microsoft.com/office/powerpoint/2010/main" val="9061855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şlık 1"/>
          <p:cNvSpPr>
            <a:spLocks noGrp="1"/>
          </p:cNvSpPr>
          <p:nvPr>
            <p:ph type="title"/>
          </p:nvPr>
        </p:nvSpPr>
        <p:spPr>
          <a:xfrm>
            <a:off x="107504" y="0"/>
            <a:ext cx="8208912" cy="706090"/>
          </a:xfrm>
        </p:spPr>
        <p:txBody>
          <a:bodyPr>
            <a:noAutofit/>
          </a:bodyPr>
          <a:lstStyle/>
          <a:p>
            <a:r>
              <a:rPr lang="tr-TR" sz="2400" dirty="0" smtClean="0">
                <a:cs typeface="Calibri"/>
              </a:rPr>
              <a:t>MSCA Ön </a:t>
            </a:r>
            <a:r>
              <a:rPr lang="tr-TR" sz="2400" dirty="0">
                <a:cs typeface="Calibri"/>
              </a:rPr>
              <a:t>Değerlendirme </a:t>
            </a:r>
            <a:r>
              <a:rPr lang="tr-TR" sz="2400" dirty="0" smtClean="0">
                <a:cs typeface="Calibri"/>
              </a:rPr>
              <a:t>Destek Programı </a:t>
            </a:r>
            <a:endParaRPr lang="tr-TR" sz="2400" dirty="0"/>
          </a:p>
        </p:txBody>
      </p:sp>
      <p:sp>
        <p:nvSpPr>
          <p:cNvPr id="4" name="Slayt Numarası Yer Tutucusu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41D7ED6A-D549-40C0-9D8C-C55F5275B6CF}" type="slidenum">
              <a:rPr lang="en-US" altLang="tr-TR" smtClean="0"/>
              <a:pPr>
                <a:defRPr/>
              </a:pPr>
              <a:t>14</a:t>
            </a:fld>
            <a:endParaRPr lang="en-US" altLang="tr-TR" dirty="0"/>
          </a:p>
        </p:txBody>
      </p:sp>
      <p:sp>
        <p:nvSpPr>
          <p:cNvPr id="8" name="Yuvarlatılmış Dikdörtgen 7"/>
          <p:cNvSpPr/>
          <p:nvPr/>
        </p:nvSpPr>
        <p:spPr>
          <a:xfrm>
            <a:off x="2195736" y="955554"/>
            <a:ext cx="4176464" cy="673246"/>
          </a:xfrm>
          <a:prstGeom prst="roundRect">
            <a:avLst>
              <a:gd name="adj" fmla="val 50000"/>
            </a:avLst>
          </a:prstGeom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spcFirstLastPara="0" vert="horz" wrap="square" lIns="216354" tIns="189034" rIns="216354" bIns="189034" numCol="1" spcCol="1270" rtlCol="0" anchor="ctr" anchorCtr="0">
            <a:noAutofit/>
          </a:bodyPr>
          <a:lstStyle/>
          <a:p>
            <a:pPr algn="ctr" defTabSz="711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tr-TR" b="1" u="none" kern="1200" dirty="0" smtClean="0">
                <a:latin typeface="Futura Bk BT" pitchFamily="34" charset="0"/>
              </a:rPr>
              <a:t>MSCA IF ve CO-FUND Proje Ön Değerlendirme Desteği </a:t>
            </a:r>
          </a:p>
        </p:txBody>
      </p:sp>
      <p:sp>
        <p:nvSpPr>
          <p:cNvPr id="12" name="Yuvarlatılmış Dikdörtgen 11"/>
          <p:cNvSpPr/>
          <p:nvPr/>
        </p:nvSpPr>
        <p:spPr>
          <a:xfrm>
            <a:off x="4427984" y="1866668"/>
            <a:ext cx="4186309" cy="3344690"/>
          </a:xfrm>
          <a:prstGeom prst="roundRect">
            <a:avLst/>
          </a:prstGeom>
          <a:solidFill>
            <a:schemeClr val="bg1">
              <a:lumMod val="85000"/>
            </a:schemeClr>
          </a:solidFill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spcFirstLastPara="0" vert="horz" wrap="square" lIns="216354" tIns="189034" rIns="216354" bIns="189034" numCol="1" spcCol="1270" rtlCol="0" anchor="ctr" anchorCtr="0">
            <a:noAutofit/>
          </a:bodyPr>
          <a:lstStyle/>
          <a:p>
            <a:pPr algn="ctr" defTabSz="711200">
              <a:lnSpc>
                <a:spcPct val="90000"/>
              </a:lnSpc>
              <a:spcAft>
                <a:spcPct val="35000"/>
              </a:spcAft>
            </a:pPr>
            <a:endParaRPr lang="tr-TR" b="1" dirty="0">
              <a:latin typeface="Futura Bk BT" pitchFamily="34" charset="0"/>
            </a:endParaRPr>
          </a:p>
        </p:txBody>
      </p:sp>
      <p:sp>
        <p:nvSpPr>
          <p:cNvPr id="13" name="Dikdörtgen 12"/>
          <p:cNvSpPr/>
          <p:nvPr/>
        </p:nvSpPr>
        <p:spPr>
          <a:xfrm>
            <a:off x="4860032" y="2162700"/>
            <a:ext cx="3580193" cy="278537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77800" indent="-177800">
              <a:buFont typeface="Arial" panose="020B0604020202020204" pitchFamily="34" charset="0"/>
              <a:buChar char="•"/>
              <a:defRPr/>
            </a:pPr>
            <a:r>
              <a:rPr lang="tr-TR" sz="1600" b="1" kern="0" dirty="0">
                <a:latin typeface="Futura Bk BT" pitchFamily="34" charset="0"/>
              </a:rPr>
              <a:t>Başvuru Formu, </a:t>
            </a:r>
          </a:p>
          <a:p>
            <a:pPr marL="177800" indent="-177800">
              <a:buFont typeface="Arial" panose="020B0604020202020204" pitchFamily="34" charset="0"/>
              <a:buChar char="•"/>
              <a:defRPr/>
            </a:pPr>
            <a:endParaRPr lang="tr-TR" sz="1600" b="1" kern="0" dirty="0">
              <a:latin typeface="Futura Bk BT" pitchFamily="34" charset="0"/>
            </a:endParaRPr>
          </a:p>
          <a:p>
            <a:pPr marL="177800" indent="-177800">
              <a:buFont typeface="Arial" panose="020B0604020202020204" pitchFamily="34" charset="0"/>
              <a:buChar char="•"/>
              <a:defRPr/>
            </a:pPr>
            <a:r>
              <a:rPr lang="tr-TR" sz="1600" b="1" kern="0" dirty="0">
                <a:latin typeface="Futura Bk BT" pitchFamily="34" charset="0"/>
              </a:rPr>
              <a:t>B Formu </a:t>
            </a:r>
          </a:p>
          <a:p>
            <a:pPr algn="just">
              <a:defRPr/>
            </a:pPr>
            <a:endParaRPr lang="tr-TR" sz="1600" b="1" kern="0" dirty="0">
              <a:latin typeface="Futura Bk BT" pitchFamily="34" charset="0"/>
            </a:endParaRPr>
          </a:p>
          <a:p>
            <a:pPr marL="177800" indent="-177800">
              <a:spcAft>
                <a:spcPts val="600"/>
              </a:spcAft>
              <a:buFont typeface="Arial" panose="020B0604020202020204" pitchFamily="34" charset="0"/>
              <a:buChar char="•"/>
              <a:defRPr/>
            </a:pPr>
            <a:r>
              <a:rPr lang="tr-TR" sz="1600" b="1" kern="0" dirty="0">
                <a:latin typeface="Futura Bk BT" pitchFamily="34" charset="0"/>
              </a:rPr>
              <a:t>Koordinatör adayının çağrının ön koşul ve değerlendirme kriterlerine uygun olması</a:t>
            </a:r>
            <a:r>
              <a:rPr lang="tr-TR" sz="1600" b="1" kern="0" dirty="0" smtClean="0">
                <a:latin typeface="Futura Bk BT" pitchFamily="34" charset="0"/>
              </a:rPr>
              <a:t>,</a:t>
            </a:r>
          </a:p>
          <a:p>
            <a:pPr marL="177800" indent="-177800">
              <a:spcAft>
                <a:spcPts val="600"/>
              </a:spcAft>
              <a:buFont typeface="Arial" panose="020B0604020202020204" pitchFamily="34" charset="0"/>
              <a:buChar char="•"/>
              <a:defRPr/>
            </a:pPr>
            <a:r>
              <a:rPr lang="tr-TR" sz="1600" b="1" kern="0" dirty="0" smtClean="0">
                <a:latin typeface="Futura Bk BT" pitchFamily="34" charset="0"/>
              </a:rPr>
              <a:t>Projenin Türkiye’de yürütülecek olması.</a:t>
            </a:r>
          </a:p>
          <a:p>
            <a:pPr marL="177800" indent="-177800">
              <a:spcAft>
                <a:spcPts val="600"/>
              </a:spcAft>
              <a:buFont typeface="Arial" panose="020B0604020202020204" pitchFamily="34" charset="0"/>
              <a:buChar char="•"/>
              <a:defRPr/>
            </a:pPr>
            <a:endParaRPr lang="tr-TR" sz="1600" b="1" kern="0" dirty="0">
              <a:latin typeface="Futura Bk BT" pitchFamily="34" charset="0"/>
            </a:endParaRPr>
          </a:p>
        </p:txBody>
      </p:sp>
      <p:sp>
        <p:nvSpPr>
          <p:cNvPr id="15" name="Rounded Rectangle 37"/>
          <p:cNvSpPr/>
          <p:nvPr/>
        </p:nvSpPr>
        <p:spPr>
          <a:xfrm>
            <a:off x="395536" y="5445224"/>
            <a:ext cx="2278509" cy="980934"/>
          </a:xfrm>
          <a:prstGeom prst="roundRect">
            <a:avLst>
              <a:gd name="adj" fmla="val 21930"/>
            </a:avLst>
          </a:prstGeom>
          <a:solidFill>
            <a:sysClr val="window" lastClr="FFFFFF"/>
          </a:solidFill>
          <a:ln w="25400" cap="flat" cmpd="sng" algn="ctr">
            <a:solidFill>
              <a:srgbClr val="9F60CB"/>
            </a:solidFill>
            <a:prstDash val="solid"/>
            <a:miter lim="800000"/>
          </a:ln>
          <a:effectLst>
            <a:innerShdw blurRad="114300">
              <a:srgbClr val="9F60CB">
                <a:lumMod val="75000"/>
              </a:srgbClr>
            </a:innerShdw>
          </a:effec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tr-TR" b="1" kern="0" dirty="0">
                <a:latin typeface="Calibri" panose="020F0502020204030204"/>
              </a:rPr>
              <a:t>8</a:t>
            </a:r>
            <a:r>
              <a:rPr lang="tr-TR" b="1" kern="0" dirty="0" smtClean="0">
                <a:latin typeface="Calibri" panose="020F0502020204030204"/>
              </a:rPr>
              <a:t>.000 </a:t>
            </a:r>
            <a:r>
              <a:rPr lang="tr-TR" b="1" kern="0" dirty="0" err="1">
                <a:latin typeface="Calibri" panose="020F0502020204030204"/>
              </a:rPr>
              <a:t>Avro’ya</a:t>
            </a:r>
            <a:r>
              <a:rPr lang="tr-TR" b="1" kern="0" dirty="0">
                <a:latin typeface="Calibri" panose="020F0502020204030204"/>
              </a:rPr>
              <a:t> kadar </a:t>
            </a:r>
            <a:r>
              <a:rPr lang="tr-TR" b="1" kern="0" dirty="0" smtClean="0">
                <a:latin typeface="Calibri" panose="020F0502020204030204"/>
              </a:rPr>
              <a:t>destek !</a:t>
            </a:r>
            <a:endParaRPr kumimoji="0" lang="en-US" sz="1800" b="0" i="0" u="none" strike="noStrike" kern="0" cap="none" spc="0" normalizeH="0" baseline="0" noProof="0" dirty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5250" y="1952625"/>
            <a:ext cx="4188718" cy="29527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6" name="Rounded Rectangle 37"/>
          <p:cNvSpPr/>
          <p:nvPr/>
        </p:nvSpPr>
        <p:spPr>
          <a:xfrm>
            <a:off x="3419872" y="5452686"/>
            <a:ext cx="2574493" cy="980934"/>
          </a:xfrm>
          <a:prstGeom prst="roundRect">
            <a:avLst>
              <a:gd name="adj" fmla="val 21930"/>
            </a:avLst>
          </a:prstGeom>
          <a:solidFill>
            <a:sysClr val="window" lastClr="FFFFFF"/>
          </a:solidFill>
          <a:ln w="25400" cap="flat" cmpd="sng" algn="ctr">
            <a:solidFill>
              <a:srgbClr val="9F60CB"/>
            </a:solidFill>
            <a:prstDash val="solid"/>
            <a:miter lim="800000"/>
          </a:ln>
          <a:effectLst>
            <a:innerShdw blurRad="114300">
              <a:srgbClr val="9F60CB">
                <a:lumMod val="75000"/>
              </a:srgbClr>
            </a:innerShdw>
          </a:effec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tr-TR" sz="1600" b="1" kern="0" dirty="0" smtClean="0">
                <a:latin typeface="Calibri" panose="020F0502020204030204"/>
              </a:rPr>
              <a:t>Ön Değerlendirme hizmeti Proje Sunulmadan Önce Alınmış Olmalı</a:t>
            </a:r>
            <a:endParaRPr kumimoji="0" lang="en-US" sz="1600" b="0" i="0" u="none" strike="noStrike" kern="0" cap="none" spc="0" normalizeH="0" baseline="0" noProof="0" dirty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9682882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şlık 1"/>
          <p:cNvSpPr>
            <a:spLocks noGrp="1"/>
          </p:cNvSpPr>
          <p:nvPr>
            <p:ph type="title"/>
          </p:nvPr>
        </p:nvSpPr>
        <p:spPr>
          <a:xfrm>
            <a:off x="611560" y="0"/>
            <a:ext cx="7776864" cy="706090"/>
          </a:xfrm>
        </p:spPr>
        <p:txBody>
          <a:bodyPr>
            <a:normAutofit/>
          </a:bodyPr>
          <a:lstStyle/>
          <a:p>
            <a:r>
              <a:rPr lang="tr-TR" sz="2400" dirty="0" smtClean="0"/>
              <a:t>Uzman Kişi / Kuruluş </a:t>
            </a:r>
            <a:endParaRPr lang="tr-TR" sz="2400" dirty="0"/>
          </a:p>
        </p:txBody>
      </p:sp>
      <p:sp>
        <p:nvSpPr>
          <p:cNvPr id="4" name="Slayt Numarası Yer Tutucusu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41D7ED6A-D549-40C0-9D8C-C55F5275B6CF}" type="slidenum">
              <a:rPr lang="en-US" altLang="tr-TR" smtClean="0"/>
              <a:pPr>
                <a:defRPr/>
              </a:pPr>
              <a:t>15</a:t>
            </a:fld>
            <a:endParaRPr lang="en-US" altLang="tr-TR"/>
          </a:p>
        </p:txBody>
      </p:sp>
      <p:graphicFrame>
        <p:nvGraphicFramePr>
          <p:cNvPr id="3" name="Diyagram 2"/>
          <p:cNvGraphicFramePr/>
          <p:nvPr>
            <p:extLst>
              <p:ext uri="{D42A27DB-BD31-4B8C-83A1-F6EECF244321}">
                <p14:modId xmlns:p14="http://schemas.microsoft.com/office/powerpoint/2010/main" val="3308917033"/>
              </p:ext>
            </p:extLst>
          </p:nvPr>
        </p:nvGraphicFramePr>
        <p:xfrm>
          <a:off x="971600" y="1916832"/>
          <a:ext cx="7128792" cy="460851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9" name="Metin kutusu 8"/>
          <p:cNvSpPr txBox="1"/>
          <p:nvPr/>
        </p:nvSpPr>
        <p:spPr>
          <a:xfrm>
            <a:off x="1691680" y="993117"/>
            <a:ext cx="5616624" cy="400110"/>
          </a:xfrm>
          <a:prstGeom prst="rect">
            <a:avLst/>
          </a:prstGeom>
          <a:solidFill>
            <a:schemeClr val="accent4">
              <a:lumMod val="75000"/>
            </a:schemeClr>
          </a:solidFill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tr-TR" sz="2000" b="1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orbel" pitchFamily="34" charset="0"/>
              </a:rPr>
              <a:t>PROJE YAZDIRMA/ÖN DEĞERLENDİRME</a:t>
            </a:r>
            <a:endParaRPr lang="tr-TR" sz="2000" b="1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orbe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6852583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şlık 1"/>
          <p:cNvSpPr>
            <a:spLocks noGrp="1"/>
          </p:cNvSpPr>
          <p:nvPr>
            <p:ph type="title"/>
          </p:nvPr>
        </p:nvSpPr>
        <p:spPr>
          <a:xfrm>
            <a:off x="107504" y="0"/>
            <a:ext cx="7776864" cy="706090"/>
          </a:xfrm>
        </p:spPr>
        <p:txBody>
          <a:bodyPr>
            <a:normAutofit/>
          </a:bodyPr>
          <a:lstStyle/>
          <a:p>
            <a:r>
              <a:rPr lang="tr-TR" sz="2400" dirty="0" smtClean="0"/>
              <a:t> Yükümlülükler</a:t>
            </a:r>
            <a:endParaRPr lang="tr-TR" sz="2400" dirty="0"/>
          </a:p>
        </p:txBody>
      </p:sp>
      <p:sp>
        <p:nvSpPr>
          <p:cNvPr id="4" name="Slayt Numarası Yer Tutucusu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41D7ED6A-D549-40C0-9D8C-C55F5275B6CF}" type="slidenum">
              <a:rPr lang="en-US" altLang="tr-TR" smtClean="0"/>
              <a:pPr>
                <a:defRPr/>
              </a:pPr>
              <a:t>16</a:t>
            </a:fld>
            <a:endParaRPr lang="en-US" altLang="tr-TR"/>
          </a:p>
        </p:txBody>
      </p:sp>
      <p:graphicFrame>
        <p:nvGraphicFramePr>
          <p:cNvPr id="5" name="Diyagram 4"/>
          <p:cNvGraphicFramePr/>
          <p:nvPr>
            <p:extLst>
              <p:ext uri="{D42A27DB-BD31-4B8C-83A1-F6EECF244321}">
                <p14:modId xmlns:p14="http://schemas.microsoft.com/office/powerpoint/2010/main" val="3501402321"/>
              </p:ext>
            </p:extLst>
          </p:nvPr>
        </p:nvGraphicFramePr>
        <p:xfrm>
          <a:off x="1403648" y="1628800"/>
          <a:ext cx="6096000" cy="40640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894736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şlık 1"/>
          <p:cNvSpPr>
            <a:spLocks noGrp="1"/>
          </p:cNvSpPr>
          <p:nvPr>
            <p:ph type="title"/>
          </p:nvPr>
        </p:nvSpPr>
        <p:spPr>
          <a:xfrm>
            <a:off x="97265" y="-99392"/>
            <a:ext cx="7776864" cy="706090"/>
          </a:xfrm>
        </p:spPr>
        <p:txBody>
          <a:bodyPr>
            <a:normAutofit/>
          </a:bodyPr>
          <a:lstStyle/>
          <a:p>
            <a:r>
              <a:rPr lang="tr-TR" sz="2400" dirty="0" smtClean="0"/>
              <a:t>Başarı Ödülü</a:t>
            </a:r>
            <a:endParaRPr lang="tr-TR" sz="2400" dirty="0"/>
          </a:p>
        </p:txBody>
      </p:sp>
      <p:sp>
        <p:nvSpPr>
          <p:cNvPr id="4" name="Slayt Numarası Yer Tutucusu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41D7ED6A-D549-40C0-9D8C-C55F5275B6CF}" type="slidenum">
              <a:rPr lang="en-US" altLang="tr-TR" smtClean="0"/>
              <a:pPr>
                <a:defRPr/>
              </a:pPr>
              <a:t>17</a:t>
            </a:fld>
            <a:endParaRPr lang="en-US" altLang="tr-TR"/>
          </a:p>
        </p:txBody>
      </p:sp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8821488" y="5301208"/>
            <a:ext cx="18938104" cy="465313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grpSp>
        <p:nvGrpSpPr>
          <p:cNvPr id="15" name="Grup 14"/>
          <p:cNvGrpSpPr/>
          <p:nvPr/>
        </p:nvGrpSpPr>
        <p:grpSpPr>
          <a:xfrm>
            <a:off x="140365" y="1237928"/>
            <a:ext cx="4260517" cy="987269"/>
            <a:chOff x="166649" y="1289603"/>
            <a:chExt cx="4621375" cy="987269"/>
          </a:xfrm>
        </p:grpSpPr>
        <p:sp>
          <p:nvSpPr>
            <p:cNvPr id="16" name="Rectangle 7"/>
            <p:cNvSpPr>
              <a:spLocks noChangeArrowheads="1"/>
            </p:cNvSpPr>
            <p:nvPr/>
          </p:nvSpPr>
          <p:spPr bwMode="auto">
            <a:xfrm>
              <a:off x="166649" y="1289603"/>
              <a:ext cx="4621375" cy="987269"/>
            </a:xfrm>
            <a:prstGeom prst="rect">
              <a:avLst/>
            </a:prstGeom>
            <a:gradFill flip="none" rotWithShape="1">
              <a:gsLst>
                <a:gs pos="1000">
                  <a:srgbClr val="FFFFFF">
                    <a:lumMod val="95000"/>
                  </a:srgbClr>
                </a:gs>
                <a:gs pos="100000">
                  <a:srgbClr val="FFFFFF">
                    <a:lumMod val="85000"/>
                  </a:srgbClr>
                </a:gs>
                <a:gs pos="35000">
                  <a:srgbClr val="FFFFFF"/>
                </a:gs>
              </a:gsLst>
              <a:lin ang="5400000" scaled="1"/>
              <a:tileRect/>
            </a:gradFill>
            <a:ln w="0">
              <a:noFill/>
              <a:prstDash val="solid"/>
              <a:miter lim="800000"/>
              <a:headEnd/>
              <a:tailEnd/>
            </a:ln>
            <a:effectLst/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0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</a:endParaRPr>
            </a:p>
          </p:txBody>
        </p:sp>
        <p:sp>
          <p:nvSpPr>
            <p:cNvPr id="17" name="Dikdörtgen 16"/>
            <p:cNvSpPr/>
            <p:nvPr/>
          </p:nvSpPr>
          <p:spPr>
            <a:xfrm>
              <a:off x="323487" y="1484784"/>
              <a:ext cx="4242041" cy="523220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tr-TR" sz="1400" b="1" dirty="0">
                  <a:latin typeface="Futura Bk BT" panose="020B0502020204020303" pitchFamily="34" charset="0"/>
                </a:rPr>
                <a:t>Ödemeler proje yürütücüsüne, </a:t>
              </a:r>
              <a:r>
                <a:rPr lang="tr-TR" sz="1400" b="1" dirty="0" smtClean="0">
                  <a:latin typeface="Futura Bk BT" panose="020B0502020204020303" pitchFamily="34" charset="0"/>
                </a:rPr>
                <a:t>varsa ekibine </a:t>
              </a:r>
              <a:r>
                <a:rPr lang="tr-TR" sz="1400" b="1" dirty="0">
                  <a:latin typeface="Futura Bk BT" panose="020B0502020204020303" pitchFamily="34" charset="0"/>
                </a:rPr>
                <a:t>ve ev sahibi kuruluşa  </a:t>
              </a:r>
            </a:p>
          </p:txBody>
        </p:sp>
      </p:grpSp>
      <p:grpSp>
        <p:nvGrpSpPr>
          <p:cNvPr id="18" name="Grup 17"/>
          <p:cNvGrpSpPr/>
          <p:nvPr/>
        </p:nvGrpSpPr>
        <p:grpSpPr>
          <a:xfrm>
            <a:off x="177119" y="2281678"/>
            <a:ext cx="4250866" cy="720080"/>
            <a:chOff x="177118" y="2492896"/>
            <a:chExt cx="4610906" cy="720080"/>
          </a:xfrm>
        </p:grpSpPr>
        <p:sp>
          <p:nvSpPr>
            <p:cNvPr id="19" name="Rectangle 7"/>
            <p:cNvSpPr>
              <a:spLocks noChangeArrowheads="1"/>
            </p:cNvSpPr>
            <p:nvPr/>
          </p:nvSpPr>
          <p:spPr bwMode="auto">
            <a:xfrm>
              <a:off x="177118" y="2492896"/>
              <a:ext cx="4610906" cy="720080"/>
            </a:xfrm>
            <a:prstGeom prst="rect">
              <a:avLst/>
            </a:prstGeom>
            <a:gradFill flip="none" rotWithShape="1">
              <a:gsLst>
                <a:gs pos="1000">
                  <a:srgbClr val="FFFFFF">
                    <a:lumMod val="95000"/>
                  </a:srgbClr>
                </a:gs>
                <a:gs pos="100000">
                  <a:schemeClr val="accent3">
                    <a:lumMod val="60000"/>
                    <a:lumOff val="40000"/>
                  </a:schemeClr>
                </a:gs>
                <a:gs pos="35000">
                  <a:srgbClr val="FFFFFF"/>
                </a:gs>
              </a:gsLst>
              <a:lin ang="5400000" scaled="1"/>
              <a:tileRect/>
            </a:gradFill>
            <a:ln w="0">
              <a:noFill/>
              <a:prstDash val="solid"/>
              <a:miter lim="800000"/>
              <a:headEnd/>
              <a:tailEnd/>
            </a:ln>
            <a:effectLst/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342900" marR="0" lvl="0" indent="-34290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endParaRPr kumimoji="0" lang="en-US" sz="20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</a:endParaRPr>
            </a:p>
          </p:txBody>
        </p:sp>
        <p:sp>
          <p:nvSpPr>
            <p:cNvPr id="20" name="Dikdörtgen 19"/>
            <p:cNvSpPr/>
            <p:nvPr/>
          </p:nvSpPr>
          <p:spPr>
            <a:xfrm>
              <a:off x="251520" y="2636911"/>
              <a:ext cx="3942184" cy="523220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tr-TR" sz="1400" b="1" dirty="0">
                  <a:latin typeface="Futura Bk BT" panose="020B0502020204020303" pitchFamily="34" charset="0"/>
                </a:rPr>
                <a:t>H2020 Kapsamında desteklenmiş projeler</a:t>
              </a:r>
            </a:p>
          </p:txBody>
        </p:sp>
      </p:grpSp>
      <p:sp>
        <p:nvSpPr>
          <p:cNvPr id="21" name="Metin kutusu 20"/>
          <p:cNvSpPr txBox="1"/>
          <p:nvPr/>
        </p:nvSpPr>
        <p:spPr>
          <a:xfrm>
            <a:off x="2627784" y="728028"/>
            <a:ext cx="423705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tr-TR" b="1" dirty="0" smtClean="0">
                <a:solidFill>
                  <a:schemeClr val="tx2"/>
                </a:solidFill>
                <a:latin typeface="Futura Bk BT" panose="020B0502020204020303" pitchFamily="34" charset="0"/>
              </a:rPr>
              <a:t>Başvuru , Uygunluk Ölçütleri ve Belgeler</a:t>
            </a:r>
            <a:endParaRPr lang="tr-TR" b="1" dirty="0">
              <a:solidFill>
                <a:schemeClr val="tx2"/>
              </a:solidFill>
              <a:latin typeface="Futura Bk BT" panose="020B0502020204020303" pitchFamily="34" charset="0"/>
            </a:endParaRPr>
          </a:p>
        </p:txBody>
      </p:sp>
      <p:grpSp>
        <p:nvGrpSpPr>
          <p:cNvPr id="22" name="Grup 21"/>
          <p:cNvGrpSpPr/>
          <p:nvPr/>
        </p:nvGrpSpPr>
        <p:grpSpPr>
          <a:xfrm>
            <a:off x="177119" y="3370684"/>
            <a:ext cx="4274384" cy="850404"/>
            <a:chOff x="177118" y="3429000"/>
            <a:chExt cx="4636416" cy="850404"/>
          </a:xfrm>
        </p:grpSpPr>
        <p:sp>
          <p:nvSpPr>
            <p:cNvPr id="23" name="Rectangle 7"/>
            <p:cNvSpPr>
              <a:spLocks noChangeArrowheads="1"/>
            </p:cNvSpPr>
            <p:nvPr/>
          </p:nvSpPr>
          <p:spPr bwMode="auto">
            <a:xfrm>
              <a:off x="177118" y="3429000"/>
              <a:ext cx="4610906" cy="850404"/>
            </a:xfrm>
            <a:prstGeom prst="rect">
              <a:avLst/>
            </a:prstGeom>
            <a:gradFill flip="none" rotWithShape="1">
              <a:gsLst>
                <a:gs pos="1000">
                  <a:srgbClr val="FFFFFF">
                    <a:lumMod val="95000"/>
                  </a:srgbClr>
                </a:gs>
                <a:gs pos="100000">
                  <a:schemeClr val="accent5">
                    <a:lumMod val="60000"/>
                    <a:lumOff val="40000"/>
                  </a:schemeClr>
                </a:gs>
                <a:gs pos="35000">
                  <a:srgbClr val="FFFFFF"/>
                </a:gs>
              </a:gsLst>
              <a:lin ang="5400000" scaled="1"/>
              <a:tileRect/>
            </a:gradFill>
            <a:ln w="0">
              <a:noFill/>
              <a:prstDash val="solid"/>
              <a:miter lim="800000"/>
              <a:headEnd/>
              <a:tailEnd/>
            </a:ln>
            <a:effectLst/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0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</a:endParaRPr>
            </a:p>
          </p:txBody>
        </p:sp>
        <p:sp>
          <p:nvSpPr>
            <p:cNvPr id="24" name="Dikdörtgen 23"/>
            <p:cNvSpPr/>
            <p:nvPr/>
          </p:nvSpPr>
          <p:spPr>
            <a:xfrm>
              <a:off x="241534" y="3543141"/>
              <a:ext cx="4572000" cy="307777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tr-TR" sz="1400" b="1" dirty="0">
                  <a:latin typeface="Futura Bk BT" panose="020B0502020204020303" pitchFamily="34" charset="0"/>
                </a:rPr>
                <a:t>Finansal Raporlama Dönemlerinde Ödeme </a:t>
              </a:r>
            </a:p>
          </p:txBody>
        </p:sp>
      </p:grpSp>
      <p:grpSp>
        <p:nvGrpSpPr>
          <p:cNvPr id="25" name="Grup 24"/>
          <p:cNvGrpSpPr/>
          <p:nvPr/>
        </p:nvGrpSpPr>
        <p:grpSpPr>
          <a:xfrm>
            <a:off x="140365" y="4381653"/>
            <a:ext cx="4250866" cy="775539"/>
            <a:chOff x="166649" y="4453661"/>
            <a:chExt cx="4610906" cy="775539"/>
          </a:xfrm>
        </p:grpSpPr>
        <p:sp>
          <p:nvSpPr>
            <p:cNvPr id="26" name="Rectangle 7"/>
            <p:cNvSpPr>
              <a:spLocks noChangeArrowheads="1"/>
            </p:cNvSpPr>
            <p:nvPr/>
          </p:nvSpPr>
          <p:spPr bwMode="auto">
            <a:xfrm>
              <a:off x="166649" y="4509120"/>
              <a:ext cx="4610906" cy="720080"/>
            </a:xfrm>
            <a:prstGeom prst="rect">
              <a:avLst/>
            </a:prstGeom>
            <a:gradFill flip="none" rotWithShape="1">
              <a:gsLst>
                <a:gs pos="1000">
                  <a:srgbClr val="FFFFFF">
                    <a:lumMod val="95000"/>
                  </a:srgbClr>
                </a:gs>
                <a:gs pos="100000">
                  <a:schemeClr val="accent6">
                    <a:lumMod val="60000"/>
                    <a:lumOff val="40000"/>
                  </a:schemeClr>
                </a:gs>
                <a:gs pos="35000">
                  <a:srgbClr val="FFFFFF"/>
                </a:gs>
              </a:gsLst>
              <a:lin ang="5400000" scaled="1"/>
              <a:tileRect/>
            </a:gradFill>
            <a:ln w="0">
              <a:noFill/>
              <a:prstDash val="solid"/>
              <a:miter lim="800000"/>
              <a:headEnd/>
              <a:tailEnd/>
            </a:ln>
            <a:effectLst/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342900" marR="0" lvl="0" indent="-34290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endParaRPr kumimoji="0" lang="en-US" sz="20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</a:endParaRPr>
            </a:p>
          </p:txBody>
        </p:sp>
        <p:sp>
          <p:nvSpPr>
            <p:cNvPr id="27" name="Dikdörtgen 26"/>
            <p:cNvSpPr/>
            <p:nvPr/>
          </p:nvSpPr>
          <p:spPr>
            <a:xfrm>
              <a:off x="287220" y="4453661"/>
              <a:ext cx="2184883" cy="600164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285750" indent="-285750">
                <a:spcAft>
                  <a:spcPts val="600"/>
                </a:spcAft>
                <a:buFont typeface="Arial" panose="020B0604020202020204" pitchFamily="34" charset="0"/>
                <a:buChar char="•"/>
              </a:pPr>
              <a:r>
                <a:rPr lang="tr-TR" sz="1400" b="1" dirty="0">
                  <a:latin typeface="Futura Bk BT" panose="020B0502020204020303" pitchFamily="34" charset="0"/>
                </a:rPr>
                <a:t>%80 kişilere,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tr-TR" sz="1400" b="1" dirty="0">
                  <a:latin typeface="Futura Bk BT" panose="020B0502020204020303" pitchFamily="34" charset="0"/>
                </a:rPr>
                <a:t>%20 Kuruluşlara </a:t>
              </a:r>
            </a:p>
          </p:txBody>
        </p:sp>
      </p:grpSp>
      <p:sp>
        <p:nvSpPr>
          <p:cNvPr id="14" name="Metin kutusu 13"/>
          <p:cNvSpPr txBox="1"/>
          <p:nvPr/>
        </p:nvSpPr>
        <p:spPr>
          <a:xfrm>
            <a:off x="2118482" y="4437112"/>
            <a:ext cx="2615807" cy="523220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tr-TR"/>
            </a:defPPr>
            <a:lvl1pPr marL="285750" indent="-285750">
              <a:buFont typeface="Arial" panose="020B0604020202020204" pitchFamily="34" charset="0"/>
              <a:buChar char="•"/>
              <a:defRPr sz="1600" b="1">
                <a:latin typeface="Futura Bk BT" panose="020B0502020204020303" pitchFamily="34" charset="0"/>
              </a:defRPr>
            </a:lvl1pPr>
          </a:lstStyle>
          <a:p>
            <a:r>
              <a:rPr lang="tr-TR" sz="1400" dirty="0"/>
              <a:t>Koordinatör </a:t>
            </a:r>
            <a:r>
              <a:rPr lang="tr-TR" sz="1400" dirty="0" smtClean="0"/>
              <a:t>* 2</a:t>
            </a:r>
          </a:p>
          <a:p>
            <a:r>
              <a:rPr lang="tr-TR" sz="1400" dirty="0" smtClean="0"/>
              <a:t>Ortaksız projeler * 1,5</a:t>
            </a:r>
            <a:endParaRPr lang="tr-TR" sz="1400" dirty="0"/>
          </a:p>
        </p:txBody>
      </p:sp>
      <p:sp>
        <p:nvSpPr>
          <p:cNvPr id="43" name="Dikdörtgen 42"/>
          <p:cNvSpPr/>
          <p:nvPr/>
        </p:nvSpPr>
        <p:spPr>
          <a:xfrm>
            <a:off x="4746312" y="1277262"/>
            <a:ext cx="4291177" cy="2708434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>
            <a:spAutoFit/>
          </a:bodyPr>
          <a:lstStyle/>
          <a:p>
            <a:pPr algn="ctr">
              <a:spcBef>
                <a:spcPts val="600"/>
              </a:spcBef>
              <a:spcAft>
                <a:spcPts val="600"/>
              </a:spcAft>
            </a:pPr>
            <a:r>
              <a:rPr lang="tr-TR" sz="1400" b="1" dirty="0" smtClean="0">
                <a:solidFill>
                  <a:schemeClr val="tx2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Futura Bk BT" panose="020B0502020204020303" pitchFamily="34" charset="0"/>
              </a:rPr>
              <a:t>BELGELER</a:t>
            </a:r>
          </a:p>
          <a:p>
            <a:pPr marL="285750" indent="-285750" algn="ctr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tr-TR" sz="1200" b="1" dirty="0" smtClean="0">
                <a:latin typeface="Futura Bk BT" panose="020B0502020204020303" pitchFamily="34" charset="0"/>
              </a:rPr>
              <a:t>B</a:t>
            </a:r>
            <a:r>
              <a:rPr lang="en-US" sz="1200" b="1" dirty="0" err="1">
                <a:latin typeface="Futura Bk BT" panose="020B0502020204020303" pitchFamily="34" charset="0"/>
              </a:rPr>
              <a:t>aşvuru</a:t>
            </a:r>
            <a:r>
              <a:rPr lang="en-US" sz="1200" b="1" dirty="0">
                <a:latin typeface="Futura Bk BT" panose="020B0502020204020303" pitchFamily="34" charset="0"/>
              </a:rPr>
              <a:t> </a:t>
            </a:r>
            <a:r>
              <a:rPr lang="tr-TR" sz="1200" b="1" dirty="0">
                <a:latin typeface="Futura Bk BT" panose="020B0502020204020303" pitchFamily="34" charset="0"/>
              </a:rPr>
              <a:t>f</a:t>
            </a:r>
            <a:r>
              <a:rPr lang="en-US" sz="1200" b="1" dirty="0" err="1" smtClean="0">
                <a:latin typeface="Futura Bk BT" panose="020B0502020204020303" pitchFamily="34" charset="0"/>
              </a:rPr>
              <a:t>ormu</a:t>
            </a:r>
            <a:endParaRPr lang="tr-TR" sz="1200" b="1" dirty="0">
              <a:latin typeface="Futura Bk BT" panose="020B0502020204020303" pitchFamily="34" charset="0"/>
            </a:endParaRPr>
          </a:p>
          <a:p>
            <a:pPr marL="285750" indent="-285750" algn="ctr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tr-TR" sz="1200" b="1" dirty="0">
                <a:latin typeface="Futura Bk BT" panose="020B0502020204020303" pitchFamily="34" charset="0"/>
              </a:rPr>
              <a:t>Bağımsız değerlendirme sonuç </a:t>
            </a:r>
            <a:r>
              <a:rPr lang="tr-TR" sz="1200" b="1" dirty="0" smtClean="0">
                <a:latin typeface="Futura Bk BT" panose="020B0502020204020303" pitchFamily="34" charset="0"/>
              </a:rPr>
              <a:t>raporu</a:t>
            </a:r>
          </a:p>
          <a:p>
            <a:pPr marL="285750" indent="-285750" algn="ctr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tr-TR" sz="1200" b="1" dirty="0" smtClean="0">
                <a:latin typeface="Futura Bk BT" panose="020B0502020204020303" pitchFamily="34" charset="0"/>
              </a:rPr>
              <a:t>Hibe sözleşmesi</a:t>
            </a:r>
          </a:p>
          <a:p>
            <a:pPr marL="285750" indent="-285750" algn="ctr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tr-TR" sz="1200" b="1" dirty="0">
                <a:latin typeface="Futura Bk BT" panose="020B0502020204020303" pitchFamily="34" charset="0"/>
              </a:rPr>
              <a:t>Proje yürütücüsü ve varsa ekibinin listesi ve katkılarını gösteren proje başvurusu sahibi kurum/kuruluşlardan alınan </a:t>
            </a:r>
            <a:r>
              <a:rPr lang="tr-TR" sz="1200" b="1" dirty="0" smtClean="0">
                <a:latin typeface="Futura Bk BT" panose="020B0502020204020303" pitchFamily="34" charset="0"/>
              </a:rPr>
              <a:t>yazı,</a:t>
            </a:r>
            <a:endParaRPr lang="tr-TR" sz="1200" b="1" dirty="0">
              <a:latin typeface="Futura Bk BT" panose="020B0502020204020303" pitchFamily="34" charset="0"/>
            </a:endParaRPr>
          </a:p>
          <a:p>
            <a:pPr marL="285750" indent="-285750" algn="ctr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tr-TR" sz="1200" b="1" dirty="0">
                <a:latin typeface="Futura Bk BT" panose="020B0502020204020303" pitchFamily="34" charset="0"/>
              </a:rPr>
              <a:t>Onaylı </a:t>
            </a:r>
            <a:r>
              <a:rPr lang="tr-TR" sz="1200" b="1" dirty="0" smtClean="0">
                <a:latin typeface="Futura Bk BT" panose="020B0502020204020303" pitchFamily="34" charset="0"/>
              </a:rPr>
              <a:t>finansal </a:t>
            </a:r>
            <a:r>
              <a:rPr lang="tr-TR" sz="1200" b="1" dirty="0">
                <a:latin typeface="Futura Bk BT" panose="020B0502020204020303" pitchFamily="34" charset="0"/>
              </a:rPr>
              <a:t>rapor (FORM C</a:t>
            </a:r>
            <a:r>
              <a:rPr lang="tr-TR" sz="1200" b="1" dirty="0" smtClean="0">
                <a:latin typeface="Futura Bk BT" panose="020B0502020204020303" pitchFamily="34" charset="0"/>
              </a:rPr>
              <a:t>)</a:t>
            </a:r>
          </a:p>
          <a:p>
            <a:pPr marL="285750" indent="-285750" algn="ctr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tr-TR" sz="1200" b="1" dirty="0">
              <a:latin typeface="Futura Bk BT" panose="020B0502020204020303" pitchFamily="34" charset="0"/>
            </a:endParaRPr>
          </a:p>
        </p:txBody>
      </p:sp>
      <p:sp>
        <p:nvSpPr>
          <p:cNvPr id="44" name="Dikdörtgen 43"/>
          <p:cNvSpPr/>
          <p:nvPr/>
        </p:nvSpPr>
        <p:spPr>
          <a:xfrm>
            <a:off x="4746312" y="4069600"/>
            <a:ext cx="4291177" cy="2339102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>
            <a:spAutoFit/>
          </a:bodyPr>
          <a:lstStyle/>
          <a:p>
            <a:pPr algn="ctr">
              <a:spcBef>
                <a:spcPts val="600"/>
              </a:spcBef>
              <a:spcAft>
                <a:spcPts val="600"/>
              </a:spcAft>
            </a:pPr>
            <a:endParaRPr lang="tr-TR" sz="1200" b="1" dirty="0">
              <a:solidFill>
                <a:schemeClr val="tx2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Futura Bk BT" panose="020B0502020204020303" pitchFamily="34" charset="0"/>
            </a:endParaRPr>
          </a:p>
          <a:p>
            <a:pPr algn="ctr">
              <a:spcBef>
                <a:spcPts val="600"/>
              </a:spcBef>
              <a:spcAft>
                <a:spcPts val="600"/>
              </a:spcAft>
            </a:pPr>
            <a:r>
              <a:rPr lang="tr-TR" sz="1200" b="1" dirty="0" smtClean="0">
                <a:solidFill>
                  <a:schemeClr val="tx2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Futura Bk BT" panose="020B0502020204020303" pitchFamily="34" charset="0"/>
              </a:rPr>
              <a:t>HESAPLAMA FORMÜLÜ</a:t>
            </a:r>
          </a:p>
          <a:p>
            <a:pPr algn="ctr">
              <a:spcBef>
                <a:spcPts val="600"/>
              </a:spcBef>
              <a:spcAft>
                <a:spcPts val="600"/>
              </a:spcAft>
            </a:pPr>
            <a:r>
              <a:rPr lang="tr-TR" sz="1200" b="1" dirty="0" smtClean="0">
                <a:solidFill>
                  <a:schemeClr val="tx1"/>
                </a:solidFill>
                <a:latin typeface="Futura Bk BT" panose="020B0502020204020303" pitchFamily="34" charset="0"/>
              </a:rPr>
              <a:t>(Türkiye’den ortağın bütçe payı)</a:t>
            </a:r>
          </a:p>
          <a:p>
            <a:pPr marL="285750" indent="-285750" algn="ctr">
              <a:spcBef>
                <a:spcPts val="600"/>
              </a:spcBef>
              <a:spcAft>
                <a:spcPts val="600"/>
              </a:spcAft>
              <a:buFont typeface="Arial" charset="0"/>
              <a:buChar char="•"/>
            </a:pPr>
            <a:r>
              <a:rPr lang="tr-TR" sz="1200" b="1" dirty="0" smtClean="0">
                <a:solidFill>
                  <a:schemeClr val="tx1"/>
                </a:solidFill>
                <a:latin typeface="Futura Bk BT" panose="020B0502020204020303" pitchFamily="34" charset="0"/>
              </a:rPr>
              <a:t>0 – 250.000€  : 3.500€ + (bütçe x %7)</a:t>
            </a:r>
          </a:p>
          <a:p>
            <a:pPr marL="285750" indent="-285750" algn="ctr">
              <a:spcBef>
                <a:spcPts val="600"/>
              </a:spcBef>
              <a:spcAft>
                <a:spcPts val="600"/>
              </a:spcAft>
              <a:buFont typeface="Arial" charset="0"/>
              <a:buChar char="•"/>
            </a:pPr>
            <a:r>
              <a:rPr lang="tr-TR" sz="1200" b="1" dirty="0" smtClean="0">
                <a:solidFill>
                  <a:schemeClr val="tx1"/>
                </a:solidFill>
                <a:latin typeface="Futura Bk BT" panose="020B0502020204020303" pitchFamily="34" charset="0"/>
              </a:rPr>
              <a:t>250.001 – 1.000.000€ : 8.500€ + (bütçe x %5)</a:t>
            </a:r>
          </a:p>
          <a:p>
            <a:pPr marL="285750" indent="-285750" algn="ctr">
              <a:spcBef>
                <a:spcPts val="600"/>
              </a:spcBef>
              <a:spcAft>
                <a:spcPts val="600"/>
              </a:spcAft>
              <a:buFont typeface="Arial" charset="0"/>
              <a:buChar char="•"/>
            </a:pPr>
            <a:r>
              <a:rPr lang="tr-TR" sz="1200" b="1" dirty="0">
                <a:solidFill>
                  <a:schemeClr val="tx1"/>
                </a:solidFill>
                <a:latin typeface="Futura Bk BT" panose="020B0502020204020303" pitchFamily="34" charset="0"/>
              </a:rPr>
              <a:t>1.000.000</a:t>
            </a:r>
            <a:r>
              <a:rPr lang="tr-TR" sz="1200" b="1" dirty="0" smtClean="0">
                <a:solidFill>
                  <a:schemeClr val="tx1"/>
                </a:solidFill>
                <a:latin typeface="Futura Bk BT" panose="020B0502020204020303" pitchFamily="34" charset="0"/>
              </a:rPr>
              <a:t>&lt; :  28.500€ + ( bütçe x %3)</a:t>
            </a:r>
            <a:endParaRPr lang="tr-TR" sz="1200" b="1" dirty="0">
              <a:solidFill>
                <a:schemeClr val="tx1"/>
              </a:solidFill>
              <a:latin typeface="Futura Bk BT" panose="020B0502020204020303" pitchFamily="34" charset="0"/>
            </a:endParaRPr>
          </a:p>
          <a:p>
            <a:pPr algn="ctr">
              <a:spcBef>
                <a:spcPts val="600"/>
              </a:spcBef>
              <a:spcAft>
                <a:spcPts val="600"/>
              </a:spcAft>
            </a:pPr>
            <a:endParaRPr lang="tr-TR" sz="1400" b="1" dirty="0" smtClean="0">
              <a:solidFill>
                <a:schemeClr val="tx1"/>
              </a:solidFill>
              <a:latin typeface="Futura Bk BT" panose="020B05020202040203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0110543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şlık 1"/>
          <p:cNvSpPr>
            <a:spLocks noGrp="1"/>
          </p:cNvSpPr>
          <p:nvPr>
            <p:ph type="title"/>
          </p:nvPr>
        </p:nvSpPr>
        <p:spPr>
          <a:xfrm>
            <a:off x="107504" y="0"/>
            <a:ext cx="7776864" cy="706090"/>
          </a:xfrm>
        </p:spPr>
        <p:txBody>
          <a:bodyPr>
            <a:normAutofit/>
          </a:bodyPr>
          <a:lstStyle/>
          <a:p>
            <a:r>
              <a:rPr lang="tr-TR" sz="2400" dirty="0" smtClean="0"/>
              <a:t>Başarı Ödülü</a:t>
            </a:r>
            <a:endParaRPr lang="tr-TR" sz="2400" dirty="0"/>
          </a:p>
        </p:txBody>
      </p:sp>
      <p:sp>
        <p:nvSpPr>
          <p:cNvPr id="4" name="Slayt Numarası Yer Tutucusu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41D7ED6A-D549-40C0-9D8C-C55F5275B6CF}" type="slidenum">
              <a:rPr lang="en-US" altLang="tr-TR" smtClean="0"/>
              <a:pPr>
                <a:defRPr/>
              </a:pPr>
              <a:t>18</a:t>
            </a:fld>
            <a:endParaRPr lang="en-US" altLang="tr-TR"/>
          </a:p>
        </p:txBody>
      </p:sp>
      <p:graphicFrame>
        <p:nvGraphicFramePr>
          <p:cNvPr id="5" name="Table 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505296954"/>
              </p:ext>
            </p:extLst>
          </p:nvPr>
        </p:nvGraphicFramePr>
        <p:xfrm>
          <a:off x="251520" y="879420"/>
          <a:ext cx="8712968" cy="2392221"/>
        </p:xfrm>
        <a:graphic>
          <a:graphicData uri="http://schemas.openxmlformats.org/drawingml/2006/table">
            <a:tbl>
              <a:tblPr firstRow="1" bandRow="1">
                <a:effectLst>
                  <a:outerShdw blurRad="50800" dist="38100" dir="5400000" algn="t" rotWithShape="0">
                    <a:prstClr val="black">
                      <a:alpha val="40000"/>
                    </a:prstClr>
                  </a:outerShdw>
                </a:effectLst>
                <a:tableStyleId>{6E25E649-3F16-4E02-A733-19D2CDBF48F0}</a:tableStyleId>
              </a:tblPr>
              <a:tblGrid>
                <a:gridCol w="4303817"/>
                <a:gridCol w="4409151"/>
              </a:tblGrid>
              <a:tr h="533356">
                <a:tc gridSpan="2">
                  <a:txBody>
                    <a:bodyPr/>
                    <a:lstStyle/>
                    <a:p>
                      <a:pPr algn="ctr"/>
                      <a:r>
                        <a:rPr lang="tr-TR" sz="2400" dirty="0" smtClean="0">
                          <a:solidFill>
                            <a:schemeClr val="tx1"/>
                          </a:solidFill>
                          <a:latin typeface="Futura Bk BT" panose="020B0502020204020303" pitchFamily="34" charset="0"/>
                        </a:rPr>
                        <a:t>Başarı Ödülü</a:t>
                      </a:r>
                      <a:endParaRPr lang="en-US" sz="2400" dirty="0">
                        <a:solidFill>
                          <a:schemeClr val="tx1"/>
                        </a:solidFill>
                        <a:latin typeface="Futura Bk BT" panose="020B0502020204020303" pitchFamily="34" charset="0"/>
                        <a:cs typeface="Aharoni" pitchFamily="2" charset="-79"/>
                      </a:endParaRPr>
                    </a:p>
                  </a:txBody>
                  <a:tcPr marL="87584" marR="87584" marT="43792" marB="43792" anchor="ctr">
                    <a:solidFill>
                      <a:schemeClr val="accent3">
                        <a:lumMod val="60000"/>
                        <a:lumOff val="4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504056">
                <a:tc>
                  <a:txBody>
                    <a:bodyPr/>
                    <a:lstStyle/>
                    <a:p>
                      <a:pPr algn="ctr" fontAlgn="ctr"/>
                      <a:r>
                        <a:rPr lang="tr-TR" sz="16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Projedeki Türk ortağın Bütçe Dilimi (Avro)</a:t>
                      </a:r>
                      <a:endParaRPr lang="tr-TR" sz="1600" b="1" i="0" u="none" strike="noStrike" dirty="0">
                        <a:solidFill>
                          <a:srgbClr val="000000"/>
                        </a:solidFill>
                        <a:effectLst/>
                        <a:latin typeface="Futura Bk BT" panose="020B0502020204020303" pitchFamily="34" charset="0"/>
                      </a:endParaRPr>
                    </a:p>
                  </a:txBody>
                  <a:tcPr marL="87584" marR="87584" marT="43792" marB="43792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tr-TR" sz="1600" b="1" dirty="0" smtClean="0">
                          <a:latin typeface="Futura Bk BT" panose="020B0502020204020303" pitchFamily="34" charset="0"/>
                        </a:rPr>
                        <a:t>Formül</a:t>
                      </a:r>
                      <a:endParaRPr lang="en-US" sz="1600" b="1" dirty="0">
                        <a:latin typeface="Futura Bk BT" panose="020B0502020204020303" pitchFamily="34" charset="0"/>
                        <a:cs typeface="Aharoni" pitchFamily="2" charset="-79"/>
                      </a:endParaRPr>
                    </a:p>
                  </a:txBody>
                  <a:tcPr marL="87584" marR="87584" marT="43792" marB="43792" anchor="ctr"/>
                </a:tc>
              </a:tr>
              <a:tr h="451603">
                <a:tc>
                  <a:txBody>
                    <a:bodyPr/>
                    <a:lstStyle/>
                    <a:p>
                      <a:pPr algn="ctr" fontAlgn="ctr"/>
                      <a:r>
                        <a:rPr lang="tr-TR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0-250.000</a:t>
                      </a:r>
                      <a:endParaRPr lang="tr-TR" sz="1600" b="0" i="0" u="none" strike="noStrike" dirty="0">
                        <a:solidFill>
                          <a:srgbClr val="000000"/>
                        </a:solidFill>
                        <a:effectLst/>
                        <a:latin typeface="Futura Bk BT" panose="020B0502020204020303" pitchFamily="34" charset="0"/>
                      </a:endParaRPr>
                    </a:p>
                  </a:txBody>
                  <a:tcPr marL="87584" marR="87584" marT="43792" marB="43792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tr-TR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Ortak: </a:t>
                      </a:r>
                      <a:r>
                        <a:rPr lang="tr-TR" sz="14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3.500€</a:t>
                      </a:r>
                      <a:r>
                        <a:rPr lang="tr-TR" sz="1400" b="0" i="0" u="none" strike="noStrike" baseline="0" dirty="0" smtClean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 + </a:t>
                      </a:r>
                      <a:r>
                        <a:rPr lang="tr-TR" sz="14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(bütçe x </a:t>
                      </a:r>
                      <a:r>
                        <a:rPr lang="tr-TR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7%)=A</a:t>
                      </a:r>
                      <a:br>
                        <a:rPr lang="tr-TR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</a:br>
                      <a:r>
                        <a:rPr lang="tr-TR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Koordinatör: A x 2</a:t>
                      </a:r>
                      <a:endParaRPr lang="tr-TR" sz="1400" b="0" i="0" u="none" strike="noStrike" dirty="0">
                        <a:solidFill>
                          <a:srgbClr val="000000"/>
                        </a:solidFill>
                        <a:effectLst/>
                        <a:latin typeface="Futura Bk BT" panose="020B0502020204020303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451603">
                <a:tc>
                  <a:txBody>
                    <a:bodyPr/>
                    <a:lstStyle/>
                    <a:p>
                      <a:pPr algn="ctr" fontAlgn="ctr"/>
                      <a:r>
                        <a:rPr lang="tr-TR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250.000-1.000.000</a:t>
                      </a:r>
                      <a:endParaRPr lang="tr-TR" sz="1600" b="0" i="0" u="none" strike="noStrike" dirty="0">
                        <a:solidFill>
                          <a:srgbClr val="000000"/>
                        </a:solidFill>
                        <a:effectLst/>
                        <a:latin typeface="Futura Bk BT" panose="020B0502020204020303" pitchFamily="34" charset="0"/>
                      </a:endParaRPr>
                    </a:p>
                  </a:txBody>
                  <a:tcPr marL="87584" marR="87584" marT="43792" marB="43792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tr-TR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Ortak: </a:t>
                      </a:r>
                      <a:r>
                        <a:rPr lang="tr-TR" sz="14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8.500</a:t>
                      </a:r>
                      <a:r>
                        <a:rPr lang="tr-TR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€ + (</a:t>
                      </a:r>
                      <a:r>
                        <a:rPr lang="tr-TR" sz="14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bütçe x</a:t>
                      </a:r>
                      <a:r>
                        <a:rPr lang="tr-TR" sz="1400" b="0" i="0" u="none" strike="noStrike" baseline="0" dirty="0" smtClean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 5%</a:t>
                      </a:r>
                      <a:r>
                        <a:rPr lang="tr-TR" sz="14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) =B</a:t>
                      </a:r>
                      <a:r>
                        <a:rPr lang="tr-TR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/>
                      </a:r>
                      <a:br>
                        <a:rPr lang="tr-TR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</a:br>
                      <a:r>
                        <a:rPr lang="tr-TR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Koordinatör: B x 2</a:t>
                      </a:r>
                      <a:endParaRPr lang="tr-TR" sz="1400" b="0" i="0" u="none" strike="noStrike" dirty="0">
                        <a:solidFill>
                          <a:srgbClr val="000000"/>
                        </a:solidFill>
                        <a:effectLst/>
                        <a:latin typeface="Futura Bk BT" panose="020B0502020204020303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451603">
                <a:tc>
                  <a:txBody>
                    <a:bodyPr/>
                    <a:lstStyle/>
                    <a:p>
                      <a:pPr algn="ctr" fontAlgn="ctr"/>
                      <a:r>
                        <a:rPr lang="tr-TR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&gt;1.000.000</a:t>
                      </a:r>
                      <a:endParaRPr lang="tr-TR" sz="1600" b="0" i="0" u="none" strike="noStrike" dirty="0">
                        <a:solidFill>
                          <a:srgbClr val="000000"/>
                        </a:solidFill>
                        <a:effectLst/>
                        <a:latin typeface="Futura Bk BT" panose="020B0502020204020303" pitchFamily="34" charset="0"/>
                      </a:endParaRPr>
                    </a:p>
                  </a:txBody>
                  <a:tcPr marL="87584" marR="87584" marT="43792" marB="43792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tr-TR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Ortak: </a:t>
                      </a:r>
                      <a:r>
                        <a:rPr lang="tr-TR" sz="14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28.500</a:t>
                      </a:r>
                      <a:r>
                        <a:rPr lang="tr-TR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€ + (</a:t>
                      </a:r>
                      <a:r>
                        <a:rPr lang="tr-TR" sz="14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bütçe x 3%</a:t>
                      </a:r>
                      <a:r>
                        <a:rPr lang="tr-TR" sz="1400" b="0" i="0" u="none" strike="noStrike" baseline="0" dirty="0" smtClean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 </a:t>
                      </a:r>
                      <a:r>
                        <a:rPr lang="tr-TR" sz="14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) =</a:t>
                      </a:r>
                      <a:r>
                        <a:rPr lang="tr-TR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C</a:t>
                      </a:r>
                      <a:br>
                        <a:rPr lang="tr-TR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</a:br>
                      <a:r>
                        <a:rPr lang="tr-TR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Koordinatör: C x 2</a:t>
                      </a:r>
                      <a:endParaRPr lang="tr-TR" sz="1400" b="0" i="0" u="none" strike="noStrike" dirty="0">
                        <a:solidFill>
                          <a:srgbClr val="000000"/>
                        </a:solidFill>
                        <a:effectLst/>
                        <a:latin typeface="Futura Bk BT" panose="020B0502020204020303" pitchFamily="34" charset="0"/>
                      </a:endParaRPr>
                    </a:p>
                  </a:txBody>
                  <a:tcPr marL="9525" marR="9525" marT="9525" marB="0" anchor="ctr"/>
                </a:tc>
              </a:tr>
            </a:tbl>
          </a:graphicData>
        </a:graphic>
      </p:graphicFrame>
      <p:graphicFrame>
        <p:nvGraphicFramePr>
          <p:cNvPr id="10" name="Table 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34565203"/>
              </p:ext>
            </p:extLst>
          </p:nvPr>
        </p:nvGraphicFramePr>
        <p:xfrm>
          <a:off x="323528" y="3789040"/>
          <a:ext cx="8712969" cy="2273618"/>
        </p:xfrm>
        <a:graphic>
          <a:graphicData uri="http://schemas.openxmlformats.org/drawingml/2006/table">
            <a:tbl>
              <a:tblPr firstRow="1" bandRow="1">
                <a:effectLst>
                  <a:outerShdw blurRad="50800" dist="38100" dir="5400000" algn="t" rotWithShape="0">
                    <a:prstClr val="black">
                      <a:alpha val="40000"/>
                    </a:prstClr>
                  </a:outerShdw>
                </a:effectLst>
              </a:tblPr>
              <a:tblGrid>
                <a:gridCol w="2385693"/>
                <a:gridCol w="2074516"/>
                <a:gridCol w="1970791"/>
                <a:gridCol w="2281969"/>
              </a:tblGrid>
              <a:tr h="432048">
                <a:tc gridSpan="4"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9pPr>
                    </a:lstStyle>
                    <a:p>
                      <a:pPr marL="0" algn="ctr" defTabSz="914400" rtl="0" eaLnBrk="1" latinLnBrk="0" hangingPunct="1"/>
                      <a:r>
                        <a:rPr lang="tr-TR" sz="2400" b="1" kern="1200" dirty="0" smtClean="0">
                          <a:solidFill>
                            <a:schemeClr val="tx1"/>
                          </a:solidFill>
                          <a:latin typeface="Futura Bk BT" panose="020B0502020204020303" pitchFamily="34" charset="0"/>
                          <a:ea typeface="+mn-ea"/>
                          <a:cs typeface="+mn-cs"/>
                        </a:rPr>
                        <a:t>Hesaplama</a:t>
                      </a:r>
                      <a:endParaRPr lang="en-US" sz="2400" b="1" kern="1200" dirty="0">
                        <a:solidFill>
                          <a:schemeClr val="tx1"/>
                        </a:solidFill>
                        <a:latin typeface="Futura Bk BT" panose="020B0502020204020303" pitchFamily="34" charset="0"/>
                        <a:ea typeface="+mn-ea"/>
                        <a:cs typeface="+mn-cs"/>
                      </a:endParaRPr>
                    </a:p>
                  </a:txBody>
                  <a:tcPr marL="87584" marR="87584" marT="43792" marB="43792" anchor="ctr">
                    <a:lnL>
                      <a:noFill/>
                    </a:lnL>
                    <a:lnR>
                      <a:noFill/>
                    </a:lnR>
                    <a:lnT w="25400" cmpd="sng">
                      <a:solidFill>
                        <a:sysClr val="windowText" lastClr="000000"/>
                      </a:solidFill>
                    </a:lnT>
                    <a:lnB w="254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3">
                        <a:lumMod val="60000"/>
                        <a:lumOff val="4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</a:tr>
              <a:tr h="421800">
                <a:tc>
                  <a:txBody>
                    <a:bodyPr/>
                    <a:lstStyle/>
                    <a:p>
                      <a:pPr algn="ctr" fontAlgn="ctr"/>
                      <a:r>
                        <a:rPr lang="tr-TR" sz="1600" b="1" i="0" u="none" strike="noStrike" dirty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Proje Tutarı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 w="25400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ysClr val="windowText" lastClr="000000">
                        <a:tint val="20000"/>
                      </a:sys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tr-TR" sz="1600" b="1" i="0" u="none" strike="noStrike" dirty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Formül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 w="25400" cmpd="sng">
                      <a:solidFill>
                        <a:sysClr val="windowText" lastClr="000000"/>
                      </a:solidFill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ysClr val="windowText" lastClr="000000">
                        <a:tint val="20000"/>
                      </a:sys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tr-TR" sz="1600" b="1" i="0" u="none" strike="noStrike" dirty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Ortak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 w="25400" cmpd="sng">
                      <a:solidFill>
                        <a:sysClr val="windowText" lastClr="000000"/>
                      </a:solidFill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ysClr val="windowText" lastClr="000000">
                        <a:tint val="20000"/>
                      </a:sys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tr-TR" sz="1600" b="1" i="0" u="none" strike="noStrike" dirty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Koordinatör</a:t>
                      </a:r>
                    </a:p>
                  </a:txBody>
                  <a:tcPr marL="9525" marR="9525" marT="9525" marB="0" anchor="ctr">
                    <a:lnL>
                      <a:noFill/>
                    </a:lnL>
                    <a:lnR>
                      <a:noFill/>
                    </a:lnR>
                    <a:lnT w="25400" cmpd="sng">
                      <a:solidFill>
                        <a:sysClr val="windowText" lastClr="000000"/>
                      </a:solidFill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ysClr val="windowText" lastClr="000000">
                        <a:tint val="20000"/>
                      </a:sysClr>
                    </a:solidFill>
                  </a:tcPr>
                </a:tc>
              </a:tr>
              <a:tr h="360040">
                <a:tc>
                  <a:txBody>
                    <a:bodyPr/>
                    <a:lstStyle/>
                    <a:p>
                      <a:pPr algn="ctr" fontAlgn="b"/>
                      <a:r>
                        <a:rPr lang="tr-TR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220.000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ysClr val="window" lastClr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tr-TR" sz="14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3.500€</a:t>
                      </a:r>
                      <a:r>
                        <a:rPr lang="tr-TR" sz="1400" b="0" i="0" u="none" strike="noStrike" baseline="0" dirty="0" smtClean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 + </a:t>
                      </a:r>
                      <a:r>
                        <a:rPr lang="tr-TR" sz="14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(bütçe x 7%)</a:t>
                      </a:r>
                      <a:endParaRPr lang="tr-TR" sz="1400" b="0" i="0" u="none" strike="noStrike" dirty="0">
                        <a:solidFill>
                          <a:srgbClr val="000000"/>
                        </a:solidFill>
                        <a:effectLst/>
                        <a:latin typeface="Futura Bk BT" panose="020B0502020204020303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ysClr val="window" lastClr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tr-TR" sz="14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18.900</a:t>
                      </a:r>
                      <a:endParaRPr lang="tr-TR" sz="1400" b="1" i="0" u="none" strike="noStrike" dirty="0">
                        <a:solidFill>
                          <a:srgbClr val="000000"/>
                        </a:solidFill>
                        <a:effectLst/>
                        <a:latin typeface="Futura Bk BT" panose="020B0502020204020303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ysClr val="window" lastClr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tr-TR" sz="14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37.800</a:t>
                      </a:r>
                      <a:endParaRPr lang="tr-TR" sz="1400" b="1" i="0" u="none" strike="noStrike" dirty="0">
                        <a:solidFill>
                          <a:srgbClr val="000000"/>
                        </a:solidFill>
                        <a:effectLst/>
                        <a:latin typeface="Futura Bk BT" panose="020B0502020204020303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ysClr val="window" lastClr="FFFFFF"/>
                    </a:solidFill>
                  </a:tcPr>
                </a:tc>
              </a:tr>
              <a:tr h="519217">
                <a:tc>
                  <a:txBody>
                    <a:bodyPr/>
                    <a:lstStyle/>
                    <a:p>
                      <a:pPr algn="ctr" fontAlgn="b"/>
                      <a:r>
                        <a:rPr lang="tr-TR" sz="1400" b="1" i="0" u="none" strike="noStrike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500.000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ysClr val="windowText" lastClr="000000">
                        <a:tint val="20000"/>
                      </a:sys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tr-TR" sz="14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8.500€ + (bütçe x 5%) </a:t>
                      </a:r>
                      <a:endParaRPr lang="tr-TR" sz="1400" b="0" i="0" u="none" strike="noStrike" dirty="0">
                        <a:solidFill>
                          <a:srgbClr val="000000"/>
                        </a:solidFill>
                        <a:effectLst/>
                        <a:latin typeface="Futura Bk BT" panose="020B0502020204020303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ysClr val="windowText" lastClr="000000">
                        <a:tint val="20000"/>
                      </a:sys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tr-TR" sz="14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33.500</a:t>
                      </a:r>
                      <a:endParaRPr lang="tr-TR" sz="1400" b="1" i="0" u="none" strike="noStrike" dirty="0">
                        <a:solidFill>
                          <a:srgbClr val="000000"/>
                        </a:solidFill>
                        <a:effectLst/>
                        <a:latin typeface="Futura Bk BT" panose="020B0502020204020303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ysClr val="windowText" lastClr="000000">
                        <a:tint val="20000"/>
                      </a:sys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tr-TR" sz="14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67.000</a:t>
                      </a:r>
                      <a:endParaRPr lang="tr-TR" sz="1400" b="1" i="0" u="none" strike="noStrike" dirty="0">
                        <a:solidFill>
                          <a:srgbClr val="000000"/>
                        </a:solidFill>
                        <a:effectLst/>
                        <a:latin typeface="Futura Bk BT" panose="020B0502020204020303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ysClr val="windowText" lastClr="000000">
                        <a:tint val="20000"/>
                      </a:sysClr>
                    </a:solidFill>
                  </a:tcPr>
                </a:tc>
              </a:tr>
              <a:tr h="519217">
                <a:tc>
                  <a:txBody>
                    <a:bodyPr/>
                    <a:lstStyle/>
                    <a:p>
                      <a:pPr algn="ctr" fontAlgn="b"/>
                      <a:r>
                        <a:rPr lang="tr-TR" sz="1400" b="1" i="0" u="none" strike="noStrike" dirty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1.200.000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ysClr val="window" lastClr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tr-TR" sz="14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28.500€ + (bütçe x 3% ) </a:t>
                      </a:r>
                      <a:endParaRPr lang="tr-TR" sz="1400" b="0" i="0" u="none" strike="noStrike" dirty="0">
                        <a:solidFill>
                          <a:srgbClr val="000000"/>
                        </a:solidFill>
                        <a:effectLst/>
                        <a:latin typeface="Futura Bk BT" panose="020B0502020204020303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ysClr val="window" lastClr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tr-TR" sz="14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64.500</a:t>
                      </a:r>
                      <a:endParaRPr lang="tr-TR" sz="1400" b="1" i="0" u="none" strike="noStrike" dirty="0">
                        <a:solidFill>
                          <a:srgbClr val="000000"/>
                        </a:solidFill>
                        <a:effectLst/>
                        <a:latin typeface="Futura Bk BT" panose="020B0502020204020303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ysClr val="window" lastClr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tr-TR" sz="14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Futura Bk BT" panose="020B0502020204020303" pitchFamily="34" charset="0"/>
                        </a:rPr>
                        <a:t>129.000</a:t>
                      </a:r>
                      <a:endParaRPr lang="tr-TR" sz="1400" b="1" i="0" u="none" strike="noStrike" dirty="0">
                        <a:solidFill>
                          <a:srgbClr val="000000"/>
                        </a:solidFill>
                        <a:effectLst/>
                        <a:latin typeface="Futura Bk BT" panose="020B0502020204020303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ysClr val="window" lastClr="FFFFFF"/>
                    </a:solidFill>
                  </a:tcPr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4205115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şlık 1"/>
          <p:cNvSpPr>
            <a:spLocks noGrp="1"/>
          </p:cNvSpPr>
          <p:nvPr>
            <p:ph type="title"/>
          </p:nvPr>
        </p:nvSpPr>
        <p:spPr>
          <a:xfrm>
            <a:off x="107504" y="-27384"/>
            <a:ext cx="7776864" cy="706090"/>
          </a:xfrm>
        </p:spPr>
        <p:txBody>
          <a:bodyPr>
            <a:normAutofit/>
          </a:bodyPr>
          <a:lstStyle/>
          <a:p>
            <a:r>
              <a:rPr lang="tr-TR" sz="2400" dirty="0" smtClean="0"/>
              <a:t>ERC Başarı Ödülü</a:t>
            </a:r>
            <a:endParaRPr lang="tr-TR" sz="2400" dirty="0"/>
          </a:p>
        </p:txBody>
      </p:sp>
      <p:sp>
        <p:nvSpPr>
          <p:cNvPr id="4" name="Slayt Numarası Yer Tutucusu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41D7ED6A-D549-40C0-9D8C-C55F5275B6CF}" type="slidenum">
              <a:rPr lang="en-US" altLang="tr-TR" smtClean="0"/>
              <a:pPr>
                <a:defRPr/>
              </a:pPr>
              <a:t>19</a:t>
            </a:fld>
            <a:endParaRPr lang="en-US" altLang="tr-TR"/>
          </a:p>
        </p:txBody>
      </p:sp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8821488" y="5301208"/>
            <a:ext cx="18938104" cy="465313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grpSp>
        <p:nvGrpSpPr>
          <p:cNvPr id="15" name="Grup 14"/>
          <p:cNvGrpSpPr/>
          <p:nvPr/>
        </p:nvGrpSpPr>
        <p:grpSpPr>
          <a:xfrm>
            <a:off x="140365" y="1237928"/>
            <a:ext cx="4260517" cy="987269"/>
            <a:chOff x="166649" y="1289603"/>
            <a:chExt cx="4621375" cy="987269"/>
          </a:xfrm>
        </p:grpSpPr>
        <p:sp>
          <p:nvSpPr>
            <p:cNvPr id="16" name="Rectangle 7"/>
            <p:cNvSpPr>
              <a:spLocks noChangeArrowheads="1"/>
            </p:cNvSpPr>
            <p:nvPr/>
          </p:nvSpPr>
          <p:spPr bwMode="auto">
            <a:xfrm>
              <a:off x="166649" y="1289603"/>
              <a:ext cx="4621375" cy="987269"/>
            </a:xfrm>
            <a:prstGeom prst="rect">
              <a:avLst/>
            </a:prstGeom>
            <a:gradFill flip="none" rotWithShape="1">
              <a:gsLst>
                <a:gs pos="1000">
                  <a:srgbClr val="FFFFFF">
                    <a:lumMod val="95000"/>
                  </a:srgbClr>
                </a:gs>
                <a:gs pos="100000">
                  <a:srgbClr val="FFFFFF">
                    <a:lumMod val="85000"/>
                  </a:srgbClr>
                </a:gs>
                <a:gs pos="35000">
                  <a:srgbClr val="FFFFFF"/>
                </a:gs>
              </a:gsLst>
              <a:lin ang="5400000" scaled="1"/>
              <a:tileRect/>
            </a:gradFill>
            <a:ln w="0">
              <a:noFill/>
              <a:prstDash val="solid"/>
              <a:miter lim="800000"/>
              <a:headEnd/>
              <a:tailEnd/>
            </a:ln>
            <a:effectLst/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0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</a:endParaRPr>
            </a:p>
          </p:txBody>
        </p:sp>
        <p:sp>
          <p:nvSpPr>
            <p:cNvPr id="17" name="Dikdörtgen 16"/>
            <p:cNvSpPr/>
            <p:nvPr/>
          </p:nvSpPr>
          <p:spPr>
            <a:xfrm>
              <a:off x="323487" y="1484784"/>
              <a:ext cx="4242041" cy="58477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tr-TR" sz="1600" b="1" dirty="0">
                  <a:latin typeface="Futura Bk BT" panose="020B0502020204020303" pitchFamily="34" charset="0"/>
                </a:rPr>
                <a:t>Ödemeler </a:t>
              </a:r>
              <a:r>
                <a:rPr lang="tr-TR" sz="1600" b="1" dirty="0" smtClean="0">
                  <a:latin typeface="Futura Bk BT" panose="020B0502020204020303" pitchFamily="34" charset="0"/>
                </a:rPr>
                <a:t>baş araştırmacı ve ev </a:t>
              </a:r>
              <a:r>
                <a:rPr lang="tr-TR" sz="1600" b="1" dirty="0">
                  <a:latin typeface="Futura Bk BT" panose="020B0502020204020303" pitchFamily="34" charset="0"/>
                </a:rPr>
                <a:t>sahibi kuruluşa  </a:t>
              </a:r>
            </a:p>
          </p:txBody>
        </p:sp>
      </p:grpSp>
      <p:grpSp>
        <p:nvGrpSpPr>
          <p:cNvPr id="18" name="Grup 17"/>
          <p:cNvGrpSpPr/>
          <p:nvPr/>
        </p:nvGrpSpPr>
        <p:grpSpPr>
          <a:xfrm>
            <a:off x="177119" y="2281678"/>
            <a:ext cx="4250866" cy="830997"/>
            <a:chOff x="177118" y="2492896"/>
            <a:chExt cx="4610906" cy="830997"/>
          </a:xfrm>
        </p:grpSpPr>
        <p:sp>
          <p:nvSpPr>
            <p:cNvPr id="19" name="Rectangle 7"/>
            <p:cNvSpPr>
              <a:spLocks noChangeArrowheads="1"/>
            </p:cNvSpPr>
            <p:nvPr/>
          </p:nvSpPr>
          <p:spPr bwMode="auto">
            <a:xfrm>
              <a:off x="177118" y="2492896"/>
              <a:ext cx="4610906" cy="720080"/>
            </a:xfrm>
            <a:prstGeom prst="rect">
              <a:avLst/>
            </a:prstGeom>
            <a:gradFill flip="none" rotWithShape="1">
              <a:gsLst>
                <a:gs pos="1000">
                  <a:srgbClr val="FFFFFF">
                    <a:lumMod val="95000"/>
                  </a:srgbClr>
                </a:gs>
                <a:gs pos="100000">
                  <a:schemeClr val="accent3">
                    <a:lumMod val="60000"/>
                    <a:lumOff val="40000"/>
                  </a:schemeClr>
                </a:gs>
                <a:gs pos="35000">
                  <a:srgbClr val="FFFFFF"/>
                </a:gs>
              </a:gsLst>
              <a:lin ang="5400000" scaled="1"/>
              <a:tileRect/>
            </a:gradFill>
            <a:ln w="0">
              <a:noFill/>
              <a:prstDash val="solid"/>
              <a:miter lim="800000"/>
              <a:headEnd/>
              <a:tailEnd/>
            </a:ln>
            <a:effectLst/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342900" marR="0" lvl="0" indent="-34290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endParaRPr kumimoji="0" lang="en-US" sz="20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</a:endParaRPr>
            </a:p>
          </p:txBody>
        </p:sp>
        <p:sp>
          <p:nvSpPr>
            <p:cNvPr id="20" name="Dikdörtgen 19"/>
            <p:cNvSpPr/>
            <p:nvPr/>
          </p:nvSpPr>
          <p:spPr>
            <a:xfrm>
              <a:off x="257822" y="2492896"/>
              <a:ext cx="4507106" cy="830997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tr-TR" sz="1600" b="1" dirty="0" smtClean="0">
                  <a:latin typeface="Futura Bk BT" panose="020B0502020204020303" pitchFamily="34" charset="0"/>
                </a:rPr>
                <a:t>ERC tarafından desteklenmiş ve %50 zamanı Türkiye’de yürütülecek </a:t>
              </a:r>
              <a:r>
                <a:rPr lang="tr-TR" sz="1600" b="1" dirty="0">
                  <a:latin typeface="Futura Bk BT" panose="020B0502020204020303" pitchFamily="34" charset="0"/>
                </a:rPr>
                <a:t>projeler</a:t>
              </a:r>
            </a:p>
          </p:txBody>
        </p:sp>
      </p:grpSp>
      <p:sp>
        <p:nvSpPr>
          <p:cNvPr id="21" name="Metin kutusu 20"/>
          <p:cNvSpPr txBox="1"/>
          <p:nvPr/>
        </p:nvSpPr>
        <p:spPr>
          <a:xfrm>
            <a:off x="2627784" y="728028"/>
            <a:ext cx="423705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tr-TR" b="1" dirty="0" smtClean="0">
                <a:solidFill>
                  <a:schemeClr val="tx2"/>
                </a:solidFill>
                <a:latin typeface="Futura Bk BT" panose="020B0502020204020303" pitchFamily="34" charset="0"/>
              </a:rPr>
              <a:t>Başvuru , Uygunluk Ölçütleri ve Belgeler</a:t>
            </a:r>
            <a:endParaRPr lang="tr-TR" b="1" dirty="0">
              <a:solidFill>
                <a:schemeClr val="tx2"/>
              </a:solidFill>
              <a:latin typeface="Futura Bk BT" panose="020B0502020204020303" pitchFamily="34" charset="0"/>
            </a:endParaRPr>
          </a:p>
        </p:txBody>
      </p:sp>
      <p:grpSp>
        <p:nvGrpSpPr>
          <p:cNvPr id="22" name="Grup 21"/>
          <p:cNvGrpSpPr/>
          <p:nvPr/>
        </p:nvGrpSpPr>
        <p:grpSpPr>
          <a:xfrm>
            <a:off x="177119" y="3370684"/>
            <a:ext cx="4274384" cy="850404"/>
            <a:chOff x="177118" y="3429000"/>
            <a:chExt cx="4636416" cy="850404"/>
          </a:xfrm>
        </p:grpSpPr>
        <p:sp>
          <p:nvSpPr>
            <p:cNvPr id="23" name="Rectangle 7"/>
            <p:cNvSpPr>
              <a:spLocks noChangeArrowheads="1"/>
            </p:cNvSpPr>
            <p:nvPr/>
          </p:nvSpPr>
          <p:spPr bwMode="auto">
            <a:xfrm>
              <a:off x="177118" y="3429000"/>
              <a:ext cx="4610906" cy="850404"/>
            </a:xfrm>
            <a:prstGeom prst="rect">
              <a:avLst/>
            </a:prstGeom>
            <a:gradFill flip="none" rotWithShape="1">
              <a:gsLst>
                <a:gs pos="1000">
                  <a:srgbClr val="FFFFFF">
                    <a:lumMod val="95000"/>
                  </a:srgbClr>
                </a:gs>
                <a:gs pos="100000">
                  <a:schemeClr val="accent5">
                    <a:lumMod val="60000"/>
                    <a:lumOff val="40000"/>
                  </a:schemeClr>
                </a:gs>
                <a:gs pos="35000">
                  <a:srgbClr val="FFFFFF"/>
                </a:gs>
              </a:gsLst>
              <a:lin ang="5400000" scaled="1"/>
              <a:tileRect/>
            </a:gradFill>
            <a:ln w="0">
              <a:noFill/>
              <a:prstDash val="solid"/>
              <a:miter lim="800000"/>
              <a:headEnd/>
              <a:tailEnd/>
            </a:ln>
            <a:effectLst/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0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</a:endParaRPr>
            </a:p>
          </p:txBody>
        </p:sp>
        <p:sp>
          <p:nvSpPr>
            <p:cNvPr id="24" name="Dikdörtgen 23"/>
            <p:cNvSpPr/>
            <p:nvPr/>
          </p:nvSpPr>
          <p:spPr>
            <a:xfrm>
              <a:off x="241534" y="3543141"/>
              <a:ext cx="4572000" cy="58477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tr-TR" sz="1600" b="1" dirty="0">
                  <a:latin typeface="Futura Bk BT" panose="020B0502020204020303" pitchFamily="34" charset="0"/>
                </a:rPr>
                <a:t>Finansal Raporlama Dönemlerinde Ödeme </a:t>
              </a:r>
            </a:p>
          </p:txBody>
        </p:sp>
      </p:grpSp>
      <p:grpSp>
        <p:nvGrpSpPr>
          <p:cNvPr id="25" name="Grup 24"/>
          <p:cNvGrpSpPr/>
          <p:nvPr/>
        </p:nvGrpSpPr>
        <p:grpSpPr>
          <a:xfrm>
            <a:off x="114924" y="4347470"/>
            <a:ext cx="4250866" cy="720080"/>
            <a:chOff x="139053" y="4419478"/>
            <a:chExt cx="4610906" cy="720080"/>
          </a:xfrm>
        </p:grpSpPr>
        <p:sp>
          <p:nvSpPr>
            <p:cNvPr id="26" name="Rectangle 7"/>
            <p:cNvSpPr>
              <a:spLocks noChangeArrowheads="1"/>
            </p:cNvSpPr>
            <p:nvPr/>
          </p:nvSpPr>
          <p:spPr bwMode="auto">
            <a:xfrm>
              <a:off x="139053" y="4419478"/>
              <a:ext cx="4610906" cy="720080"/>
            </a:xfrm>
            <a:prstGeom prst="rect">
              <a:avLst/>
            </a:prstGeom>
            <a:gradFill flip="none" rotWithShape="1">
              <a:gsLst>
                <a:gs pos="1000">
                  <a:srgbClr val="FFFFFF">
                    <a:lumMod val="95000"/>
                  </a:srgbClr>
                </a:gs>
                <a:gs pos="100000">
                  <a:schemeClr val="accent6">
                    <a:lumMod val="60000"/>
                    <a:lumOff val="40000"/>
                  </a:schemeClr>
                </a:gs>
                <a:gs pos="35000">
                  <a:srgbClr val="FFFFFF"/>
                </a:gs>
              </a:gsLst>
              <a:lin ang="5400000" scaled="1"/>
              <a:tileRect/>
            </a:gradFill>
            <a:ln w="0">
              <a:noFill/>
              <a:prstDash val="solid"/>
              <a:miter lim="800000"/>
              <a:headEnd/>
              <a:tailEnd/>
            </a:ln>
            <a:effectLst/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342900" marR="0" lvl="0" indent="-34290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endParaRPr kumimoji="0" lang="en-US" sz="20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</a:endParaRPr>
            </a:p>
          </p:txBody>
        </p:sp>
        <p:sp>
          <p:nvSpPr>
            <p:cNvPr id="27" name="Dikdörtgen 26"/>
            <p:cNvSpPr/>
            <p:nvPr/>
          </p:nvSpPr>
          <p:spPr>
            <a:xfrm>
              <a:off x="157329" y="4533844"/>
              <a:ext cx="2225410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tr-TR" sz="1200" b="1" dirty="0">
                  <a:latin typeface="Futura Bk BT" panose="020B0502020204020303" pitchFamily="34" charset="0"/>
                </a:rPr>
                <a:t>%80 </a:t>
              </a:r>
              <a:r>
                <a:rPr lang="tr-TR" sz="1200" b="1" dirty="0" smtClean="0">
                  <a:latin typeface="Futura Bk BT" panose="020B0502020204020303" pitchFamily="34" charset="0"/>
                </a:rPr>
                <a:t>baş araştırmacıya</a:t>
              </a:r>
            </a:p>
            <a:p>
              <a:r>
                <a:rPr lang="tr-TR" sz="1200" b="1" dirty="0" smtClean="0">
                  <a:latin typeface="Futura Bk BT" panose="020B0502020204020303" pitchFamily="34" charset="0"/>
                </a:rPr>
                <a:t>%</a:t>
              </a:r>
              <a:r>
                <a:rPr lang="tr-TR" sz="1200" b="1" dirty="0">
                  <a:latin typeface="Futura Bk BT" panose="020B0502020204020303" pitchFamily="34" charset="0"/>
                </a:rPr>
                <a:t>20 </a:t>
              </a:r>
              <a:r>
                <a:rPr lang="tr-TR" sz="1200" b="1" dirty="0" smtClean="0">
                  <a:latin typeface="Futura Bk BT" panose="020B0502020204020303" pitchFamily="34" charset="0"/>
                </a:rPr>
                <a:t>Ev Sahibi Kuruluşa </a:t>
              </a:r>
              <a:endParaRPr lang="tr-TR" sz="1200" b="1" dirty="0">
                <a:latin typeface="Futura Bk BT" panose="020B0502020204020303" pitchFamily="34" charset="0"/>
              </a:endParaRPr>
            </a:p>
          </p:txBody>
        </p:sp>
      </p:grpSp>
      <p:grpSp>
        <p:nvGrpSpPr>
          <p:cNvPr id="28" name="Grup 27"/>
          <p:cNvGrpSpPr/>
          <p:nvPr/>
        </p:nvGrpSpPr>
        <p:grpSpPr>
          <a:xfrm>
            <a:off x="4746312" y="1368712"/>
            <a:ext cx="4104457" cy="1712969"/>
            <a:chOff x="5292081" y="1988840"/>
            <a:chExt cx="3672408" cy="3752477"/>
          </a:xfrm>
        </p:grpSpPr>
        <p:grpSp>
          <p:nvGrpSpPr>
            <p:cNvPr id="29" name="Grup 28"/>
            <p:cNvGrpSpPr/>
            <p:nvPr/>
          </p:nvGrpSpPr>
          <p:grpSpPr>
            <a:xfrm>
              <a:off x="5292081" y="1988840"/>
              <a:ext cx="3672408" cy="3752477"/>
              <a:chOff x="3059832" y="1772816"/>
              <a:chExt cx="5472608" cy="1872208"/>
            </a:xfrm>
          </p:grpSpPr>
          <p:cxnSp>
            <p:nvCxnSpPr>
              <p:cNvPr id="31" name="Düz Bağlayıcı 30"/>
              <p:cNvCxnSpPr/>
              <p:nvPr/>
            </p:nvCxnSpPr>
            <p:spPr>
              <a:xfrm>
                <a:off x="3059832" y="1772816"/>
                <a:ext cx="5472608" cy="0"/>
              </a:xfrm>
              <a:prstGeom prst="line">
                <a:avLst/>
              </a:prstGeom>
              <a:ln w="22225">
                <a:solidFill>
                  <a:schemeClr val="accent6">
                    <a:lumMod val="75000"/>
                  </a:schemeClr>
                </a:solidFill>
                <a:prstDash val="lg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2" name="Düz Bağlayıcı 31"/>
              <p:cNvCxnSpPr/>
              <p:nvPr/>
            </p:nvCxnSpPr>
            <p:spPr>
              <a:xfrm>
                <a:off x="3059832" y="3645024"/>
                <a:ext cx="5472608" cy="0"/>
              </a:xfrm>
              <a:prstGeom prst="line">
                <a:avLst/>
              </a:prstGeom>
              <a:ln w="22225">
                <a:solidFill>
                  <a:schemeClr val="accent6">
                    <a:lumMod val="75000"/>
                  </a:schemeClr>
                </a:solidFill>
                <a:prstDash val="lg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Düz Bağlayıcı 32"/>
              <p:cNvCxnSpPr/>
              <p:nvPr/>
            </p:nvCxnSpPr>
            <p:spPr>
              <a:xfrm flipV="1">
                <a:off x="8532440" y="1772816"/>
                <a:ext cx="0" cy="1872208"/>
              </a:xfrm>
              <a:prstGeom prst="line">
                <a:avLst/>
              </a:prstGeom>
              <a:ln w="22225">
                <a:solidFill>
                  <a:schemeClr val="accent6">
                    <a:lumMod val="75000"/>
                  </a:schemeClr>
                </a:solidFill>
                <a:prstDash val="lg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4" name="Düz Bağlayıcı 33"/>
              <p:cNvCxnSpPr/>
              <p:nvPr/>
            </p:nvCxnSpPr>
            <p:spPr>
              <a:xfrm flipV="1">
                <a:off x="3059832" y="1772816"/>
                <a:ext cx="0" cy="1872208"/>
              </a:xfrm>
              <a:prstGeom prst="line">
                <a:avLst/>
              </a:prstGeom>
              <a:ln w="22225">
                <a:solidFill>
                  <a:schemeClr val="accent6">
                    <a:lumMod val="75000"/>
                  </a:schemeClr>
                </a:solidFill>
                <a:prstDash val="lg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sp>
          <p:nvSpPr>
            <p:cNvPr id="30" name="Çapraz Köşesi Kesik Dikdörtgen 29"/>
            <p:cNvSpPr/>
            <p:nvPr/>
          </p:nvSpPr>
          <p:spPr>
            <a:xfrm>
              <a:off x="5292081" y="2041683"/>
              <a:ext cx="3672408" cy="3691573"/>
            </a:xfrm>
            <a:prstGeom prst="snip2DiagRect">
              <a:avLst/>
            </a:prstGeom>
            <a:solidFill>
              <a:srgbClr val="FFFFFF">
                <a:lumMod val="85000"/>
                <a:alpha val="31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</a:pPr>
              <a:endParaRPr lang="tr-TR" kern="0" dirty="0">
                <a:solidFill>
                  <a:prstClr val="white"/>
                </a:solidFill>
                <a:latin typeface="Calibri"/>
                <a:ea typeface="MS PGothic" pitchFamily="34" charset="-128"/>
              </a:endParaRPr>
            </a:p>
          </p:txBody>
        </p:sp>
      </p:grpSp>
      <p:sp>
        <p:nvSpPr>
          <p:cNvPr id="35" name="Dikdörtgen 34"/>
          <p:cNvSpPr/>
          <p:nvPr/>
        </p:nvSpPr>
        <p:spPr>
          <a:xfrm>
            <a:off x="4860032" y="1521311"/>
            <a:ext cx="4033441" cy="141577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 algn="ctr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tr-TR" sz="1400" b="1" dirty="0">
                <a:latin typeface="Futura Bk BT" panose="020B0502020204020303" pitchFamily="34" charset="0"/>
              </a:rPr>
              <a:t>B</a:t>
            </a:r>
            <a:r>
              <a:rPr lang="en-US" sz="1400" b="1" dirty="0" err="1">
                <a:latin typeface="Futura Bk BT" panose="020B0502020204020303" pitchFamily="34" charset="0"/>
              </a:rPr>
              <a:t>aşvuru</a:t>
            </a:r>
            <a:r>
              <a:rPr lang="en-US" sz="1400" b="1" dirty="0">
                <a:latin typeface="Futura Bk BT" panose="020B0502020204020303" pitchFamily="34" charset="0"/>
              </a:rPr>
              <a:t> </a:t>
            </a:r>
            <a:r>
              <a:rPr lang="tr-TR" sz="1400" b="1" dirty="0">
                <a:latin typeface="Futura Bk BT" panose="020B0502020204020303" pitchFamily="34" charset="0"/>
              </a:rPr>
              <a:t>f</a:t>
            </a:r>
            <a:r>
              <a:rPr lang="en-US" sz="1400" b="1" dirty="0" err="1" smtClean="0">
                <a:latin typeface="Futura Bk BT" panose="020B0502020204020303" pitchFamily="34" charset="0"/>
              </a:rPr>
              <a:t>ormu</a:t>
            </a:r>
            <a:endParaRPr lang="tr-TR" sz="1400" b="1" dirty="0">
              <a:latin typeface="Futura Bk BT" panose="020B0502020204020303" pitchFamily="34" charset="0"/>
            </a:endParaRPr>
          </a:p>
          <a:p>
            <a:pPr marL="285750" indent="-285750" algn="ctr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tr-TR" sz="1400" b="1" dirty="0">
                <a:latin typeface="Futura Bk BT" panose="020B0502020204020303" pitchFamily="34" charset="0"/>
              </a:rPr>
              <a:t>Bağımsız değerlendirme sonuç </a:t>
            </a:r>
            <a:r>
              <a:rPr lang="tr-TR" sz="1400" b="1" dirty="0" smtClean="0">
                <a:latin typeface="Futura Bk BT" panose="020B0502020204020303" pitchFamily="34" charset="0"/>
              </a:rPr>
              <a:t>raporu</a:t>
            </a:r>
          </a:p>
          <a:p>
            <a:pPr marL="285750" indent="-285750" algn="ctr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tr-TR" sz="1400" b="1" dirty="0" smtClean="0">
                <a:latin typeface="Futura Bk BT" panose="020B0502020204020303" pitchFamily="34" charset="0"/>
              </a:rPr>
              <a:t>Hibe sözleşmesi</a:t>
            </a:r>
            <a:endParaRPr lang="tr-TR" sz="1400" b="1" dirty="0">
              <a:latin typeface="Futura Bk BT" panose="020B0502020204020303" pitchFamily="34" charset="0"/>
            </a:endParaRPr>
          </a:p>
          <a:p>
            <a:pPr marL="285750" indent="-285750" algn="ctr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tr-TR" sz="1400" b="1" dirty="0">
                <a:latin typeface="Futura Bk BT" panose="020B0502020204020303" pitchFamily="34" charset="0"/>
              </a:rPr>
              <a:t>Onaylı finansal rapor (FORM C)</a:t>
            </a:r>
          </a:p>
        </p:txBody>
      </p:sp>
      <p:grpSp>
        <p:nvGrpSpPr>
          <p:cNvPr id="36" name="Grup 35"/>
          <p:cNvGrpSpPr/>
          <p:nvPr/>
        </p:nvGrpSpPr>
        <p:grpSpPr>
          <a:xfrm>
            <a:off x="4789017" y="3370684"/>
            <a:ext cx="4104456" cy="2770539"/>
            <a:chOff x="1405452" y="-2139575"/>
            <a:chExt cx="3751800" cy="4851082"/>
          </a:xfrm>
        </p:grpSpPr>
        <p:grpSp>
          <p:nvGrpSpPr>
            <p:cNvPr id="37" name="Grup 36"/>
            <p:cNvGrpSpPr/>
            <p:nvPr/>
          </p:nvGrpSpPr>
          <p:grpSpPr>
            <a:xfrm>
              <a:off x="1405452" y="-2139575"/>
              <a:ext cx="3703341" cy="4751798"/>
              <a:chOff x="-2732007" y="-286957"/>
              <a:chExt cx="5518704" cy="2370795"/>
            </a:xfrm>
          </p:grpSpPr>
          <p:cxnSp>
            <p:nvCxnSpPr>
              <p:cNvPr id="39" name="Düz Bağlayıcı 38"/>
              <p:cNvCxnSpPr/>
              <p:nvPr/>
            </p:nvCxnSpPr>
            <p:spPr>
              <a:xfrm>
                <a:off x="-2685911" y="-227264"/>
                <a:ext cx="5472608" cy="0"/>
              </a:xfrm>
              <a:prstGeom prst="line">
                <a:avLst/>
              </a:prstGeom>
              <a:ln w="22225">
                <a:solidFill>
                  <a:schemeClr val="accent6">
                    <a:lumMod val="75000"/>
                  </a:schemeClr>
                </a:solidFill>
                <a:prstDash val="lg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0" name="Düz Bağlayıcı 39"/>
              <p:cNvCxnSpPr/>
              <p:nvPr/>
            </p:nvCxnSpPr>
            <p:spPr>
              <a:xfrm>
                <a:off x="-2732007" y="2083838"/>
                <a:ext cx="5472608" cy="0"/>
              </a:xfrm>
              <a:prstGeom prst="line">
                <a:avLst/>
              </a:prstGeom>
              <a:ln w="22225">
                <a:solidFill>
                  <a:schemeClr val="accent6">
                    <a:lumMod val="75000"/>
                  </a:schemeClr>
                </a:solidFill>
                <a:prstDash val="lg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1" name="Düz Bağlayıcı 40"/>
              <p:cNvCxnSpPr/>
              <p:nvPr/>
            </p:nvCxnSpPr>
            <p:spPr>
              <a:xfrm flipH="1" flipV="1">
                <a:off x="-2703006" y="-286957"/>
                <a:ext cx="17095" cy="2335691"/>
              </a:xfrm>
              <a:prstGeom prst="line">
                <a:avLst/>
              </a:prstGeom>
              <a:ln w="22225">
                <a:solidFill>
                  <a:schemeClr val="accent6">
                    <a:lumMod val="75000"/>
                  </a:schemeClr>
                </a:solidFill>
                <a:prstDash val="lg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2" name="Düz Bağlayıcı 41"/>
              <p:cNvCxnSpPr/>
              <p:nvPr/>
            </p:nvCxnSpPr>
            <p:spPr>
              <a:xfrm flipV="1">
                <a:off x="2786697" y="-133460"/>
                <a:ext cx="0" cy="2182194"/>
              </a:xfrm>
              <a:prstGeom prst="line">
                <a:avLst/>
              </a:prstGeom>
              <a:ln w="22225">
                <a:solidFill>
                  <a:schemeClr val="accent6">
                    <a:lumMod val="75000"/>
                  </a:schemeClr>
                </a:solidFill>
                <a:prstDash val="lg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sp>
          <p:nvSpPr>
            <p:cNvPr id="38" name="Çapraz Köşesi Kesik Dikdörtgen 37"/>
            <p:cNvSpPr/>
            <p:nvPr/>
          </p:nvSpPr>
          <p:spPr>
            <a:xfrm>
              <a:off x="1484844" y="-1850290"/>
              <a:ext cx="3672408" cy="4561797"/>
            </a:xfrm>
            <a:prstGeom prst="snip2DiagRect">
              <a:avLst/>
            </a:prstGeom>
            <a:solidFill>
              <a:srgbClr val="FFFFFF">
                <a:lumMod val="85000"/>
                <a:alpha val="31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</a:pPr>
              <a:r>
                <a:rPr lang="tr-TR" sz="1600" b="1" kern="0" dirty="0" smtClean="0">
                  <a:latin typeface="Calibri"/>
                </a:rPr>
                <a:t>Ödül Tutarları</a:t>
              </a:r>
            </a:p>
            <a:p>
              <a:pPr algn="ctr" fontAlgn="auto">
                <a:spcBef>
                  <a:spcPts val="0"/>
                </a:spcBef>
                <a:spcAft>
                  <a:spcPts val="0"/>
                </a:spcAft>
              </a:pPr>
              <a:r>
                <a:rPr lang="tr-TR" sz="1600" b="1" kern="0" dirty="0" err="1" smtClean="0">
                  <a:latin typeface="Calibri"/>
                </a:rPr>
                <a:t>SoG</a:t>
              </a:r>
              <a:r>
                <a:rPr lang="tr-TR" sz="1600" b="1" kern="0" dirty="0" smtClean="0">
                  <a:latin typeface="Calibri"/>
                </a:rPr>
                <a:t>: 25.00O € + %9</a:t>
              </a:r>
            </a:p>
            <a:p>
              <a:pPr algn="ctr" fontAlgn="auto">
                <a:spcBef>
                  <a:spcPts val="0"/>
                </a:spcBef>
                <a:spcAft>
                  <a:spcPts val="0"/>
                </a:spcAft>
              </a:pPr>
              <a:r>
                <a:rPr lang="tr-TR" sz="1600" b="1" kern="0" dirty="0" err="1" smtClean="0">
                  <a:latin typeface="Calibri"/>
                </a:rPr>
                <a:t>CoG</a:t>
              </a:r>
              <a:r>
                <a:rPr lang="tr-TR" sz="1600" b="1" kern="0" dirty="0" smtClean="0">
                  <a:latin typeface="Calibri"/>
                </a:rPr>
                <a:t>: 30.000€ + %9</a:t>
              </a:r>
            </a:p>
            <a:p>
              <a:pPr algn="ctr" fontAlgn="auto">
                <a:spcBef>
                  <a:spcPts val="0"/>
                </a:spcBef>
                <a:spcAft>
                  <a:spcPts val="0"/>
                </a:spcAft>
              </a:pPr>
              <a:r>
                <a:rPr lang="tr-TR" sz="1600" b="1" kern="0" dirty="0" err="1" smtClean="0">
                  <a:latin typeface="Calibri"/>
                </a:rPr>
                <a:t>AdG</a:t>
              </a:r>
              <a:r>
                <a:rPr lang="tr-TR" sz="1600" b="1" kern="0" dirty="0" smtClean="0">
                  <a:latin typeface="Calibri"/>
                </a:rPr>
                <a:t>: 35.000€ + %9</a:t>
              </a:r>
            </a:p>
            <a:p>
              <a:pPr algn="ctr" fontAlgn="auto">
                <a:spcBef>
                  <a:spcPts val="0"/>
                </a:spcBef>
                <a:spcAft>
                  <a:spcPts val="0"/>
                </a:spcAft>
              </a:pPr>
              <a:endParaRPr lang="tr-TR" sz="1600" b="1" kern="0" dirty="0">
                <a:latin typeface="Calibri"/>
              </a:endParaRPr>
            </a:p>
            <a:p>
              <a:pPr algn="ctr" fontAlgn="auto">
                <a:spcBef>
                  <a:spcPts val="0"/>
                </a:spcBef>
                <a:spcAft>
                  <a:spcPts val="0"/>
                </a:spcAft>
              </a:pPr>
              <a:r>
                <a:rPr lang="tr-TR" sz="1600" b="1" kern="0" dirty="0" smtClean="0">
                  <a:latin typeface="Calibri"/>
                </a:rPr>
                <a:t>Projenin Türkiye’ye Transferi Durumunda tek seferde </a:t>
              </a:r>
            </a:p>
            <a:p>
              <a:pPr algn="ctr" fontAlgn="auto">
                <a:spcBef>
                  <a:spcPts val="0"/>
                </a:spcBef>
                <a:spcAft>
                  <a:spcPts val="0"/>
                </a:spcAft>
              </a:pPr>
              <a:r>
                <a:rPr lang="tr-TR" sz="1600" b="1" kern="0" dirty="0" err="1">
                  <a:latin typeface="Calibri"/>
                </a:rPr>
                <a:t>SoG</a:t>
              </a:r>
              <a:r>
                <a:rPr lang="tr-TR" sz="1600" b="1" kern="0" dirty="0">
                  <a:latin typeface="Calibri"/>
                </a:rPr>
                <a:t>: 25.00O € </a:t>
              </a:r>
            </a:p>
            <a:p>
              <a:pPr algn="ctr" fontAlgn="auto">
                <a:spcBef>
                  <a:spcPts val="0"/>
                </a:spcBef>
                <a:spcAft>
                  <a:spcPts val="0"/>
                </a:spcAft>
              </a:pPr>
              <a:r>
                <a:rPr lang="tr-TR" sz="1600" b="1" kern="0" dirty="0" err="1" smtClean="0">
                  <a:latin typeface="Calibri"/>
                </a:rPr>
                <a:t>CoG</a:t>
              </a:r>
              <a:r>
                <a:rPr lang="tr-TR" sz="1600" b="1" kern="0" dirty="0">
                  <a:latin typeface="Calibri"/>
                </a:rPr>
                <a:t>: 30.000€ </a:t>
              </a:r>
              <a:endParaRPr lang="tr-TR" sz="1600" b="1" kern="0" dirty="0" smtClean="0">
                <a:latin typeface="Calibri"/>
              </a:endParaRPr>
            </a:p>
            <a:p>
              <a:pPr algn="ctr" fontAlgn="auto">
                <a:spcBef>
                  <a:spcPts val="0"/>
                </a:spcBef>
                <a:spcAft>
                  <a:spcPts val="0"/>
                </a:spcAft>
              </a:pPr>
              <a:r>
                <a:rPr lang="tr-TR" sz="1600" b="1" kern="0" dirty="0" err="1" smtClean="0">
                  <a:latin typeface="Calibri"/>
                </a:rPr>
                <a:t>AdG</a:t>
              </a:r>
              <a:r>
                <a:rPr lang="tr-TR" sz="1600" b="1" kern="0" dirty="0">
                  <a:latin typeface="Calibri"/>
                </a:rPr>
                <a:t>: 35.000€ </a:t>
              </a:r>
              <a:endParaRPr lang="tr-TR" sz="1400" b="1" kern="0" dirty="0" smtClean="0">
                <a:latin typeface="Calibri"/>
              </a:endParaRPr>
            </a:p>
          </p:txBody>
        </p:sp>
      </p:grpSp>
      <p:sp>
        <p:nvSpPr>
          <p:cNvPr id="43" name="Dikdörtgen 42"/>
          <p:cNvSpPr/>
          <p:nvPr/>
        </p:nvSpPr>
        <p:spPr>
          <a:xfrm>
            <a:off x="2144119" y="4476677"/>
            <a:ext cx="2051640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tr-TR" sz="1200" b="1" dirty="0" smtClean="0">
                <a:latin typeface="Futura Bk BT" panose="020B0502020204020303" pitchFamily="34" charset="0"/>
              </a:rPr>
              <a:t>Transfer Ödülü </a:t>
            </a:r>
          </a:p>
          <a:p>
            <a:r>
              <a:rPr lang="tr-TR" sz="1200" b="1" dirty="0" smtClean="0">
                <a:latin typeface="Futura Bk BT" panose="020B0502020204020303" pitchFamily="34" charset="0"/>
              </a:rPr>
              <a:t>%50 baş araştırmacıya</a:t>
            </a:r>
          </a:p>
          <a:p>
            <a:r>
              <a:rPr lang="tr-TR" sz="1200" b="1" dirty="0" smtClean="0">
                <a:latin typeface="Futura Bk BT" panose="020B0502020204020303" pitchFamily="34" charset="0"/>
              </a:rPr>
              <a:t>%50 Ev Sahibi Kuruluşa </a:t>
            </a:r>
            <a:endParaRPr lang="tr-TR" sz="1200" b="1" dirty="0">
              <a:latin typeface="Futura Bk BT" panose="020B05020202040203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832938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ayt Numarası Yer Tutucusu 3"/>
          <p:cNvSpPr>
            <a:spLocks noGrp="1"/>
          </p:cNvSpPr>
          <p:nvPr>
            <p:ph type="sldNum" sz="quarter" idx="12"/>
          </p:nvPr>
        </p:nvSpPr>
        <p:spPr>
          <a:xfrm>
            <a:off x="6444208" y="6447283"/>
            <a:ext cx="2385973" cy="365125"/>
          </a:xfrm>
        </p:spPr>
        <p:txBody>
          <a:bodyPr/>
          <a:lstStyle/>
          <a:p>
            <a:pPr>
              <a:defRPr/>
            </a:pPr>
            <a:fld id="{7F26F79E-A186-4C6A-B109-B45C7D27691A}" type="slidenum">
              <a:rPr lang="en-US" smtClean="0"/>
              <a:pPr>
                <a:defRPr/>
              </a:pPr>
              <a:t>2</a:t>
            </a:fld>
            <a:endParaRPr lang="en-US" dirty="0"/>
          </a:p>
        </p:txBody>
      </p:sp>
      <p:grpSp>
        <p:nvGrpSpPr>
          <p:cNvPr id="29" name="Group 11"/>
          <p:cNvGrpSpPr/>
          <p:nvPr/>
        </p:nvGrpSpPr>
        <p:grpSpPr>
          <a:xfrm>
            <a:off x="35496" y="1687437"/>
            <a:ext cx="8517203" cy="964942"/>
            <a:chOff x="448015" y="1163488"/>
            <a:chExt cx="5659086" cy="964942"/>
          </a:xfrm>
        </p:grpSpPr>
        <p:grpSp>
          <p:nvGrpSpPr>
            <p:cNvPr id="30" name="Group 1"/>
            <p:cNvGrpSpPr/>
            <p:nvPr/>
          </p:nvGrpSpPr>
          <p:grpSpPr>
            <a:xfrm>
              <a:off x="551923" y="1163488"/>
              <a:ext cx="5455618" cy="964942"/>
              <a:chOff x="1607736" y="599431"/>
              <a:chExt cx="6088464" cy="1806656"/>
            </a:xfrm>
          </p:grpSpPr>
          <p:sp>
            <p:nvSpPr>
              <p:cNvPr id="33" name="Rounded Rectangle 2"/>
              <p:cNvSpPr/>
              <p:nvPr/>
            </p:nvSpPr>
            <p:spPr>
              <a:xfrm>
                <a:off x="1970346" y="622359"/>
                <a:ext cx="5725854" cy="1779533"/>
              </a:xfrm>
              <a:prstGeom prst="roundRect">
                <a:avLst>
                  <a:gd name="adj" fmla="val 4655"/>
                </a:avLst>
              </a:prstGeom>
              <a:solidFill>
                <a:sysClr val="window" lastClr="FFFFFF">
                  <a:lumMod val="95000"/>
                </a:sysClr>
              </a:solidFill>
              <a:ln w="38100" cap="flat" cmpd="sng" algn="ctr">
                <a:solidFill>
                  <a:sysClr val="window" lastClr="FFFFFF"/>
                </a:solidFill>
                <a:prstDash val="solid"/>
              </a:ln>
              <a:effectLst>
                <a:outerShdw blurRad="63500" sx="102000" sy="102000" algn="ctr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Futura Bk BT" pitchFamily="34" charset="0"/>
                </a:endParaRPr>
              </a:p>
            </p:txBody>
          </p:sp>
          <p:sp>
            <p:nvSpPr>
              <p:cNvPr id="34" name="Rounded Rectangle 3"/>
              <p:cNvSpPr/>
              <p:nvPr/>
            </p:nvSpPr>
            <p:spPr>
              <a:xfrm>
                <a:off x="1607736" y="599431"/>
                <a:ext cx="1244778" cy="1806656"/>
              </a:xfrm>
              <a:custGeom>
                <a:avLst/>
                <a:gdLst>
                  <a:gd name="connsiteX0" fmla="*/ 0 w 1427293"/>
                  <a:gd name="connsiteY0" fmla="*/ 100453 h 1806656"/>
                  <a:gd name="connsiteX1" fmla="*/ 100453 w 1427293"/>
                  <a:gd name="connsiteY1" fmla="*/ 0 h 1806656"/>
                  <a:gd name="connsiteX2" fmla="*/ 1326840 w 1427293"/>
                  <a:gd name="connsiteY2" fmla="*/ 0 h 1806656"/>
                  <a:gd name="connsiteX3" fmla="*/ 1427293 w 1427293"/>
                  <a:gd name="connsiteY3" fmla="*/ 100453 h 1806656"/>
                  <a:gd name="connsiteX4" fmla="*/ 1427293 w 1427293"/>
                  <a:gd name="connsiteY4" fmla="*/ 1706203 h 1806656"/>
                  <a:gd name="connsiteX5" fmla="*/ 1326840 w 1427293"/>
                  <a:gd name="connsiteY5" fmla="*/ 1806656 h 1806656"/>
                  <a:gd name="connsiteX6" fmla="*/ 100453 w 1427293"/>
                  <a:gd name="connsiteY6" fmla="*/ 1806656 h 1806656"/>
                  <a:gd name="connsiteX7" fmla="*/ 0 w 1427293"/>
                  <a:gd name="connsiteY7" fmla="*/ 1706203 h 1806656"/>
                  <a:gd name="connsiteX8" fmla="*/ 0 w 1427293"/>
                  <a:gd name="connsiteY8" fmla="*/ 100453 h 1806656"/>
                  <a:gd name="connsiteX0" fmla="*/ 0 w 1427293"/>
                  <a:gd name="connsiteY0" fmla="*/ 100453 h 1806656"/>
                  <a:gd name="connsiteX1" fmla="*/ 100453 w 1427293"/>
                  <a:gd name="connsiteY1" fmla="*/ 0 h 1806656"/>
                  <a:gd name="connsiteX2" fmla="*/ 1326840 w 1427293"/>
                  <a:gd name="connsiteY2" fmla="*/ 0 h 1806656"/>
                  <a:gd name="connsiteX3" fmla="*/ 1427293 w 1427293"/>
                  <a:gd name="connsiteY3" fmla="*/ 100453 h 1806656"/>
                  <a:gd name="connsiteX4" fmla="*/ 1421485 w 1427293"/>
                  <a:gd name="connsiteY4" fmla="*/ 652994 h 1806656"/>
                  <a:gd name="connsiteX5" fmla="*/ 1427293 w 1427293"/>
                  <a:gd name="connsiteY5" fmla="*/ 1706203 h 1806656"/>
                  <a:gd name="connsiteX6" fmla="*/ 1326840 w 1427293"/>
                  <a:gd name="connsiteY6" fmla="*/ 1806656 h 1806656"/>
                  <a:gd name="connsiteX7" fmla="*/ 100453 w 1427293"/>
                  <a:gd name="connsiteY7" fmla="*/ 1806656 h 1806656"/>
                  <a:gd name="connsiteX8" fmla="*/ 0 w 1427293"/>
                  <a:gd name="connsiteY8" fmla="*/ 1706203 h 1806656"/>
                  <a:gd name="connsiteX9" fmla="*/ 0 w 1427293"/>
                  <a:gd name="connsiteY9" fmla="*/ 100453 h 1806656"/>
                  <a:gd name="connsiteX0" fmla="*/ 0 w 1720507"/>
                  <a:gd name="connsiteY0" fmla="*/ 100453 h 1806656"/>
                  <a:gd name="connsiteX1" fmla="*/ 100453 w 1720507"/>
                  <a:gd name="connsiteY1" fmla="*/ 0 h 1806656"/>
                  <a:gd name="connsiteX2" fmla="*/ 1326840 w 1720507"/>
                  <a:gd name="connsiteY2" fmla="*/ 0 h 1806656"/>
                  <a:gd name="connsiteX3" fmla="*/ 1427293 w 1720507"/>
                  <a:gd name="connsiteY3" fmla="*/ 100453 h 1806656"/>
                  <a:gd name="connsiteX4" fmla="*/ 1720507 w 1720507"/>
                  <a:gd name="connsiteY4" fmla="*/ 783003 h 1806656"/>
                  <a:gd name="connsiteX5" fmla="*/ 1427293 w 1720507"/>
                  <a:gd name="connsiteY5" fmla="*/ 1706203 h 1806656"/>
                  <a:gd name="connsiteX6" fmla="*/ 1326840 w 1720507"/>
                  <a:gd name="connsiteY6" fmla="*/ 1806656 h 1806656"/>
                  <a:gd name="connsiteX7" fmla="*/ 100453 w 1720507"/>
                  <a:gd name="connsiteY7" fmla="*/ 1806656 h 1806656"/>
                  <a:gd name="connsiteX8" fmla="*/ 0 w 1720507"/>
                  <a:gd name="connsiteY8" fmla="*/ 1706203 h 1806656"/>
                  <a:gd name="connsiteX9" fmla="*/ 0 w 1720507"/>
                  <a:gd name="connsiteY9" fmla="*/ 100453 h 1806656"/>
                  <a:gd name="connsiteX0" fmla="*/ 0 w 1720507"/>
                  <a:gd name="connsiteY0" fmla="*/ 100453 h 1806656"/>
                  <a:gd name="connsiteX1" fmla="*/ 100453 w 1720507"/>
                  <a:gd name="connsiteY1" fmla="*/ 0 h 1806656"/>
                  <a:gd name="connsiteX2" fmla="*/ 1326840 w 1720507"/>
                  <a:gd name="connsiteY2" fmla="*/ 0 h 1806656"/>
                  <a:gd name="connsiteX3" fmla="*/ 1427293 w 1720507"/>
                  <a:gd name="connsiteY3" fmla="*/ 100453 h 1806656"/>
                  <a:gd name="connsiteX4" fmla="*/ 1720507 w 1720507"/>
                  <a:gd name="connsiteY4" fmla="*/ 783003 h 1806656"/>
                  <a:gd name="connsiteX5" fmla="*/ 1590497 w 1720507"/>
                  <a:gd name="connsiteY5" fmla="*/ 1212034 h 1806656"/>
                  <a:gd name="connsiteX6" fmla="*/ 1427293 w 1720507"/>
                  <a:gd name="connsiteY6" fmla="*/ 1706203 h 1806656"/>
                  <a:gd name="connsiteX7" fmla="*/ 1326840 w 1720507"/>
                  <a:gd name="connsiteY7" fmla="*/ 1806656 h 1806656"/>
                  <a:gd name="connsiteX8" fmla="*/ 100453 w 1720507"/>
                  <a:gd name="connsiteY8" fmla="*/ 1806656 h 1806656"/>
                  <a:gd name="connsiteX9" fmla="*/ 0 w 1720507"/>
                  <a:gd name="connsiteY9" fmla="*/ 1706203 h 1806656"/>
                  <a:gd name="connsiteX10" fmla="*/ 0 w 1720507"/>
                  <a:gd name="connsiteY10" fmla="*/ 100453 h 1806656"/>
                  <a:gd name="connsiteX0" fmla="*/ 0 w 1720507"/>
                  <a:gd name="connsiteY0" fmla="*/ 100453 h 1806656"/>
                  <a:gd name="connsiteX1" fmla="*/ 100453 w 1720507"/>
                  <a:gd name="connsiteY1" fmla="*/ 0 h 1806656"/>
                  <a:gd name="connsiteX2" fmla="*/ 1326840 w 1720507"/>
                  <a:gd name="connsiteY2" fmla="*/ 0 h 1806656"/>
                  <a:gd name="connsiteX3" fmla="*/ 1427293 w 1720507"/>
                  <a:gd name="connsiteY3" fmla="*/ 100453 h 1806656"/>
                  <a:gd name="connsiteX4" fmla="*/ 1720507 w 1720507"/>
                  <a:gd name="connsiteY4" fmla="*/ 783003 h 1806656"/>
                  <a:gd name="connsiteX5" fmla="*/ 1681503 w 1720507"/>
                  <a:gd name="connsiteY5" fmla="*/ 1125361 h 1806656"/>
                  <a:gd name="connsiteX6" fmla="*/ 1427293 w 1720507"/>
                  <a:gd name="connsiteY6" fmla="*/ 1706203 h 1806656"/>
                  <a:gd name="connsiteX7" fmla="*/ 1326840 w 1720507"/>
                  <a:gd name="connsiteY7" fmla="*/ 1806656 h 1806656"/>
                  <a:gd name="connsiteX8" fmla="*/ 100453 w 1720507"/>
                  <a:gd name="connsiteY8" fmla="*/ 1806656 h 1806656"/>
                  <a:gd name="connsiteX9" fmla="*/ 0 w 1720507"/>
                  <a:gd name="connsiteY9" fmla="*/ 1706203 h 1806656"/>
                  <a:gd name="connsiteX10" fmla="*/ 0 w 1720507"/>
                  <a:gd name="connsiteY10" fmla="*/ 100453 h 1806656"/>
                  <a:gd name="connsiteX0" fmla="*/ 0 w 1720507"/>
                  <a:gd name="connsiteY0" fmla="*/ 100453 h 1806656"/>
                  <a:gd name="connsiteX1" fmla="*/ 100453 w 1720507"/>
                  <a:gd name="connsiteY1" fmla="*/ 0 h 1806656"/>
                  <a:gd name="connsiteX2" fmla="*/ 1326840 w 1720507"/>
                  <a:gd name="connsiteY2" fmla="*/ 0 h 1806656"/>
                  <a:gd name="connsiteX3" fmla="*/ 1427293 w 1720507"/>
                  <a:gd name="connsiteY3" fmla="*/ 100453 h 1806656"/>
                  <a:gd name="connsiteX4" fmla="*/ 1720507 w 1720507"/>
                  <a:gd name="connsiteY4" fmla="*/ 783003 h 1806656"/>
                  <a:gd name="connsiteX5" fmla="*/ 1710078 w 1720507"/>
                  <a:gd name="connsiteY5" fmla="*/ 1056305 h 1806656"/>
                  <a:gd name="connsiteX6" fmla="*/ 1427293 w 1720507"/>
                  <a:gd name="connsiteY6" fmla="*/ 1706203 h 1806656"/>
                  <a:gd name="connsiteX7" fmla="*/ 1326840 w 1720507"/>
                  <a:gd name="connsiteY7" fmla="*/ 1806656 h 1806656"/>
                  <a:gd name="connsiteX8" fmla="*/ 100453 w 1720507"/>
                  <a:gd name="connsiteY8" fmla="*/ 1806656 h 1806656"/>
                  <a:gd name="connsiteX9" fmla="*/ 0 w 1720507"/>
                  <a:gd name="connsiteY9" fmla="*/ 1706203 h 1806656"/>
                  <a:gd name="connsiteX10" fmla="*/ 0 w 1720507"/>
                  <a:gd name="connsiteY10" fmla="*/ 100453 h 1806656"/>
                  <a:gd name="connsiteX0" fmla="*/ 0 w 1747542"/>
                  <a:gd name="connsiteY0" fmla="*/ 100453 h 1806656"/>
                  <a:gd name="connsiteX1" fmla="*/ 100453 w 1747542"/>
                  <a:gd name="connsiteY1" fmla="*/ 0 h 1806656"/>
                  <a:gd name="connsiteX2" fmla="*/ 1326840 w 1747542"/>
                  <a:gd name="connsiteY2" fmla="*/ 0 h 1806656"/>
                  <a:gd name="connsiteX3" fmla="*/ 1427293 w 1747542"/>
                  <a:gd name="connsiteY3" fmla="*/ 100453 h 1806656"/>
                  <a:gd name="connsiteX4" fmla="*/ 1720507 w 1747542"/>
                  <a:gd name="connsiteY4" fmla="*/ 783003 h 1806656"/>
                  <a:gd name="connsiteX5" fmla="*/ 1710078 w 1747542"/>
                  <a:gd name="connsiteY5" fmla="*/ 1056305 h 1806656"/>
                  <a:gd name="connsiteX6" fmla="*/ 1427293 w 1747542"/>
                  <a:gd name="connsiteY6" fmla="*/ 1706203 h 1806656"/>
                  <a:gd name="connsiteX7" fmla="*/ 1326840 w 1747542"/>
                  <a:gd name="connsiteY7" fmla="*/ 1806656 h 1806656"/>
                  <a:gd name="connsiteX8" fmla="*/ 100453 w 1747542"/>
                  <a:gd name="connsiteY8" fmla="*/ 1806656 h 1806656"/>
                  <a:gd name="connsiteX9" fmla="*/ 0 w 1747542"/>
                  <a:gd name="connsiteY9" fmla="*/ 1706203 h 1806656"/>
                  <a:gd name="connsiteX10" fmla="*/ 0 w 1747542"/>
                  <a:gd name="connsiteY10" fmla="*/ 100453 h 1806656"/>
                  <a:gd name="connsiteX0" fmla="*/ 0 w 1748982"/>
                  <a:gd name="connsiteY0" fmla="*/ 100453 h 1806656"/>
                  <a:gd name="connsiteX1" fmla="*/ 100453 w 1748982"/>
                  <a:gd name="connsiteY1" fmla="*/ 0 h 1806656"/>
                  <a:gd name="connsiteX2" fmla="*/ 1326840 w 1748982"/>
                  <a:gd name="connsiteY2" fmla="*/ 0 h 1806656"/>
                  <a:gd name="connsiteX3" fmla="*/ 1427293 w 1748982"/>
                  <a:gd name="connsiteY3" fmla="*/ 100453 h 1806656"/>
                  <a:gd name="connsiteX4" fmla="*/ 1725270 w 1748982"/>
                  <a:gd name="connsiteY4" fmla="*/ 773478 h 1806656"/>
                  <a:gd name="connsiteX5" fmla="*/ 1710078 w 1748982"/>
                  <a:gd name="connsiteY5" fmla="*/ 1056305 h 1806656"/>
                  <a:gd name="connsiteX6" fmla="*/ 1427293 w 1748982"/>
                  <a:gd name="connsiteY6" fmla="*/ 1706203 h 1806656"/>
                  <a:gd name="connsiteX7" fmla="*/ 1326840 w 1748982"/>
                  <a:gd name="connsiteY7" fmla="*/ 1806656 h 1806656"/>
                  <a:gd name="connsiteX8" fmla="*/ 100453 w 1748982"/>
                  <a:gd name="connsiteY8" fmla="*/ 1806656 h 1806656"/>
                  <a:gd name="connsiteX9" fmla="*/ 0 w 1748982"/>
                  <a:gd name="connsiteY9" fmla="*/ 1706203 h 1806656"/>
                  <a:gd name="connsiteX10" fmla="*/ 0 w 1748982"/>
                  <a:gd name="connsiteY10" fmla="*/ 100453 h 1806656"/>
                  <a:gd name="connsiteX0" fmla="*/ 0 w 1759064"/>
                  <a:gd name="connsiteY0" fmla="*/ 100453 h 1806656"/>
                  <a:gd name="connsiteX1" fmla="*/ 100453 w 1759064"/>
                  <a:gd name="connsiteY1" fmla="*/ 0 h 1806656"/>
                  <a:gd name="connsiteX2" fmla="*/ 1326840 w 1759064"/>
                  <a:gd name="connsiteY2" fmla="*/ 0 h 1806656"/>
                  <a:gd name="connsiteX3" fmla="*/ 1427293 w 1759064"/>
                  <a:gd name="connsiteY3" fmla="*/ 100453 h 1806656"/>
                  <a:gd name="connsiteX4" fmla="*/ 1725270 w 1759064"/>
                  <a:gd name="connsiteY4" fmla="*/ 773478 h 1806656"/>
                  <a:gd name="connsiteX5" fmla="*/ 1710078 w 1759064"/>
                  <a:gd name="connsiteY5" fmla="*/ 1056305 h 1806656"/>
                  <a:gd name="connsiteX6" fmla="*/ 1427293 w 1759064"/>
                  <a:gd name="connsiteY6" fmla="*/ 1706203 h 1806656"/>
                  <a:gd name="connsiteX7" fmla="*/ 1326840 w 1759064"/>
                  <a:gd name="connsiteY7" fmla="*/ 1806656 h 1806656"/>
                  <a:gd name="connsiteX8" fmla="*/ 100453 w 1759064"/>
                  <a:gd name="connsiteY8" fmla="*/ 1806656 h 1806656"/>
                  <a:gd name="connsiteX9" fmla="*/ 0 w 1759064"/>
                  <a:gd name="connsiteY9" fmla="*/ 1706203 h 1806656"/>
                  <a:gd name="connsiteX10" fmla="*/ 0 w 1759064"/>
                  <a:gd name="connsiteY10" fmla="*/ 100453 h 1806656"/>
                  <a:gd name="connsiteX0" fmla="*/ 0 w 1755160"/>
                  <a:gd name="connsiteY0" fmla="*/ 100453 h 1806656"/>
                  <a:gd name="connsiteX1" fmla="*/ 100453 w 1755160"/>
                  <a:gd name="connsiteY1" fmla="*/ 0 h 1806656"/>
                  <a:gd name="connsiteX2" fmla="*/ 1326840 w 1755160"/>
                  <a:gd name="connsiteY2" fmla="*/ 0 h 1806656"/>
                  <a:gd name="connsiteX3" fmla="*/ 1427293 w 1755160"/>
                  <a:gd name="connsiteY3" fmla="*/ 100453 h 1806656"/>
                  <a:gd name="connsiteX4" fmla="*/ 1725270 w 1755160"/>
                  <a:gd name="connsiteY4" fmla="*/ 773478 h 1806656"/>
                  <a:gd name="connsiteX5" fmla="*/ 1710078 w 1755160"/>
                  <a:gd name="connsiteY5" fmla="*/ 1056305 h 1806656"/>
                  <a:gd name="connsiteX6" fmla="*/ 1427293 w 1755160"/>
                  <a:gd name="connsiteY6" fmla="*/ 1706203 h 1806656"/>
                  <a:gd name="connsiteX7" fmla="*/ 1326840 w 1755160"/>
                  <a:gd name="connsiteY7" fmla="*/ 1806656 h 1806656"/>
                  <a:gd name="connsiteX8" fmla="*/ 100453 w 1755160"/>
                  <a:gd name="connsiteY8" fmla="*/ 1806656 h 1806656"/>
                  <a:gd name="connsiteX9" fmla="*/ 0 w 1755160"/>
                  <a:gd name="connsiteY9" fmla="*/ 1706203 h 1806656"/>
                  <a:gd name="connsiteX10" fmla="*/ 0 w 1755160"/>
                  <a:gd name="connsiteY10" fmla="*/ 100453 h 1806656"/>
                  <a:gd name="connsiteX0" fmla="*/ 0 w 1751193"/>
                  <a:gd name="connsiteY0" fmla="*/ 100453 h 1806656"/>
                  <a:gd name="connsiteX1" fmla="*/ 100453 w 1751193"/>
                  <a:gd name="connsiteY1" fmla="*/ 0 h 1806656"/>
                  <a:gd name="connsiteX2" fmla="*/ 1326840 w 1751193"/>
                  <a:gd name="connsiteY2" fmla="*/ 0 h 1806656"/>
                  <a:gd name="connsiteX3" fmla="*/ 1427293 w 1751193"/>
                  <a:gd name="connsiteY3" fmla="*/ 100453 h 1806656"/>
                  <a:gd name="connsiteX4" fmla="*/ 1725270 w 1751193"/>
                  <a:gd name="connsiteY4" fmla="*/ 773478 h 1806656"/>
                  <a:gd name="connsiteX5" fmla="*/ 1710078 w 1751193"/>
                  <a:gd name="connsiteY5" fmla="*/ 1056305 h 1806656"/>
                  <a:gd name="connsiteX6" fmla="*/ 1427293 w 1751193"/>
                  <a:gd name="connsiteY6" fmla="*/ 1706203 h 1806656"/>
                  <a:gd name="connsiteX7" fmla="*/ 1326840 w 1751193"/>
                  <a:gd name="connsiteY7" fmla="*/ 1806656 h 1806656"/>
                  <a:gd name="connsiteX8" fmla="*/ 100453 w 1751193"/>
                  <a:gd name="connsiteY8" fmla="*/ 1806656 h 1806656"/>
                  <a:gd name="connsiteX9" fmla="*/ 0 w 1751193"/>
                  <a:gd name="connsiteY9" fmla="*/ 1706203 h 1806656"/>
                  <a:gd name="connsiteX10" fmla="*/ 0 w 1751193"/>
                  <a:gd name="connsiteY10" fmla="*/ 100453 h 1806656"/>
                  <a:gd name="connsiteX0" fmla="*/ 0 w 1751193"/>
                  <a:gd name="connsiteY0" fmla="*/ 100453 h 1806656"/>
                  <a:gd name="connsiteX1" fmla="*/ 100453 w 1751193"/>
                  <a:gd name="connsiteY1" fmla="*/ 0 h 1806656"/>
                  <a:gd name="connsiteX2" fmla="*/ 1326840 w 1751193"/>
                  <a:gd name="connsiteY2" fmla="*/ 0 h 1806656"/>
                  <a:gd name="connsiteX3" fmla="*/ 1427293 w 1751193"/>
                  <a:gd name="connsiteY3" fmla="*/ 100453 h 1806656"/>
                  <a:gd name="connsiteX4" fmla="*/ 1725270 w 1751193"/>
                  <a:gd name="connsiteY4" fmla="*/ 773478 h 1806656"/>
                  <a:gd name="connsiteX5" fmla="*/ 1710078 w 1751193"/>
                  <a:gd name="connsiteY5" fmla="*/ 1056305 h 1806656"/>
                  <a:gd name="connsiteX6" fmla="*/ 1427293 w 1751193"/>
                  <a:gd name="connsiteY6" fmla="*/ 1706203 h 1806656"/>
                  <a:gd name="connsiteX7" fmla="*/ 1326840 w 1751193"/>
                  <a:gd name="connsiteY7" fmla="*/ 1806656 h 1806656"/>
                  <a:gd name="connsiteX8" fmla="*/ 100453 w 1751193"/>
                  <a:gd name="connsiteY8" fmla="*/ 1806656 h 1806656"/>
                  <a:gd name="connsiteX9" fmla="*/ 0 w 1751193"/>
                  <a:gd name="connsiteY9" fmla="*/ 1706203 h 1806656"/>
                  <a:gd name="connsiteX10" fmla="*/ 0 w 1751193"/>
                  <a:gd name="connsiteY10" fmla="*/ 100453 h 1806656"/>
                  <a:gd name="connsiteX0" fmla="*/ 0 w 1751193"/>
                  <a:gd name="connsiteY0" fmla="*/ 100453 h 1806656"/>
                  <a:gd name="connsiteX1" fmla="*/ 100453 w 1751193"/>
                  <a:gd name="connsiteY1" fmla="*/ 0 h 1806656"/>
                  <a:gd name="connsiteX2" fmla="*/ 1326840 w 1751193"/>
                  <a:gd name="connsiteY2" fmla="*/ 0 h 1806656"/>
                  <a:gd name="connsiteX3" fmla="*/ 1427293 w 1751193"/>
                  <a:gd name="connsiteY3" fmla="*/ 100453 h 1806656"/>
                  <a:gd name="connsiteX4" fmla="*/ 1725270 w 1751193"/>
                  <a:gd name="connsiteY4" fmla="*/ 773478 h 1806656"/>
                  <a:gd name="connsiteX5" fmla="*/ 1710078 w 1751193"/>
                  <a:gd name="connsiteY5" fmla="*/ 1056305 h 1806656"/>
                  <a:gd name="connsiteX6" fmla="*/ 1427293 w 1751193"/>
                  <a:gd name="connsiteY6" fmla="*/ 1706203 h 1806656"/>
                  <a:gd name="connsiteX7" fmla="*/ 1326840 w 1751193"/>
                  <a:gd name="connsiteY7" fmla="*/ 1806656 h 1806656"/>
                  <a:gd name="connsiteX8" fmla="*/ 100453 w 1751193"/>
                  <a:gd name="connsiteY8" fmla="*/ 1806656 h 1806656"/>
                  <a:gd name="connsiteX9" fmla="*/ 0 w 1751193"/>
                  <a:gd name="connsiteY9" fmla="*/ 1706203 h 1806656"/>
                  <a:gd name="connsiteX10" fmla="*/ 0 w 1751193"/>
                  <a:gd name="connsiteY10" fmla="*/ 100453 h 180665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1751193" h="1806656">
                    <a:moveTo>
                      <a:pt x="0" y="100453"/>
                    </a:moveTo>
                    <a:cubicBezTo>
                      <a:pt x="0" y="44974"/>
                      <a:pt x="44974" y="0"/>
                      <a:pt x="100453" y="0"/>
                    </a:cubicBezTo>
                    <a:lnTo>
                      <a:pt x="1326840" y="0"/>
                    </a:lnTo>
                    <a:cubicBezTo>
                      <a:pt x="1382319" y="0"/>
                      <a:pt x="1403619" y="38628"/>
                      <a:pt x="1427293" y="100453"/>
                    </a:cubicBezTo>
                    <a:lnTo>
                      <a:pt x="1725270" y="773478"/>
                    </a:lnTo>
                    <a:cubicBezTo>
                      <a:pt x="1743225" y="833622"/>
                      <a:pt x="1780229" y="915197"/>
                      <a:pt x="1710078" y="1056305"/>
                    </a:cubicBezTo>
                    <a:lnTo>
                      <a:pt x="1427293" y="1706203"/>
                    </a:lnTo>
                    <a:cubicBezTo>
                      <a:pt x="1400660" y="1764854"/>
                      <a:pt x="1382319" y="1806656"/>
                      <a:pt x="1326840" y="1806656"/>
                    </a:cubicBezTo>
                    <a:lnTo>
                      <a:pt x="100453" y="1806656"/>
                    </a:lnTo>
                    <a:cubicBezTo>
                      <a:pt x="44974" y="1806656"/>
                      <a:pt x="0" y="1761682"/>
                      <a:pt x="0" y="1706203"/>
                    </a:cubicBezTo>
                    <a:lnTo>
                      <a:pt x="0" y="100453"/>
                    </a:lnTo>
                    <a:close/>
                  </a:path>
                </a:pathLst>
              </a:custGeom>
              <a:gradFill>
                <a:gsLst>
                  <a:gs pos="100000">
                    <a:srgbClr val="0070C0">
                      <a:lumMod val="75000"/>
                    </a:srgbClr>
                  </a:gs>
                  <a:gs pos="0">
                    <a:srgbClr val="0070C0">
                      <a:lumMod val="60000"/>
                      <a:lumOff val="40000"/>
                    </a:srgbClr>
                  </a:gs>
                </a:gsLst>
                <a:lin ang="0" scaled="1"/>
              </a:gradFill>
              <a:ln w="38100" cap="flat" cmpd="sng" algn="ctr">
                <a:solidFill>
                  <a:sysClr val="window" lastClr="FFFFFF"/>
                </a:solidFill>
                <a:prstDash val="solid"/>
              </a:ln>
              <a:effectLst>
                <a:outerShdw blurRad="63500" sx="102000" sy="102000" algn="ctr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Futura Bk BT" pitchFamily="34" charset="0"/>
                </a:endParaRPr>
              </a:p>
            </p:txBody>
          </p:sp>
        </p:grpSp>
        <p:sp>
          <p:nvSpPr>
            <p:cNvPr id="31" name="Rectangle 39"/>
            <p:cNvSpPr/>
            <p:nvPr/>
          </p:nvSpPr>
          <p:spPr>
            <a:xfrm>
              <a:off x="1840149" y="1322616"/>
              <a:ext cx="4266952" cy="646331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tr-TR" b="0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Futura Bk BT" pitchFamily="34" charset="0"/>
                </a:rPr>
                <a:t>Horizon 2020 Programına gerçekleştirilecek başvuru </a:t>
              </a:r>
            </a:p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tr-TR" b="0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Futura Bk BT" pitchFamily="34" charset="0"/>
                </a:rPr>
                <a:t>sayısının artırılması</a:t>
              </a:r>
              <a:r>
                <a:rPr kumimoji="0" lang="tr-TR" b="0" i="0" u="none" strike="noStrike" kern="0" cap="none" spc="0" normalizeH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Futura Bk BT" pitchFamily="34" charset="0"/>
                </a:rPr>
                <a:t> (yeni aktörlerin de oyuna çekilmesi)</a:t>
              </a:r>
              <a:endParaRPr kumimoji="0" lang="en-US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utura Bk BT" pitchFamily="34" charset="0"/>
              </a:endParaRPr>
            </a:p>
          </p:txBody>
        </p:sp>
        <p:sp>
          <p:nvSpPr>
            <p:cNvPr id="32" name="TextBox 43"/>
            <p:cNvSpPr txBox="1"/>
            <p:nvPr/>
          </p:nvSpPr>
          <p:spPr>
            <a:xfrm>
              <a:off x="448015" y="1424821"/>
              <a:ext cx="1107985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tr-TR" sz="2000" b="1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Futura Bk BT" pitchFamily="34" charset="0"/>
                </a:rPr>
                <a:t>Katılım</a:t>
              </a:r>
              <a:endParaRPr kumimoji="0" lang="en-US" sz="20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utura Bk BT" pitchFamily="34" charset="0"/>
              </a:endParaRPr>
            </a:p>
          </p:txBody>
        </p:sp>
      </p:grpSp>
      <p:grpSp>
        <p:nvGrpSpPr>
          <p:cNvPr id="35" name="Group 12"/>
          <p:cNvGrpSpPr/>
          <p:nvPr/>
        </p:nvGrpSpPr>
        <p:grpSpPr>
          <a:xfrm>
            <a:off x="680903" y="2995088"/>
            <a:ext cx="7871795" cy="964942"/>
            <a:chOff x="1338788" y="2471139"/>
            <a:chExt cx="5503250" cy="964942"/>
          </a:xfrm>
        </p:grpSpPr>
        <p:grpSp>
          <p:nvGrpSpPr>
            <p:cNvPr id="36" name="Group 25"/>
            <p:cNvGrpSpPr/>
            <p:nvPr/>
          </p:nvGrpSpPr>
          <p:grpSpPr>
            <a:xfrm>
              <a:off x="1338788" y="2471139"/>
              <a:ext cx="5455617" cy="964942"/>
              <a:chOff x="1607737" y="599431"/>
              <a:chExt cx="6088463" cy="1806656"/>
            </a:xfrm>
          </p:grpSpPr>
          <p:sp>
            <p:nvSpPr>
              <p:cNvPr id="39" name="Rounded Rectangle 27"/>
              <p:cNvSpPr/>
              <p:nvPr/>
            </p:nvSpPr>
            <p:spPr>
              <a:xfrm>
                <a:off x="1970346" y="622359"/>
                <a:ext cx="5725854" cy="1779533"/>
              </a:xfrm>
              <a:prstGeom prst="roundRect">
                <a:avLst>
                  <a:gd name="adj" fmla="val 4655"/>
                </a:avLst>
              </a:prstGeom>
              <a:solidFill>
                <a:sysClr val="window" lastClr="FFFFFF">
                  <a:lumMod val="95000"/>
                </a:sysClr>
              </a:solidFill>
              <a:ln w="38100" cap="flat" cmpd="sng" algn="ctr">
                <a:solidFill>
                  <a:sysClr val="window" lastClr="FFFFFF"/>
                </a:solidFill>
                <a:prstDash val="solid"/>
              </a:ln>
              <a:effectLst>
                <a:outerShdw blurRad="63500" sx="102000" sy="102000" algn="ctr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Futura Bk BT" pitchFamily="34" charset="0"/>
                </a:endParaRPr>
              </a:p>
            </p:txBody>
          </p:sp>
          <p:sp>
            <p:nvSpPr>
              <p:cNvPr id="40" name="Rounded Rectangle 3"/>
              <p:cNvSpPr/>
              <p:nvPr/>
            </p:nvSpPr>
            <p:spPr>
              <a:xfrm>
                <a:off x="1607737" y="599431"/>
                <a:ext cx="1298967" cy="1806656"/>
              </a:xfrm>
              <a:custGeom>
                <a:avLst/>
                <a:gdLst>
                  <a:gd name="connsiteX0" fmla="*/ 0 w 1427293"/>
                  <a:gd name="connsiteY0" fmla="*/ 100453 h 1806656"/>
                  <a:gd name="connsiteX1" fmla="*/ 100453 w 1427293"/>
                  <a:gd name="connsiteY1" fmla="*/ 0 h 1806656"/>
                  <a:gd name="connsiteX2" fmla="*/ 1326840 w 1427293"/>
                  <a:gd name="connsiteY2" fmla="*/ 0 h 1806656"/>
                  <a:gd name="connsiteX3" fmla="*/ 1427293 w 1427293"/>
                  <a:gd name="connsiteY3" fmla="*/ 100453 h 1806656"/>
                  <a:gd name="connsiteX4" fmla="*/ 1427293 w 1427293"/>
                  <a:gd name="connsiteY4" fmla="*/ 1706203 h 1806656"/>
                  <a:gd name="connsiteX5" fmla="*/ 1326840 w 1427293"/>
                  <a:gd name="connsiteY5" fmla="*/ 1806656 h 1806656"/>
                  <a:gd name="connsiteX6" fmla="*/ 100453 w 1427293"/>
                  <a:gd name="connsiteY6" fmla="*/ 1806656 h 1806656"/>
                  <a:gd name="connsiteX7" fmla="*/ 0 w 1427293"/>
                  <a:gd name="connsiteY7" fmla="*/ 1706203 h 1806656"/>
                  <a:gd name="connsiteX8" fmla="*/ 0 w 1427293"/>
                  <a:gd name="connsiteY8" fmla="*/ 100453 h 1806656"/>
                  <a:gd name="connsiteX0" fmla="*/ 0 w 1427293"/>
                  <a:gd name="connsiteY0" fmla="*/ 100453 h 1806656"/>
                  <a:gd name="connsiteX1" fmla="*/ 100453 w 1427293"/>
                  <a:gd name="connsiteY1" fmla="*/ 0 h 1806656"/>
                  <a:gd name="connsiteX2" fmla="*/ 1326840 w 1427293"/>
                  <a:gd name="connsiteY2" fmla="*/ 0 h 1806656"/>
                  <a:gd name="connsiteX3" fmla="*/ 1427293 w 1427293"/>
                  <a:gd name="connsiteY3" fmla="*/ 100453 h 1806656"/>
                  <a:gd name="connsiteX4" fmla="*/ 1421485 w 1427293"/>
                  <a:gd name="connsiteY4" fmla="*/ 652994 h 1806656"/>
                  <a:gd name="connsiteX5" fmla="*/ 1427293 w 1427293"/>
                  <a:gd name="connsiteY5" fmla="*/ 1706203 h 1806656"/>
                  <a:gd name="connsiteX6" fmla="*/ 1326840 w 1427293"/>
                  <a:gd name="connsiteY6" fmla="*/ 1806656 h 1806656"/>
                  <a:gd name="connsiteX7" fmla="*/ 100453 w 1427293"/>
                  <a:gd name="connsiteY7" fmla="*/ 1806656 h 1806656"/>
                  <a:gd name="connsiteX8" fmla="*/ 0 w 1427293"/>
                  <a:gd name="connsiteY8" fmla="*/ 1706203 h 1806656"/>
                  <a:gd name="connsiteX9" fmla="*/ 0 w 1427293"/>
                  <a:gd name="connsiteY9" fmla="*/ 100453 h 1806656"/>
                  <a:gd name="connsiteX0" fmla="*/ 0 w 1720507"/>
                  <a:gd name="connsiteY0" fmla="*/ 100453 h 1806656"/>
                  <a:gd name="connsiteX1" fmla="*/ 100453 w 1720507"/>
                  <a:gd name="connsiteY1" fmla="*/ 0 h 1806656"/>
                  <a:gd name="connsiteX2" fmla="*/ 1326840 w 1720507"/>
                  <a:gd name="connsiteY2" fmla="*/ 0 h 1806656"/>
                  <a:gd name="connsiteX3" fmla="*/ 1427293 w 1720507"/>
                  <a:gd name="connsiteY3" fmla="*/ 100453 h 1806656"/>
                  <a:gd name="connsiteX4" fmla="*/ 1720507 w 1720507"/>
                  <a:gd name="connsiteY4" fmla="*/ 783003 h 1806656"/>
                  <a:gd name="connsiteX5" fmla="*/ 1427293 w 1720507"/>
                  <a:gd name="connsiteY5" fmla="*/ 1706203 h 1806656"/>
                  <a:gd name="connsiteX6" fmla="*/ 1326840 w 1720507"/>
                  <a:gd name="connsiteY6" fmla="*/ 1806656 h 1806656"/>
                  <a:gd name="connsiteX7" fmla="*/ 100453 w 1720507"/>
                  <a:gd name="connsiteY7" fmla="*/ 1806656 h 1806656"/>
                  <a:gd name="connsiteX8" fmla="*/ 0 w 1720507"/>
                  <a:gd name="connsiteY8" fmla="*/ 1706203 h 1806656"/>
                  <a:gd name="connsiteX9" fmla="*/ 0 w 1720507"/>
                  <a:gd name="connsiteY9" fmla="*/ 100453 h 1806656"/>
                  <a:gd name="connsiteX0" fmla="*/ 0 w 1720507"/>
                  <a:gd name="connsiteY0" fmla="*/ 100453 h 1806656"/>
                  <a:gd name="connsiteX1" fmla="*/ 100453 w 1720507"/>
                  <a:gd name="connsiteY1" fmla="*/ 0 h 1806656"/>
                  <a:gd name="connsiteX2" fmla="*/ 1326840 w 1720507"/>
                  <a:gd name="connsiteY2" fmla="*/ 0 h 1806656"/>
                  <a:gd name="connsiteX3" fmla="*/ 1427293 w 1720507"/>
                  <a:gd name="connsiteY3" fmla="*/ 100453 h 1806656"/>
                  <a:gd name="connsiteX4" fmla="*/ 1720507 w 1720507"/>
                  <a:gd name="connsiteY4" fmla="*/ 783003 h 1806656"/>
                  <a:gd name="connsiteX5" fmla="*/ 1590497 w 1720507"/>
                  <a:gd name="connsiteY5" fmla="*/ 1212034 h 1806656"/>
                  <a:gd name="connsiteX6" fmla="*/ 1427293 w 1720507"/>
                  <a:gd name="connsiteY6" fmla="*/ 1706203 h 1806656"/>
                  <a:gd name="connsiteX7" fmla="*/ 1326840 w 1720507"/>
                  <a:gd name="connsiteY7" fmla="*/ 1806656 h 1806656"/>
                  <a:gd name="connsiteX8" fmla="*/ 100453 w 1720507"/>
                  <a:gd name="connsiteY8" fmla="*/ 1806656 h 1806656"/>
                  <a:gd name="connsiteX9" fmla="*/ 0 w 1720507"/>
                  <a:gd name="connsiteY9" fmla="*/ 1706203 h 1806656"/>
                  <a:gd name="connsiteX10" fmla="*/ 0 w 1720507"/>
                  <a:gd name="connsiteY10" fmla="*/ 100453 h 1806656"/>
                  <a:gd name="connsiteX0" fmla="*/ 0 w 1720507"/>
                  <a:gd name="connsiteY0" fmla="*/ 100453 h 1806656"/>
                  <a:gd name="connsiteX1" fmla="*/ 100453 w 1720507"/>
                  <a:gd name="connsiteY1" fmla="*/ 0 h 1806656"/>
                  <a:gd name="connsiteX2" fmla="*/ 1326840 w 1720507"/>
                  <a:gd name="connsiteY2" fmla="*/ 0 h 1806656"/>
                  <a:gd name="connsiteX3" fmla="*/ 1427293 w 1720507"/>
                  <a:gd name="connsiteY3" fmla="*/ 100453 h 1806656"/>
                  <a:gd name="connsiteX4" fmla="*/ 1720507 w 1720507"/>
                  <a:gd name="connsiteY4" fmla="*/ 783003 h 1806656"/>
                  <a:gd name="connsiteX5" fmla="*/ 1681503 w 1720507"/>
                  <a:gd name="connsiteY5" fmla="*/ 1125361 h 1806656"/>
                  <a:gd name="connsiteX6" fmla="*/ 1427293 w 1720507"/>
                  <a:gd name="connsiteY6" fmla="*/ 1706203 h 1806656"/>
                  <a:gd name="connsiteX7" fmla="*/ 1326840 w 1720507"/>
                  <a:gd name="connsiteY7" fmla="*/ 1806656 h 1806656"/>
                  <a:gd name="connsiteX8" fmla="*/ 100453 w 1720507"/>
                  <a:gd name="connsiteY8" fmla="*/ 1806656 h 1806656"/>
                  <a:gd name="connsiteX9" fmla="*/ 0 w 1720507"/>
                  <a:gd name="connsiteY9" fmla="*/ 1706203 h 1806656"/>
                  <a:gd name="connsiteX10" fmla="*/ 0 w 1720507"/>
                  <a:gd name="connsiteY10" fmla="*/ 100453 h 1806656"/>
                  <a:gd name="connsiteX0" fmla="*/ 0 w 1720507"/>
                  <a:gd name="connsiteY0" fmla="*/ 100453 h 1806656"/>
                  <a:gd name="connsiteX1" fmla="*/ 100453 w 1720507"/>
                  <a:gd name="connsiteY1" fmla="*/ 0 h 1806656"/>
                  <a:gd name="connsiteX2" fmla="*/ 1326840 w 1720507"/>
                  <a:gd name="connsiteY2" fmla="*/ 0 h 1806656"/>
                  <a:gd name="connsiteX3" fmla="*/ 1427293 w 1720507"/>
                  <a:gd name="connsiteY3" fmla="*/ 100453 h 1806656"/>
                  <a:gd name="connsiteX4" fmla="*/ 1720507 w 1720507"/>
                  <a:gd name="connsiteY4" fmla="*/ 783003 h 1806656"/>
                  <a:gd name="connsiteX5" fmla="*/ 1710078 w 1720507"/>
                  <a:gd name="connsiteY5" fmla="*/ 1056305 h 1806656"/>
                  <a:gd name="connsiteX6" fmla="*/ 1427293 w 1720507"/>
                  <a:gd name="connsiteY6" fmla="*/ 1706203 h 1806656"/>
                  <a:gd name="connsiteX7" fmla="*/ 1326840 w 1720507"/>
                  <a:gd name="connsiteY7" fmla="*/ 1806656 h 1806656"/>
                  <a:gd name="connsiteX8" fmla="*/ 100453 w 1720507"/>
                  <a:gd name="connsiteY8" fmla="*/ 1806656 h 1806656"/>
                  <a:gd name="connsiteX9" fmla="*/ 0 w 1720507"/>
                  <a:gd name="connsiteY9" fmla="*/ 1706203 h 1806656"/>
                  <a:gd name="connsiteX10" fmla="*/ 0 w 1720507"/>
                  <a:gd name="connsiteY10" fmla="*/ 100453 h 1806656"/>
                  <a:gd name="connsiteX0" fmla="*/ 0 w 1747542"/>
                  <a:gd name="connsiteY0" fmla="*/ 100453 h 1806656"/>
                  <a:gd name="connsiteX1" fmla="*/ 100453 w 1747542"/>
                  <a:gd name="connsiteY1" fmla="*/ 0 h 1806656"/>
                  <a:gd name="connsiteX2" fmla="*/ 1326840 w 1747542"/>
                  <a:gd name="connsiteY2" fmla="*/ 0 h 1806656"/>
                  <a:gd name="connsiteX3" fmla="*/ 1427293 w 1747542"/>
                  <a:gd name="connsiteY3" fmla="*/ 100453 h 1806656"/>
                  <a:gd name="connsiteX4" fmla="*/ 1720507 w 1747542"/>
                  <a:gd name="connsiteY4" fmla="*/ 783003 h 1806656"/>
                  <a:gd name="connsiteX5" fmla="*/ 1710078 w 1747542"/>
                  <a:gd name="connsiteY5" fmla="*/ 1056305 h 1806656"/>
                  <a:gd name="connsiteX6" fmla="*/ 1427293 w 1747542"/>
                  <a:gd name="connsiteY6" fmla="*/ 1706203 h 1806656"/>
                  <a:gd name="connsiteX7" fmla="*/ 1326840 w 1747542"/>
                  <a:gd name="connsiteY7" fmla="*/ 1806656 h 1806656"/>
                  <a:gd name="connsiteX8" fmla="*/ 100453 w 1747542"/>
                  <a:gd name="connsiteY8" fmla="*/ 1806656 h 1806656"/>
                  <a:gd name="connsiteX9" fmla="*/ 0 w 1747542"/>
                  <a:gd name="connsiteY9" fmla="*/ 1706203 h 1806656"/>
                  <a:gd name="connsiteX10" fmla="*/ 0 w 1747542"/>
                  <a:gd name="connsiteY10" fmla="*/ 100453 h 1806656"/>
                  <a:gd name="connsiteX0" fmla="*/ 0 w 1748982"/>
                  <a:gd name="connsiteY0" fmla="*/ 100453 h 1806656"/>
                  <a:gd name="connsiteX1" fmla="*/ 100453 w 1748982"/>
                  <a:gd name="connsiteY1" fmla="*/ 0 h 1806656"/>
                  <a:gd name="connsiteX2" fmla="*/ 1326840 w 1748982"/>
                  <a:gd name="connsiteY2" fmla="*/ 0 h 1806656"/>
                  <a:gd name="connsiteX3" fmla="*/ 1427293 w 1748982"/>
                  <a:gd name="connsiteY3" fmla="*/ 100453 h 1806656"/>
                  <a:gd name="connsiteX4" fmla="*/ 1725270 w 1748982"/>
                  <a:gd name="connsiteY4" fmla="*/ 773478 h 1806656"/>
                  <a:gd name="connsiteX5" fmla="*/ 1710078 w 1748982"/>
                  <a:gd name="connsiteY5" fmla="*/ 1056305 h 1806656"/>
                  <a:gd name="connsiteX6" fmla="*/ 1427293 w 1748982"/>
                  <a:gd name="connsiteY6" fmla="*/ 1706203 h 1806656"/>
                  <a:gd name="connsiteX7" fmla="*/ 1326840 w 1748982"/>
                  <a:gd name="connsiteY7" fmla="*/ 1806656 h 1806656"/>
                  <a:gd name="connsiteX8" fmla="*/ 100453 w 1748982"/>
                  <a:gd name="connsiteY8" fmla="*/ 1806656 h 1806656"/>
                  <a:gd name="connsiteX9" fmla="*/ 0 w 1748982"/>
                  <a:gd name="connsiteY9" fmla="*/ 1706203 h 1806656"/>
                  <a:gd name="connsiteX10" fmla="*/ 0 w 1748982"/>
                  <a:gd name="connsiteY10" fmla="*/ 100453 h 1806656"/>
                  <a:gd name="connsiteX0" fmla="*/ 0 w 1759064"/>
                  <a:gd name="connsiteY0" fmla="*/ 100453 h 1806656"/>
                  <a:gd name="connsiteX1" fmla="*/ 100453 w 1759064"/>
                  <a:gd name="connsiteY1" fmla="*/ 0 h 1806656"/>
                  <a:gd name="connsiteX2" fmla="*/ 1326840 w 1759064"/>
                  <a:gd name="connsiteY2" fmla="*/ 0 h 1806656"/>
                  <a:gd name="connsiteX3" fmla="*/ 1427293 w 1759064"/>
                  <a:gd name="connsiteY3" fmla="*/ 100453 h 1806656"/>
                  <a:gd name="connsiteX4" fmla="*/ 1725270 w 1759064"/>
                  <a:gd name="connsiteY4" fmla="*/ 773478 h 1806656"/>
                  <a:gd name="connsiteX5" fmla="*/ 1710078 w 1759064"/>
                  <a:gd name="connsiteY5" fmla="*/ 1056305 h 1806656"/>
                  <a:gd name="connsiteX6" fmla="*/ 1427293 w 1759064"/>
                  <a:gd name="connsiteY6" fmla="*/ 1706203 h 1806656"/>
                  <a:gd name="connsiteX7" fmla="*/ 1326840 w 1759064"/>
                  <a:gd name="connsiteY7" fmla="*/ 1806656 h 1806656"/>
                  <a:gd name="connsiteX8" fmla="*/ 100453 w 1759064"/>
                  <a:gd name="connsiteY8" fmla="*/ 1806656 h 1806656"/>
                  <a:gd name="connsiteX9" fmla="*/ 0 w 1759064"/>
                  <a:gd name="connsiteY9" fmla="*/ 1706203 h 1806656"/>
                  <a:gd name="connsiteX10" fmla="*/ 0 w 1759064"/>
                  <a:gd name="connsiteY10" fmla="*/ 100453 h 1806656"/>
                  <a:gd name="connsiteX0" fmla="*/ 0 w 1755160"/>
                  <a:gd name="connsiteY0" fmla="*/ 100453 h 1806656"/>
                  <a:gd name="connsiteX1" fmla="*/ 100453 w 1755160"/>
                  <a:gd name="connsiteY1" fmla="*/ 0 h 1806656"/>
                  <a:gd name="connsiteX2" fmla="*/ 1326840 w 1755160"/>
                  <a:gd name="connsiteY2" fmla="*/ 0 h 1806656"/>
                  <a:gd name="connsiteX3" fmla="*/ 1427293 w 1755160"/>
                  <a:gd name="connsiteY3" fmla="*/ 100453 h 1806656"/>
                  <a:gd name="connsiteX4" fmla="*/ 1725270 w 1755160"/>
                  <a:gd name="connsiteY4" fmla="*/ 773478 h 1806656"/>
                  <a:gd name="connsiteX5" fmla="*/ 1710078 w 1755160"/>
                  <a:gd name="connsiteY5" fmla="*/ 1056305 h 1806656"/>
                  <a:gd name="connsiteX6" fmla="*/ 1427293 w 1755160"/>
                  <a:gd name="connsiteY6" fmla="*/ 1706203 h 1806656"/>
                  <a:gd name="connsiteX7" fmla="*/ 1326840 w 1755160"/>
                  <a:gd name="connsiteY7" fmla="*/ 1806656 h 1806656"/>
                  <a:gd name="connsiteX8" fmla="*/ 100453 w 1755160"/>
                  <a:gd name="connsiteY8" fmla="*/ 1806656 h 1806656"/>
                  <a:gd name="connsiteX9" fmla="*/ 0 w 1755160"/>
                  <a:gd name="connsiteY9" fmla="*/ 1706203 h 1806656"/>
                  <a:gd name="connsiteX10" fmla="*/ 0 w 1755160"/>
                  <a:gd name="connsiteY10" fmla="*/ 100453 h 1806656"/>
                  <a:gd name="connsiteX0" fmla="*/ 0 w 1751193"/>
                  <a:gd name="connsiteY0" fmla="*/ 100453 h 1806656"/>
                  <a:gd name="connsiteX1" fmla="*/ 100453 w 1751193"/>
                  <a:gd name="connsiteY1" fmla="*/ 0 h 1806656"/>
                  <a:gd name="connsiteX2" fmla="*/ 1326840 w 1751193"/>
                  <a:gd name="connsiteY2" fmla="*/ 0 h 1806656"/>
                  <a:gd name="connsiteX3" fmla="*/ 1427293 w 1751193"/>
                  <a:gd name="connsiteY3" fmla="*/ 100453 h 1806656"/>
                  <a:gd name="connsiteX4" fmla="*/ 1725270 w 1751193"/>
                  <a:gd name="connsiteY4" fmla="*/ 773478 h 1806656"/>
                  <a:gd name="connsiteX5" fmla="*/ 1710078 w 1751193"/>
                  <a:gd name="connsiteY5" fmla="*/ 1056305 h 1806656"/>
                  <a:gd name="connsiteX6" fmla="*/ 1427293 w 1751193"/>
                  <a:gd name="connsiteY6" fmla="*/ 1706203 h 1806656"/>
                  <a:gd name="connsiteX7" fmla="*/ 1326840 w 1751193"/>
                  <a:gd name="connsiteY7" fmla="*/ 1806656 h 1806656"/>
                  <a:gd name="connsiteX8" fmla="*/ 100453 w 1751193"/>
                  <a:gd name="connsiteY8" fmla="*/ 1806656 h 1806656"/>
                  <a:gd name="connsiteX9" fmla="*/ 0 w 1751193"/>
                  <a:gd name="connsiteY9" fmla="*/ 1706203 h 1806656"/>
                  <a:gd name="connsiteX10" fmla="*/ 0 w 1751193"/>
                  <a:gd name="connsiteY10" fmla="*/ 100453 h 1806656"/>
                  <a:gd name="connsiteX0" fmla="*/ 0 w 1751193"/>
                  <a:gd name="connsiteY0" fmla="*/ 100453 h 1806656"/>
                  <a:gd name="connsiteX1" fmla="*/ 100453 w 1751193"/>
                  <a:gd name="connsiteY1" fmla="*/ 0 h 1806656"/>
                  <a:gd name="connsiteX2" fmla="*/ 1326840 w 1751193"/>
                  <a:gd name="connsiteY2" fmla="*/ 0 h 1806656"/>
                  <a:gd name="connsiteX3" fmla="*/ 1427293 w 1751193"/>
                  <a:gd name="connsiteY3" fmla="*/ 100453 h 1806656"/>
                  <a:gd name="connsiteX4" fmla="*/ 1725270 w 1751193"/>
                  <a:gd name="connsiteY4" fmla="*/ 773478 h 1806656"/>
                  <a:gd name="connsiteX5" fmla="*/ 1710078 w 1751193"/>
                  <a:gd name="connsiteY5" fmla="*/ 1056305 h 1806656"/>
                  <a:gd name="connsiteX6" fmla="*/ 1427293 w 1751193"/>
                  <a:gd name="connsiteY6" fmla="*/ 1706203 h 1806656"/>
                  <a:gd name="connsiteX7" fmla="*/ 1326840 w 1751193"/>
                  <a:gd name="connsiteY7" fmla="*/ 1806656 h 1806656"/>
                  <a:gd name="connsiteX8" fmla="*/ 100453 w 1751193"/>
                  <a:gd name="connsiteY8" fmla="*/ 1806656 h 1806656"/>
                  <a:gd name="connsiteX9" fmla="*/ 0 w 1751193"/>
                  <a:gd name="connsiteY9" fmla="*/ 1706203 h 1806656"/>
                  <a:gd name="connsiteX10" fmla="*/ 0 w 1751193"/>
                  <a:gd name="connsiteY10" fmla="*/ 100453 h 1806656"/>
                  <a:gd name="connsiteX0" fmla="*/ 0 w 1751193"/>
                  <a:gd name="connsiteY0" fmla="*/ 100453 h 1806656"/>
                  <a:gd name="connsiteX1" fmla="*/ 100453 w 1751193"/>
                  <a:gd name="connsiteY1" fmla="*/ 0 h 1806656"/>
                  <a:gd name="connsiteX2" fmla="*/ 1326840 w 1751193"/>
                  <a:gd name="connsiteY2" fmla="*/ 0 h 1806656"/>
                  <a:gd name="connsiteX3" fmla="*/ 1427293 w 1751193"/>
                  <a:gd name="connsiteY3" fmla="*/ 100453 h 1806656"/>
                  <a:gd name="connsiteX4" fmla="*/ 1725270 w 1751193"/>
                  <a:gd name="connsiteY4" fmla="*/ 773478 h 1806656"/>
                  <a:gd name="connsiteX5" fmla="*/ 1710078 w 1751193"/>
                  <a:gd name="connsiteY5" fmla="*/ 1056305 h 1806656"/>
                  <a:gd name="connsiteX6" fmla="*/ 1427293 w 1751193"/>
                  <a:gd name="connsiteY6" fmla="*/ 1706203 h 1806656"/>
                  <a:gd name="connsiteX7" fmla="*/ 1326840 w 1751193"/>
                  <a:gd name="connsiteY7" fmla="*/ 1806656 h 1806656"/>
                  <a:gd name="connsiteX8" fmla="*/ 100453 w 1751193"/>
                  <a:gd name="connsiteY8" fmla="*/ 1806656 h 1806656"/>
                  <a:gd name="connsiteX9" fmla="*/ 0 w 1751193"/>
                  <a:gd name="connsiteY9" fmla="*/ 1706203 h 1806656"/>
                  <a:gd name="connsiteX10" fmla="*/ 0 w 1751193"/>
                  <a:gd name="connsiteY10" fmla="*/ 100453 h 180665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1751193" h="1806656">
                    <a:moveTo>
                      <a:pt x="0" y="100453"/>
                    </a:moveTo>
                    <a:cubicBezTo>
                      <a:pt x="0" y="44974"/>
                      <a:pt x="44974" y="0"/>
                      <a:pt x="100453" y="0"/>
                    </a:cubicBezTo>
                    <a:lnTo>
                      <a:pt x="1326840" y="0"/>
                    </a:lnTo>
                    <a:cubicBezTo>
                      <a:pt x="1382319" y="0"/>
                      <a:pt x="1406579" y="44974"/>
                      <a:pt x="1427293" y="100453"/>
                    </a:cubicBezTo>
                    <a:lnTo>
                      <a:pt x="1725270" y="773478"/>
                    </a:lnTo>
                    <a:cubicBezTo>
                      <a:pt x="1743225" y="833622"/>
                      <a:pt x="1780229" y="915197"/>
                      <a:pt x="1710078" y="1056305"/>
                    </a:cubicBezTo>
                    <a:lnTo>
                      <a:pt x="1427293" y="1706203"/>
                    </a:lnTo>
                    <a:cubicBezTo>
                      <a:pt x="1403619" y="1758510"/>
                      <a:pt x="1382319" y="1806656"/>
                      <a:pt x="1326840" y="1806656"/>
                    </a:cubicBezTo>
                    <a:lnTo>
                      <a:pt x="100453" y="1806656"/>
                    </a:lnTo>
                    <a:cubicBezTo>
                      <a:pt x="44974" y="1806656"/>
                      <a:pt x="0" y="1761682"/>
                      <a:pt x="0" y="1706203"/>
                    </a:cubicBezTo>
                    <a:lnTo>
                      <a:pt x="0" y="100453"/>
                    </a:lnTo>
                    <a:close/>
                  </a:path>
                </a:pathLst>
              </a:custGeom>
              <a:gradFill>
                <a:gsLst>
                  <a:gs pos="100000">
                    <a:srgbClr val="00B0F0"/>
                  </a:gs>
                  <a:gs pos="0">
                    <a:srgbClr val="00B0F0">
                      <a:lumMod val="60000"/>
                      <a:lumOff val="40000"/>
                    </a:srgbClr>
                  </a:gs>
                </a:gsLst>
                <a:lin ang="0" scaled="1"/>
              </a:gradFill>
              <a:ln w="38100" cap="flat" cmpd="sng" algn="ctr">
                <a:solidFill>
                  <a:sysClr val="window" lastClr="FFFFFF"/>
                </a:solidFill>
                <a:prstDash val="solid"/>
              </a:ln>
              <a:effectLst>
                <a:outerShdw blurRad="63500" sx="102000" sy="102000" algn="ctr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Futura Bk BT" pitchFamily="34" charset="0"/>
                </a:endParaRPr>
              </a:p>
            </p:txBody>
          </p:sp>
        </p:grpSp>
        <p:sp>
          <p:nvSpPr>
            <p:cNvPr id="37" name="TextBox 42"/>
            <p:cNvSpPr txBox="1"/>
            <p:nvPr/>
          </p:nvSpPr>
          <p:spPr>
            <a:xfrm>
              <a:off x="1527768" y="2689027"/>
              <a:ext cx="584096" cy="4001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tr-TR" sz="2000" b="1" kern="0" dirty="0">
                  <a:solidFill>
                    <a:prstClr val="black"/>
                  </a:solidFill>
                  <a:latin typeface="Futura Bk BT" pitchFamily="34" charset="0"/>
                </a:rPr>
                <a:t>K</a:t>
              </a:r>
              <a:r>
                <a:rPr lang="tr-TR" sz="2000" b="1" kern="0" dirty="0" smtClean="0">
                  <a:solidFill>
                    <a:prstClr val="black"/>
                  </a:solidFill>
                  <a:latin typeface="Futura Bk BT" pitchFamily="34" charset="0"/>
                </a:rPr>
                <a:t>alite</a:t>
              </a:r>
              <a:endParaRPr kumimoji="0" lang="en-US" sz="20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utura Bk BT" pitchFamily="34" charset="0"/>
              </a:endParaRPr>
            </a:p>
          </p:txBody>
        </p:sp>
        <p:sp>
          <p:nvSpPr>
            <p:cNvPr id="38" name="Rectangle 44"/>
            <p:cNvSpPr/>
            <p:nvPr/>
          </p:nvSpPr>
          <p:spPr>
            <a:xfrm>
              <a:off x="2708418" y="2618760"/>
              <a:ext cx="4133620" cy="646331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tr-TR" b="0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Futura Bk BT" pitchFamily="34" charset="0"/>
                </a:rPr>
                <a:t>Sunulacak projelerin değerlendirme destekleri ile kalitelerinin (başarı şanslarının) artırılması</a:t>
              </a:r>
              <a:endParaRPr kumimoji="0" lang="en-US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utura Bk BT" pitchFamily="34" charset="0"/>
              </a:endParaRPr>
            </a:p>
          </p:txBody>
        </p:sp>
      </p:grpSp>
      <p:grpSp>
        <p:nvGrpSpPr>
          <p:cNvPr id="41" name="Group 13"/>
          <p:cNvGrpSpPr/>
          <p:nvPr/>
        </p:nvGrpSpPr>
        <p:grpSpPr>
          <a:xfrm>
            <a:off x="1484443" y="4314685"/>
            <a:ext cx="7473697" cy="2160858"/>
            <a:chOff x="2105402" y="3790736"/>
            <a:chExt cx="5769572" cy="2160858"/>
          </a:xfrm>
        </p:grpSpPr>
        <p:grpSp>
          <p:nvGrpSpPr>
            <p:cNvPr id="42" name="Group 31"/>
            <p:cNvGrpSpPr/>
            <p:nvPr/>
          </p:nvGrpSpPr>
          <p:grpSpPr>
            <a:xfrm>
              <a:off x="2105402" y="3790736"/>
              <a:ext cx="5444872" cy="964942"/>
              <a:chOff x="1619729" y="599431"/>
              <a:chExt cx="6076471" cy="1806656"/>
            </a:xfrm>
          </p:grpSpPr>
          <p:sp>
            <p:nvSpPr>
              <p:cNvPr id="45" name="Rounded Rectangle 33"/>
              <p:cNvSpPr/>
              <p:nvPr/>
            </p:nvSpPr>
            <p:spPr>
              <a:xfrm>
                <a:off x="1970346" y="622359"/>
                <a:ext cx="5725854" cy="1779533"/>
              </a:xfrm>
              <a:prstGeom prst="roundRect">
                <a:avLst>
                  <a:gd name="adj" fmla="val 4655"/>
                </a:avLst>
              </a:prstGeom>
              <a:solidFill>
                <a:sysClr val="window" lastClr="FFFFFF">
                  <a:lumMod val="95000"/>
                </a:sysClr>
              </a:solidFill>
              <a:ln w="38100" cap="flat" cmpd="sng" algn="ctr">
                <a:solidFill>
                  <a:sysClr val="window" lastClr="FFFFFF"/>
                </a:solidFill>
                <a:prstDash val="solid"/>
              </a:ln>
              <a:effectLst>
                <a:outerShdw blurRad="63500" sx="102000" sy="102000" algn="ctr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Futura Bk BT" pitchFamily="34" charset="0"/>
                </a:endParaRPr>
              </a:p>
            </p:txBody>
          </p:sp>
          <p:sp>
            <p:nvSpPr>
              <p:cNvPr id="46" name="Rounded Rectangle 3"/>
              <p:cNvSpPr/>
              <p:nvPr/>
            </p:nvSpPr>
            <p:spPr>
              <a:xfrm>
                <a:off x="1619729" y="599431"/>
                <a:ext cx="1431281" cy="1806656"/>
              </a:xfrm>
              <a:custGeom>
                <a:avLst/>
                <a:gdLst>
                  <a:gd name="connsiteX0" fmla="*/ 0 w 1427293"/>
                  <a:gd name="connsiteY0" fmla="*/ 100453 h 1806656"/>
                  <a:gd name="connsiteX1" fmla="*/ 100453 w 1427293"/>
                  <a:gd name="connsiteY1" fmla="*/ 0 h 1806656"/>
                  <a:gd name="connsiteX2" fmla="*/ 1326840 w 1427293"/>
                  <a:gd name="connsiteY2" fmla="*/ 0 h 1806656"/>
                  <a:gd name="connsiteX3" fmla="*/ 1427293 w 1427293"/>
                  <a:gd name="connsiteY3" fmla="*/ 100453 h 1806656"/>
                  <a:gd name="connsiteX4" fmla="*/ 1427293 w 1427293"/>
                  <a:gd name="connsiteY4" fmla="*/ 1706203 h 1806656"/>
                  <a:gd name="connsiteX5" fmla="*/ 1326840 w 1427293"/>
                  <a:gd name="connsiteY5" fmla="*/ 1806656 h 1806656"/>
                  <a:gd name="connsiteX6" fmla="*/ 100453 w 1427293"/>
                  <a:gd name="connsiteY6" fmla="*/ 1806656 h 1806656"/>
                  <a:gd name="connsiteX7" fmla="*/ 0 w 1427293"/>
                  <a:gd name="connsiteY7" fmla="*/ 1706203 h 1806656"/>
                  <a:gd name="connsiteX8" fmla="*/ 0 w 1427293"/>
                  <a:gd name="connsiteY8" fmla="*/ 100453 h 1806656"/>
                  <a:gd name="connsiteX0" fmla="*/ 0 w 1427293"/>
                  <a:gd name="connsiteY0" fmla="*/ 100453 h 1806656"/>
                  <a:gd name="connsiteX1" fmla="*/ 100453 w 1427293"/>
                  <a:gd name="connsiteY1" fmla="*/ 0 h 1806656"/>
                  <a:gd name="connsiteX2" fmla="*/ 1326840 w 1427293"/>
                  <a:gd name="connsiteY2" fmla="*/ 0 h 1806656"/>
                  <a:gd name="connsiteX3" fmla="*/ 1427293 w 1427293"/>
                  <a:gd name="connsiteY3" fmla="*/ 100453 h 1806656"/>
                  <a:gd name="connsiteX4" fmla="*/ 1421485 w 1427293"/>
                  <a:gd name="connsiteY4" fmla="*/ 652994 h 1806656"/>
                  <a:gd name="connsiteX5" fmla="*/ 1427293 w 1427293"/>
                  <a:gd name="connsiteY5" fmla="*/ 1706203 h 1806656"/>
                  <a:gd name="connsiteX6" fmla="*/ 1326840 w 1427293"/>
                  <a:gd name="connsiteY6" fmla="*/ 1806656 h 1806656"/>
                  <a:gd name="connsiteX7" fmla="*/ 100453 w 1427293"/>
                  <a:gd name="connsiteY7" fmla="*/ 1806656 h 1806656"/>
                  <a:gd name="connsiteX8" fmla="*/ 0 w 1427293"/>
                  <a:gd name="connsiteY8" fmla="*/ 1706203 h 1806656"/>
                  <a:gd name="connsiteX9" fmla="*/ 0 w 1427293"/>
                  <a:gd name="connsiteY9" fmla="*/ 100453 h 1806656"/>
                  <a:gd name="connsiteX0" fmla="*/ 0 w 1720507"/>
                  <a:gd name="connsiteY0" fmla="*/ 100453 h 1806656"/>
                  <a:gd name="connsiteX1" fmla="*/ 100453 w 1720507"/>
                  <a:gd name="connsiteY1" fmla="*/ 0 h 1806656"/>
                  <a:gd name="connsiteX2" fmla="*/ 1326840 w 1720507"/>
                  <a:gd name="connsiteY2" fmla="*/ 0 h 1806656"/>
                  <a:gd name="connsiteX3" fmla="*/ 1427293 w 1720507"/>
                  <a:gd name="connsiteY3" fmla="*/ 100453 h 1806656"/>
                  <a:gd name="connsiteX4" fmla="*/ 1720507 w 1720507"/>
                  <a:gd name="connsiteY4" fmla="*/ 783003 h 1806656"/>
                  <a:gd name="connsiteX5" fmla="*/ 1427293 w 1720507"/>
                  <a:gd name="connsiteY5" fmla="*/ 1706203 h 1806656"/>
                  <a:gd name="connsiteX6" fmla="*/ 1326840 w 1720507"/>
                  <a:gd name="connsiteY6" fmla="*/ 1806656 h 1806656"/>
                  <a:gd name="connsiteX7" fmla="*/ 100453 w 1720507"/>
                  <a:gd name="connsiteY7" fmla="*/ 1806656 h 1806656"/>
                  <a:gd name="connsiteX8" fmla="*/ 0 w 1720507"/>
                  <a:gd name="connsiteY8" fmla="*/ 1706203 h 1806656"/>
                  <a:gd name="connsiteX9" fmla="*/ 0 w 1720507"/>
                  <a:gd name="connsiteY9" fmla="*/ 100453 h 1806656"/>
                  <a:gd name="connsiteX0" fmla="*/ 0 w 1720507"/>
                  <a:gd name="connsiteY0" fmla="*/ 100453 h 1806656"/>
                  <a:gd name="connsiteX1" fmla="*/ 100453 w 1720507"/>
                  <a:gd name="connsiteY1" fmla="*/ 0 h 1806656"/>
                  <a:gd name="connsiteX2" fmla="*/ 1326840 w 1720507"/>
                  <a:gd name="connsiteY2" fmla="*/ 0 h 1806656"/>
                  <a:gd name="connsiteX3" fmla="*/ 1427293 w 1720507"/>
                  <a:gd name="connsiteY3" fmla="*/ 100453 h 1806656"/>
                  <a:gd name="connsiteX4" fmla="*/ 1720507 w 1720507"/>
                  <a:gd name="connsiteY4" fmla="*/ 783003 h 1806656"/>
                  <a:gd name="connsiteX5" fmla="*/ 1590497 w 1720507"/>
                  <a:gd name="connsiteY5" fmla="*/ 1212034 h 1806656"/>
                  <a:gd name="connsiteX6" fmla="*/ 1427293 w 1720507"/>
                  <a:gd name="connsiteY6" fmla="*/ 1706203 h 1806656"/>
                  <a:gd name="connsiteX7" fmla="*/ 1326840 w 1720507"/>
                  <a:gd name="connsiteY7" fmla="*/ 1806656 h 1806656"/>
                  <a:gd name="connsiteX8" fmla="*/ 100453 w 1720507"/>
                  <a:gd name="connsiteY8" fmla="*/ 1806656 h 1806656"/>
                  <a:gd name="connsiteX9" fmla="*/ 0 w 1720507"/>
                  <a:gd name="connsiteY9" fmla="*/ 1706203 h 1806656"/>
                  <a:gd name="connsiteX10" fmla="*/ 0 w 1720507"/>
                  <a:gd name="connsiteY10" fmla="*/ 100453 h 1806656"/>
                  <a:gd name="connsiteX0" fmla="*/ 0 w 1720507"/>
                  <a:gd name="connsiteY0" fmla="*/ 100453 h 1806656"/>
                  <a:gd name="connsiteX1" fmla="*/ 100453 w 1720507"/>
                  <a:gd name="connsiteY1" fmla="*/ 0 h 1806656"/>
                  <a:gd name="connsiteX2" fmla="*/ 1326840 w 1720507"/>
                  <a:gd name="connsiteY2" fmla="*/ 0 h 1806656"/>
                  <a:gd name="connsiteX3" fmla="*/ 1427293 w 1720507"/>
                  <a:gd name="connsiteY3" fmla="*/ 100453 h 1806656"/>
                  <a:gd name="connsiteX4" fmla="*/ 1720507 w 1720507"/>
                  <a:gd name="connsiteY4" fmla="*/ 783003 h 1806656"/>
                  <a:gd name="connsiteX5" fmla="*/ 1681503 w 1720507"/>
                  <a:gd name="connsiteY5" fmla="*/ 1125361 h 1806656"/>
                  <a:gd name="connsiteX6" fmla="*/ 1427293 w 1720507"/>
                  <a:gd name="connsiteY6" fmla="*/ 1706203 h 1806656"/>
                  <a:gd name="connsiteX7" fmla="*/ 1326840 w 1720507"/>
                  <a:gd name="connsiteY7" fmla="*/ 1806656 h 1806656"/>
                  <a:gd name="connsiteX8" fmla="*/ 100453 w 1720507"/>
                  <a:gd name="connsiteY8" fmla="*/ 1806656 h 1806656"/>
                  <a:gd name="connsiteX9" fmla="*/ 0 w 1720507"/>
                  <a:gd name="connsiteY9" fmla="*/ 1706203 h 1806656"/>
                  <a:gd name="connsiteX10" fmla="*/ 0 w 1720507"/>
                  <a:gd name="connsiteY10" fmla="*/ 100453 h 1806656"/>
                  <a:gd name="connsiteX0" fmla="*/ 0 w 1720507"/>
                  <a:gd name="connsiteY0" fmla="*/ 100453 h 1806656"/>
                  <a:gd name="connsiteX1" fmla="*/ 100453 w 1720507"/>
                  <a:gd name="connsiteY1" fmla="*/ 0 h 1806656"/>
                  <a:gd name="connsiteX2" fmla="*/ 1326840 w 1720507"/>
                  <a:gd name="connsiteY2" fmla="*/ 0 h 1806656"/>
                  <a:gd name="connsiteX3" fmla="*/ 1427293 w 1720507"/>
                  <a:gd name="connsiteY3" fmla="*/ 100453 h 1806656"/>
                  <a:gd name="connsiteX4" fmla="*/ 1720507 w 1720507"/>
                  <a:gd name="connsiteY4" fmla="*/ 783003 h 1806656"/>
                  <a:gd name="connsiteX5" fmla="*/ 1710078 w 1720507"/>
                  <a:gd name="connsiteY5" fmla="*/ 1056305 h 1806656"/>
                  <a:gd name="connsiteX6" fmla="*/ 1427293 w 1720507"/>
                  <a:gd name="connsiteY6" fmla="*/ 1706203 h 1806656"/>
                  <a:gd name="connsiteX7" fmla="*/ 1326840 w 1720507"/>
                  <a:gd name="connsiteY7" fmla="*/ 1806656 h 1806656"/>
                  <a:gd name="connsiteX8" fmla="*/ 100453 w 1720507"/>
                  <a:gd name="connsiteY8" fmla="*/ 1806656 h 1806656"/>
                  <a:gd name="connsiteX9" fmla="*/ 0 w 1720507"/>
                  <a:gd name="connsiteY9" fmla="*/ 1706203 h 1806656"/>
                  <a:gd name="connsiteX10" fmla="*/ 0 w 1720507"/>
                  <a:gd name="connsiteY10" fmla="*/ 100453 h 1806656"/>
                  <a:gd name="connsiteX0" fmla="*/ 0 w 1747542"/>
                  <a:gd name="connsiteY0" fmla="*/ 100453 h 1806656"/>
                  <a:gd name="connsiteX1" fmla="*/ 100453 w 1747542"/>
                  <a:gd name="connsiteY1" fmla="*/ 0 h 1806656"/>
                  <a:gd name="connsiteX2" fmla="*/ 1326840 w 1747542"/>
                  <a:gd name="connsiteY2" fmla="*/ 0 h 1806656"/>
                  <a:gd name="connsiteX3" fmla="*/ 1427293 w 1747542"/>
                  <a:gd name="connsiteY3" fmla="*/ 100453 h 1806656"/>
                  <a:gd name="connsiteX4" fmla="*/ 1720507 w 1747542"/>
                  <a:gd name="connsiteY4" fmla="*/ 783003 h 1806656"/>
                  <a:gd name="connsiteX5" fmla="*/ 1710078 w 1747542"/>
                  <a:gd name="connsiteY5" fmla="*/ 1056305 h 1806656"/>
                  <a:gd name="connsiteX6" fmla="*/ 1427293 w 1747542"/>
                  <a:gd name="connsiteY6" fmla="*/ 1706203 h 1806656"/>
                  <a:gd name="connsiteX7" fmla="*/ 1326840 w 1747542"/>
                  <a:gd name="connsiteY7" fmla="*/ 1806656 h 1806656"/>
                  <a:gd name="connsiteX8" fmla="*/ 100453 w 1747542"/>
                  <a:gd name="connsiteY8" fmla="*/ 1806656 h 1806656"/>
                  <a:gd name="connsiteX9" fmla="*/ 0 w 1747542"/>
                  <a:gd name="connsiteY9" fmla="*/ 1706203 h 1806656"/>
                  <a:gd name="connsiteX10" fmla="*/ 0 w 1747542"/>
                  <a:gd name="connsiteY10" fmla="*/ 100453 h 1806656"/>
                  <a:gd name="connsiteX0" fmla="*/ 0 w 1748982"/>
                  <a:gd name="connsiteY0" fmla="*/ 100453 h 1806656"/>
                  <a:gd name="connsiteX1" fmla="*/ 100453 w 1748982"/>
                  <a:gd name="connsiteY1" fmla="*/ 0 h 1806656"/>
                  <a:gd name="connsiteX2" fmla="*/ 1326840 w 1748982"/>
                  <a:gd name="connsiteY2" fmla="*/ 0 h 1806656"/>
                  <a:gd name="connsiteX3" fmla="*/ 1427293 w 1748982"/>
                  <a:gd name="connsiteY3" fmla="*/ 100453 h 1806656"/>
                  <a:gd name="connsiteX4" fmla="*/ 1725270 w 1748982"/>
                  <a:gd name="connsiteY4" fmla="*/ 773478 h 1806656"/>
                  <a:gd name="connsiteX5" fmla="*/ 1710078 w 1748982"/>
                  <a:gd name="connsiteY5" fmla="*/ 1056305 h 1806656"/>
                  <a:gd name="connsiteX6" fmla="*/ 1427293 w 1748982"/>
                  <a:gd name="connsiteY6" fmla="*/ 1706203 h 1806656"/>
                  <a:gd name="connsiteX7" fmla="*/ 1326840 w 1748982"/>
                  <a:gd name="connsiteY7" fmla="*/ 1806656 h 1806656"/>
                  <a:gd name="connsiteX8" fmla="*/ 100453 w 1748982"/>
                  <a:gd name="connsiteY8" fmla="*/ 1806656 h 1806656"/>
                  <a:gd name="connsiteX9" fmla="*/ 0 w 1748982"/>
                  <a:gd name="connsiteY9" fmla="*/ 1706203 h 1806656"/>
                  <a:gd name="connsiteX10" fmla="*/ 0 w 1748982"/>
                  <a:gd name="connsiteY10" fmla="*/ 100453 h 1806656"/>
                  <a:gd name="connsiteX0" fmla="*/ 0 w 1759064"/>
                  <a:gd name="connsiteY0" fmla="*/ 100453 h 1806656"/>
                  <a:gd name="connsiteX1" fmla="*/ 100453 w 1759064"/>
                  <a:gd name="connsiteY1" fmla="*/ 0 h 1806656"/>
                  <a:gd name="connsiteX2" fmla="*/ 1326840 w 1759064"/>
                  <a:gd name="connsiteY2" fmla="*/ 0 h 1806656"/>
                  <a:gd name="connsiteX3" fmla="*/ 1427293 w 1759064"/>
                  <a:gd name="connsiteY3" fmla="*/ 100453 h 1806656"/>
                  <a:gd name="connsiteX4" fmla="*/ 1725270 w 1759064"/>
                  <a:gd name="connsiteY4" fmla="*/ 773478 h 1806656"/>
                  <a:gd name="connsiteX5" fmla="*/ 1710078 w 1759064"/>
                  <a:gd name="connsiteY5" fmla="*/ 1056305 h 1806656"/>
                  <a:gd name="connsiteX6" fmla="*/ 1427293 w 1759064"/>
                  <a:gd name="connsiteY6" fmla="*/ 1706203 h 1806656"/>
                  <a:gd name="connsiteX7" fmla="*/ 1326840 w 1759064"/>
                  <a:gd name="connsiteY7" fmla="*/ 1806656 h 1806656"/>
                  <a:gd name="connsiteX8" fmla="*/ 100453 w 1759064"/>
                  <a:gd name="connsiteY8" fmla="*/ 1806656 h 1806656"/>
                  <a:gd name="connsiteX9" fmla="*/ 0 w 1759064"/>
                  <a:gd name="connsiteY9" fmla="*/ 1706203 h 1806656"/>
                  <a:gd name="connsiteX10" fmla="*/ 0 w 1759064"/>
                  <a:gd name="connsiteY10" fmla="*/ 100453 h 1806656"/>
                  <a:gd name="connsiteX0" fmla="*/ 0 w 1755160"/>
                  <a:gd name="connsiteY0" fmla="*/ 100453 h 1806656"/>
                  <a:gd name="connsiteX1" fmla="*/ 100453 w 1755160"/>
                  <a:gd name="connsiteY1" fmla="*/ 0 h 1806656"/>
                  <a:gd name="connsiteX2" fmla="*/ 1326840 w 1755160"/>
                  <a:gd name="connsiteY2" fmla="*/ 0 h 1806656"/>
                  <a:gd name="connsiteX3" fmla="*/ 1427293 w 1755160"/>
                  <a:gd name="connsiteY3" fmla="*/ 100453 h 1806656"/>
                  <a:gd name="connsiteX4" fmla="*/ 1725270 w 1755160"/>
                  <a:gd name="connsiteY4" fmla="*/ 773478 h 1806656"/>
                  <a:gd name="connsiteX5" fmla="*/ 1710078 w 1755160"/>
                  <a:gd name="connsiteY5" fmla="*/ 1056305 h 1806656"/>
                  <a:gd name="connsiteX6" fmla="*/ 1427293 w 1755160"/>
                  <a:gd name="connsiteY6" fmla="*/ 1706203 h 1806656"/>
                  <a:gd name="connsiteX7" fmla="*/ 1326840 w 1755160"/>
                  <a:gd name="connsiteY7" fmla="*/ 1806656 h 1806656"/>
                  <a:gd name="connsiteX8" fmla="*/ 100453 w 1755160"/>
                  <a:gd name="connsiteY8" fmla="*/ 1806656 h 1806656"/>
                  <a:gd name="connsiteX9" fmla="*/ 0 w 1755160"/>
                  <a:gd name="connsiteY9" fmla="*/ 1706203 h 1806656"/>
                  <a:gd name="connsiteX10" fmla="*/ 0 w 1755160"/>
                  <a:gd name="connsiteY10" fmla="*/ 100453 h 1806656"/>
                  <a:gd name="connsiteX0" fmla="*/ 0 w 1751193"/>
                  <a:gd name="connsiteY0" fmla="*/ 100453 h 1806656"/>
                  <a:gd name="connsiteX1" fmla="*/ 100453 w 1751193"/>
                  <a:gd name="connsiteY1" fmla="*/ 0 h 1806656"/>
                  <a:gd name="connsiteX2" fmla="*/ 1326840 w 1751193"/>
                  <a:gd name="connsiteY2" fmla="*/ 0 h 1806656"/>
                  <a:gd name="connsiteX3" fmla="*/ 1427293 w 1751193"/>
                  <a:gd name="connsiteY3" fmla="*/ 100453 h 1806656"/>
                  <a:gd name="connsiteX4" fmla="*/ 1725270 w 1751193"/>
                  <a:gd name="connsiteY4" fmla="*/ 773478 h 1806656"/>
                  <a:gd name="connsiteX5" fmla="*/ 1710078 w 1751193"/>
                  <a:gd name="connsiteY5" fmla="*/ 1056305 h 1806656"/>
                  <a:gd name="connsiteX6" fmla="*/ 1427293 w 1751193"/>
                  <a:gd name="connsiteY6" fmla="*/ 1706203 h 1806656"/>
                  <a:gd name="connsiteX7" fmla="*/ 1326840 w 1751193"/>
                  <a:gd name="connsiteY7" fmla="*/ 1806656 h 1806656"/>
                  <a:gd name="connsiteX8" fmla="*/ 100453 w 1751193"/>
                  <a:gd name="connsiteY8" fmla="*/ 1806656 h 1806656"/>
                  <a:gd name="connsiteX9" fmla="*/ 0 w 1751193"/>
                  <a:gd name="connsiteY9" fmla="*/ 1706203 h 1806656"/>
                  <a:gd name="connsiteX10" fmla="*/ 0 w 1751193"/>
                  <a:gd name="connsiteY10" fmla="*/ 100453 h 1806656"/>
                  <a:gd name="connsiteX0" fmla="*/ 0 w 1751193"/>
                  <a:gd name="connsiteY0" fmla="*/ 100453 h 1806656"/>
                  <a:gd name="connsiteX1" fmla="*/ 100453 w 1751193"/>
                  <a:gd name="connsiteY1" fmla="*/ 0 h 1806656"/>
                  <a:gd name="connsiteX2" fmla="*/ 1326840 w 1751193"/>
                  <a:gd name="connsiteY2" fmla="*/ 0 h 1806656"/>
                  <a:gd name="connsiteX3" fmla="*/ 1427293 w 1751193"/>
                  <a:gd name="connsiteY3" fmla="*/ 100453 h 1806656"/>
                  <a:gd name="connsiteX4" fmla="*/ 1725270 w 1751193"/>
                  <a:gd name="connsiteY4" fmla="*/ 773478 h 1806656"/>
                  <a:gd name="connsiteX5" fmla="*/ 1710078 w 1751193"/>
                  <a:gd name="connsiteY5" fmla="*/ 1056305 h 1806656"/>
                  <a:gd name="connsiteX6" fmla="*/ 1427293 w 1751193"/>
                  <a:gd name="connsiteY6" fmla="*/ 1706203 h 1806656"/>
                  <a:gd name="connsiteX7" fmla="*/ 1326840 w 1751193"/>
                  <a:gd name="connsiteY7" fmla="*/ 1806656 h 1806656"/>
                  <a:gd name="connsiteX8" fmla="*/ 100453 w 1751193"/>
                  <a:gd name="connsiteY8" fmla="*/ 1806656 h 1806656"/>
                  <a:gd name="connsiteX9" fmla="*/ 0 w 1751193"/>
                  <a:gd name="connsiteY9" fmla="*/ 1706203 h 1806656"/>
                  <a:gd name="connsiteX10" fmla="*/ 0 w 1751193"/>
                  <a:gd name="connsiteY10" fmla="*/ 100453 h 1806656"/>
                  <a:gd name="connsiteX0" fmla="*/ 0 w 1751193"/>
                  <a:gd name="connsiteY0" fmla="*/ 100453 h 1806656"/>
                  <a:gd name="connsiteX1" fmla="*/ 100453 w 1751193"/>
                  <a:gd name="connsiteY1" fmla="*/ 0 h 1806656"/>
                  <a:gd name="connsiteX2" fmla="*/ 1326840 w 1751193"/>
                  <a:gd name="connsiteY2" fmla="*/ 0 h 1806656"/>
                  <a:gd name="connsiteX3" fmla="*/ 1427293 w 1751193"/>
                  <a:gd name="connsiteY3" fmla="*/ 100453 h 1806656"/>
                  <a:gd name="connsiteX4" fmla="*/ 1725270 w 1751193"/>
                  <a:gd name="connsiteY4" fmla="*/ 773478 h 1806656"/>
                  <a:gd name="connsiteX5" fmla="*/ 1710078 w 1751193"/>
                  <a:gd name="connsiteY5" fmla="*/ 1056305 h 1806656"/>
                  <a:gd name="connsiteX6" fmla="*/ 1427293 w 1751193"/>
                  <a:gd name="connsiteY6" fmla="*/ 1706203 h 1806656"/>
                  <a:gd name="connsiteX7" fmla="*/ 1326840 w 1751193"/>
                  <a:gd name="connsiteY7" fmla="*/ 1806656 h 1806656"/>
                  <a:gd name="connsiteX8" fmla="*/ 100453 w 1751193"/>
                  <a:gd name="connsiteY8" fmla="*/ 1806656 h 1806656"/>
                  <a:gd name="connsiteX9" fmla="*/ 0 w 1751193"/>
                  <a:gd name="connsiteY9" fmla="*/ 1706203 h 1806656"/>
                  <a:gd name="connsiteX10" fmla="*/ 0 w 1751193"/>
                  <a:gd name="connsiteY10" fmla="*/ 100453 h 180665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1751193" h="1806656">
                    <a:moveTo>
                      <a:pt x="0" y="100453"/>
                    </a:moveTo>
                    <a:cubicBezTo>
                      <a:pt x="0" y="44974"/>
                      <a:pt x="44974" y="0"/>
                      <a:pt x="100453" y="0"/>
                    </a:cubicBezTo>
                    <a:lnTo>
                      <a:pt x="1326840" y="0"/>
                    </a:lnTo>
                    <a:cubicBezTo>
                      <a:pt x="1382319" y="0"/>
                      <a:pt x="1400660" y="48146"/>
                      <a:pt x="1427293" y="100453"/>
                    </a:cubicBezTo>
                    <a:lnTo>
                      <a:pt x="1725270" y="773478"/>
                    </a:lnTo>
                    <a:cubicBezTo>
                      <a:pt x="1743225" y="833622"/>
                      <a:pt x="1780229" y="915197"/>
                      <a:pt x="1710078" y="1056305"/>
                    </a:cubicBezTo>
                    <a:lnTo>
                      <a:pt x="1427293" y="1706203"/>
                    </a:lnTo>
                    <a:cubicBezTo>
                      <a:pt x="1403619" y="1761682"/>
                      <a:pt x="1382319" y="1806656"/>
                      <a:pt x="1326840" y="1806656"/>
                    </a:cubicBezTo>
                    <a:lnTo>
                      <a:pt x="100453" y="1806656"/>
                    </a:lnTo>
                    <a:cubicBezTo>
                      <a:pt x="44974" y="1806656"/>
                      <a:pt x="0" y="1761682"/>
                      <a:pt x="0" y="1706203"/>
                    </a:cubicBezTo>
                    <a:lnTo>
                      <a:pt x="0" y="100453"/>
                    </a:lnTo>
                    <a:close/>
                  </a:path>
                </a:pathLst>
              </a:custGeom>
              <a:gradFill>
                <a:gsLst>
                  <a:gs pos="100000">
                    <a:srgbClr val="0070C0">
                      <a:lumMod val="75000"/>
                    </a:srgbClr>
                  </a:gs>
                  <a:gs pos="0">
                    <a:srgbClr val="0070C0">
                      <a:lumMod val="60000"/>
                      <a:lumOff val="40000"/>
                    </a:srgbClr>
                  </a:gs>
                </a:gsLst>
                <a:lin ang="0" scaled="1"/>
              </a:gradFill>
              <a:ln w="38100" cap="flat" cmpd="sng" algn="ctr">
                <a:solidFill>
                  <a:sysClr val="window" lastClr="FFFFFF"/>
                </a:solidFill>
                <a:prstDash val="solid"/>
              </a:ln>
              <a:effectLst>
                <a:outerShdw blurRad="63500" sx="102000" sy="102000" algn="ctr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Futura Bk BT" pitchFamily="34" charset="0"/>
                </a:endParaRPr>
              </a:p>
            </p:txBody>
          </p:sp>
        </p:grpSp>
        <p:sp>
          <p:nvSpPr>
            <p:cNvPr id="43" name="TextBox 41"/>
            <p:cNvSpPr txBox="1"/>
            <p:nvPr/>
          </p:nvSpPr>
          <p:spPr>
            <a:xfrm>
              <a:off x="2154207" y="4089117"/>
              <a:ext cx="1540932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tr-TR" sz="2000" b="1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Futura Bk BT" pitchFamily="34" charset="0"/>
                </a:rPr>
                <a:t>Liderlik</a:t>
              </a:r>
              <a:endParaRPr kumimoji="0" lang="en-US" sz="20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utura Bk BT" pitchFamily="34" charset="0"/>
              </a:endParaRPr>
            </a:p>
          </p:txBody>
        </p:sp>
        <p:sp>
          <p:nvSpPr>
            <p:cNvPr id="44" name="Rectangle 45"/>
            <p:cNvSpPr/>
            <p:nvPr/>
          </p:nvSpPr>
          <p:spPr>
            <a:xfrm>
              <a:off x="3877466" y="5305263"/>
              <a:ext cx="3997508" cy="646331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tr-TR" b="0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Futura Bk BT" pitchFamily="34" charset="0"/>
                </a:rPr>
                <a:t>Başarılı (fonlanan ya da eşik üstü) proje sahiplerinin ödüllendirilmesi ve teşvik edilmesi</a:t>
              </a:r>
              <a:endParaRPr kumimoji="0" lang="en-US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utura Bk BT" pitchFamily="34" charset="0"/>
              </a:endParaRPr>
            </a:p>
          </p:txBody>
        </p:sp>
      </p:grpSp>
      <p:grpSp>
        <p:nvGrpSpPr>
          <p:cNvPr id="47" name="Group 14"/>
          <p:cNvGrpSpPr/>
          <p:nvPr/>
        </p:nvGrpSpPr>
        <p:grpSpPr>
          <a:xfrm>
            <a:off x="1949213" y="4307663"/>
            <a:ext cx="6593029" cy="2322183"/>
            <a:chOff x="2742992" y="3783714"/>
            <a:chExt cx="5455617" cy="2322183"/>
          </a:xfrm>
        </p:grpSpPr>
        <p:grpSp>
          <p:nvGrpSpPr>
            <p:cNvPr id="48" name="Group 23"/>
            <p:cNvGrpSpPr/>
            <p:nvPr/>
          </p:nvGrpSpPr>
          <p:grpSpPr>
            <a:xfrm>
              <a:off x="2742992" y="5140955"/>
              <a:ext cx="5455617" cy="964942"/>
              <a:chOff x="1607737" y="599431"/>
              <a:chExt cx="6088463" cy="1806656"/>
            </a:xfrm>
          </p:grpSpPr>
          <p:sp>
            <p:nvSpPr>
              <p:cNvPr id="51" name="Rounded Rectangle 36"/>
              <p:cNvSpPr/>
              <p:nvPr/>
            </p:nvSpPr>
            <p:spPr>
              <a:xfrm>
                <a:off x="1970346" y="622359"/>
                <a:ext cx="5725854" cy="1779533"/>
              </a:xfrm>
              <a:prstGeom prst="roundRect">
                <a:avLst>
                  <a:gd name="adj" fmla="val 4655"/>
                </a:avLst>
              </a:prstGeom>
              <a:solidFill>
                <a:sysClr val="window" lastClr="FFFFFF">
                  <a:lumMod val="95000"/>
                </a:sysClr>
              </a:solidFill>
              <a:ln w="38100" cap="flat" cmpd="sng" algn="ctr">
                <a:solidFill>
                  <a:sysClr val="window" lastClr="FFFFFF"/>
                </a:solidFill>
                <a:prstDash val="solid"/>
              </a:ln>
              <a:effectLst>
                <a:outerShdw blurRad="63500" sx="102000" sy="102000" algn="ctr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Futura Bk BT" pitchFamily="34" charset="0"/>
                </a:endParaRPr>
              </a:p>
            </p:txBody>
          </p:sp>
          <p:sp>
            <p:nvSpPr>
              <p:cNvPr id="52" name="Rounded Rectangle 3"/>
              <p:cNvSpPr/>
              <p:nvPr/>
            </p:nvSpPr>
            <p:spPr>
              <a:xfrm>
                <a:off x="1607737" y="599431"/>
                <a:ext cx="1491104" cy="1806656"/>
              </a:xfrm>
              <a:custGeom>
                <a:avLst/>
                <a:gdLst>
                  <a:gd name="connsiteX0" fmla="*/ 0 w 1427293"/>
                  <a:gd name="connsiteY0" fmla="*/ 100453 h 1806656"/>
                  <a:gd name="connsiteX1" fmla="*/ 100453 w 1427293"/>
                  <a:gd name="connsiteY1" fmla="*/ 0 h 1806656"/>
                  <a:gd name="connsiteX2" fmla="*/ 1326840 w 1427293"/>
                  <a:gd name="connsiteY2" fmla="*/ 0 h 1806656"/>
                  <a:gd name="connsiteX3" fmla="*/ 1427293 w 1427293"/>
                  <a:gd name="connsiteY3" fmla="*/ 100453 h 1806656"/>
                  <a:gd name="connsiteX4" fmla="*/ 1427293 w 1427293"/>
                  <a:gd name="connsiteY4" fmla="*/ 1706203 h 1806656"/>
                  <a:gd name="connsiteX5" fmla="*/ 1326840 w 1427293"/>
                  <a:gd name="connsiteY5" fmla="*/ 1806656 h 1806656"/>
                  <a:gd name="connsiteX6" fmla="*/ 100453 w 1427293"/>
                  <a:gd name="connsiteY6" fmla="*/ 1806656 h 1806656"/>
                  <a:gd name="connsiteX7" fmla="*/ 0 w 1427293"/>
                  <a:gd name="connsiteY7" fmla="*/ 1706203 h 1806656"/>
                  <a:gd name="connsiteX8" fmla="*/ 0 w 1427293"/>
                  <a:gd name="connsiteY8" fmla="*/ 100453 h 1806656"/>
                  <a:gd name="connsiteX0" fmla="*/ 0 w 1427293"/>
                  <a:gd name="connsiteY0" fmla="*/ 100453 h 1806656"/>
                  <a:gd name="connsiteX1" fmla="*/ 100453 w 1427293"/>
                  <a:gd name="connsiteY1" fmla="*/ 0 h 1806656"/>
                  <a:gd name="connsiteX2" fmla="*/ 1326840 w 1427293"/>
                  <a:gd name="connsiteY2" fmla="*/ 0 h 1806656"/>
                  <a:gd name="connsiteX3" fmla="*/ 1427293 w 1427293"/>
                  <a:gd name="connsiteY3" fmla="*/ 100453 h 1806656"/>
                  <a:gd name="connsiteX4" fmla="*/ 1421485 w 1427293"/>
                  <a:gd name="connsiteY4" fmla="*/ 652994 h 1806656"/>
                  <a:gd name="connsiteX5" fmla="*/ 1427293 w 1427293"/>
                  <a:gd name="connsiteY5" fmla="*/ 1706203 h 1806656"/>
                  <a:gd name="connsiteX6" fmla="*/ 1326840 w 1427293"/>
                  <a:gd name="connsiteY6" fmla="*/ 1806656 h 1806656"/>
                  <a:gd name="connsiteX7" fmla="*/ 100453 w 1427293"/>
                  <a:gd name="connsiteY7" fmla="*/ 1806656 h 1806656"/>
                  <a:gd name="connsiteX8" fmla="*/ 0 w 1427293"/>
                  <a:gd name="connsiteY8" fmla="*/ 1706203 h 1806656"/>
                  <a:gd name="connsiteX9" fmla="*/ 0 w 1427293"/>
                  <a:gd name="connsiteY9" fmla="*/ 100453 h 1806656"/>
                  <a:gd name="connsiteX0" fmla="*/ 0 w 1720507"/>
                  <a:gd name="connsiteY0" fmla="*/ 100453 h 1806656"/>
                  <a:gd name="connsiteX1" fmla="*/ 100453 w 1720507"/>
                  <a:gd name="connsiteY1" fmla="*/ 0 h 1806656"/>
                  <a:gd name="connsiteX2" fmla="*/ 1326840 w 1720507"/>
                  <a:gd name="connsiteY2" fmla="*/ 0 h 1806656"/>
                  <a:gd name="connsiteX3" fmla="*/ 1427293 w 1720507"/>
                  <a:gd name="connsiteY3" fmla="*/ 100453 h 1806656"/>
                  <a:gd name="connsiteX4" fmla="*/ 1720507 w 1720507"/>
                  <a:gd name="connsiteY4" fmla="*/ 783003 h 1806656"/>
                  <a:gd name="connsiteX5" fmla="*/ 1427293 w 1720507"/>
                  <a:gd name="connsiteY5" fmla="*/ 1706203 h 1806656"/>
                  <a:gd name="connsiteX6" fmla="*/ 1326840 w 1720507"/>
                  <a:gd name="connsiteY6" fmla="*/ 1806656 h 1806656"/>
                  <a:gd name="connsiteX7" fmla="*/ 100453 w 1720507"/>
                  <a:gd name="connsiteY7" fmla="*/ 1806656 h 1806656"/>
                  <a:gd name="connsiteX8" fmla="*/ 0 w 1720507"/>
                  <a:gd name="connsiteY8" fmla="*/ 1706203 h 1806656"/>
                  <a:gd name="connsiteX9" fmla="*/ 0 w 1720507"/>
                  <a:gd name="connsiteY9" fmla="*/ 100453 h 1806656"/>
                  <a:gd name="connsiteX0" fmla="*/ 0 w 1720507"/>
                  <a:gd name="connsiteY0" fmla="*/ 100453 h 1806656"/>
                  <a:gd name="connsiteX1" fmla="*/ 100453 w 1720507"/>
                  <a:gd name="connsiteY1" fmla="*/ 0 h 1806656"/>
                  <a:gd name="connsiteX2" fmla="*/ 1326840 w 1720507"/>
                  <a:gd name="connsiteY2" fmla="*/ 0 h 1806656"/>
                  <a:gd name="connsiteX3" fmla="*/ 1427293 w 1720507"/>
                  <a:gd name="connsiteY3" fmla="*/ 100453 h 1806656"/>
                  <a:gd name="connsiteX4" fmla="*/ 1720507 w 1720507"/>
                  <a:gd name="connsiteY4" fmla="*/ 783003 h 1806656"/>
                  <a:gd name="connsiteX5" fmla="*/ 1590497 w 1720507"/>
                  <a:gd name="connsiteY5" fmla="*/ 1212034 h 1806656"/>
                  <a:gd name="connsiteX6" fmla="*/ 1427293 w 1720507"/>
                  <a:gd name="connsiteY6" fmla="*/ 1706203 h 1806656"/>
                  <a:gd name="connsiteX7" fmla="*/ 1326840 w 1720507"/>
                  <a:gd name="connsiteY7" fmla="*/ 1806656 h 1806656"/>
                  <a:gd name="connsiteX8" fmla="*/ 100453 w 1720507"/>
                  <a:gd name="connsiteY8" fmla="*/ 1806656 h 1806656"/>
                  <a:gd name="connsiteX9" fmla="*/ 0 w 1720507"/>
                  <a:gd name="connsiteY9" fmla="*/ 1706203 h 1806656"/>
                  <a:gd name="connsiteX10" fmla="*/ 0 w 1720507"/>
                  <a:gd name="connsiteY10" fmla="*/ 100453 h 1806656"/>
                  <a:gd name="connsiteX0" fmla="*/ 0 w 1720507"/>
                  <a:gd name="connsiteY0" fmla="*/ 100453 h 1806656"/>
                  <a:gd name="connsiteX1" fmla="*/ 100453 w 1720507"/>
                  <a:gd name="connsiteY1" fmla="*/ 0 h 1806656"/>
                  <a:gd name="connsiteX2" fmla="*/ 1326840 w 1720507"/>
                  <a:gd name="connsiteY2" fmla="*/ 0 h 1806656"/>
                  <a:gd name="connsiteX3" fmla="*/ 1427293 w 1720507"/>
                  <a:gd name="connsiteY3" fmla="*/ 100453 h 1806656"/>
                  <a:gd name="connsiteX4" fmla="*/ 1720507 w 1720507"/>
                  <a:gd name="connsiteY4" fmla="*/ 783003 h 1806656"/>
                  <a:gd name="connsiteX5" fmla="*/ 1681503 w 1720507"/>
                  <a:gd name="connsiteY5" fmla="*/ 1125361 h 1806656"/>
                  <a:gd name="connsiteX6" fmla="*/ 1427293 w 1720507"/>
                  <a:gd name="connsiteY6" fmla="*/ 1706203 h 1806656"/>
                  <a:gd name="connsiteX7" fmla="*/ 1326840 w 1720507"/>
                  <a:gd name="connsiteY7" fmla="*/ 1806656 h 1806656"/>
                  <a:gd name="connsiteX8" fmla="*/ 100453 w 1720507"/>
                  <a:gd name="connsiteY8" fmla="*/ 1806656 h 1806656"/>
                  <a:gd name="connsiteX9" fmla="*/ 0 w 1720507"/>
                  <a:gd name="connsiteY9" fmla="*/ 1706203 h 1806656"/>
                  <a:gd name="connsiteX10" fmla="*/ 0 w 1720507"/>
                  <a:gd name="connsiteY10" fmla="*/ 100453 h 1806656"/>
                  <a:gd name="connsiteX0" fmla="*/ 0 w 1720507"/>
                  <a:gd name="connsiteY0" fmla="*/ 100453 h 1806656"/>
                  <a:gd name="connsiteX1" fmla="*/ 100453 w 1720507"/>
                  <a:gd name="connsiteY1" fmla="*/ 0 h 1806656"/>
                  <a:gd name="connsiteX2" fmla="*/ 1326840 w 1720507"/>
                  <a:gd name="connsiteY2" fmla="*/ 0 h 1806656"/>
                  <a:gd name="connsiteX3" fmla="*/ 1427293 w 1720507"/>
                  <a:gd name="connsiteY3" fmla="*/ 100453 h 1806656"/>
                  <a:gd name="connsiteX4" fmla="*/ 1720507 w 1720507"/>
                  <a:gd name="connsiteY4" fmla="*/ 783003 h 1806656"/>
                  <a:gd name="connsiteX5" fmla="*/ 1710078 w 1720507"/>
                  <a:gd name="connsiteY5" fmla="*/ 1056305 h 1806656"/>
                  <a:gd name="connsiteX6" fmla="*/ 1427293 w 1720507"/>
                  <a:gd name="connsiteY6" fmla="*/ 1706203 h 1806656"/>
                  <a:gd name="connsiteX7" fmla="*/ 1326840 w 1720507"/>
                  <a:gd name="connsiteY7" fmla="*/ 1806656 h 1806656"/>
                  <a:gd name="connsiteX8" fmla="*/ 100453 w 1720507"/>
                  <a:gd name="connsiteY8" fmla="*/ 1806656 h 1806656"/>
                  <a:gd name="connsiteX9" fmla="*/ 0 w 1720507"/>
                  <a:gd name="connsiteY9" fmla="*/ 1706203 h 1806656"/>
                  <a:gd name="connsiteX10" fmla="*/ 0 w 1720507"/>
                  <a:gd name="connsiteY10" fmla="*/ 100453 h 1806656"/>
                  <a:gd name="connsiteX0" fmla="*/ 0 w 1747542"/>
                  <a:gd name="connsiteY0" fmla="*/ 100453 h 1806656"/>
                  <a:gd name="connsiteX1" fmla="*/ 100453 w 1747542"/>
                  <a:gd name="connsiteY1" fmla="*/ 0 h 1806656"/>
                  <a:gd name="connsiteX2" fmla="*/ 1326840 w 1747542"/>
                  <a:gd name="connsiteY2" fmla="*/ 0 h 1806656"/>
                  <a:gd name="connsiteX3" fmla="*/ 1427293 w 1747542"/>
                  <a:gd name="connsiteY3" fmla="*/ 100453 h 1806656"/>
                  <a:gd name="connsiteX4" fmla="*/ 1720507 w 1747542"/>
                  <a:gd name="connsiteY4" fmla="*/ 783003 h 1806656"/>
                  <a:gd name="connsiteX5" fmla="*/ 1710078 w 1747542"/>
                  <a:gd name="connsiteY5" fmla="*/ 1056305 h 1806656"/>
                  <a:gd name="connsiteX6" fmla="*/ 1427293 w 1747542"/>
                  <a:gd name="connsiteY6" fmla="*/ 1706203 h 1806656"/>
                  <a:gd name="connsiteX7" fmla="*/ 1326840 w 1747542"/>
                  <a:gd name="connsiteY7" fmla="*/ 1806656 h 1806656"/>
                  <a:gd name="connsiteX8" fmla="*/ 100453 w 1747542"/>
                  <a:gd name="connsiteY8" fmla="*/ 1806656 h 1806656"/>
                  <a:gd name="connsiteX9" fmla="*/ 0 w 1747542"/>
                  <a:gd name="connsiteY9" fmla="*/ 1706203 h 1806656"/>
                  <a:gd name="connsiteX10" fmla="*/ 0 w 1747542"/>
                  <a:gd name="connsiteY10" fmla="*/ 100453 h 1806656"/>
                  <a:gd name="connsiteX0" fmla="*/ 0 w 1748982"/>
                  <a:gd name="connsiteY0" fmla="*/ 100453 h 1806656"/>
                  <a:gd name="connsiteX1" fmla="*/ 100453 w 1748982"/>
                  <a:gd name="connsiteY1" fmla="*/ 0 h 1806656"/>
                  <a:gd name="connsiteX2" fmla="*/ 1326840 w 1748982"/>
                  <a:gd name="connsiteY2" fmla="*/ 0 h 1806656"/>
                  <a:gd name="connsiteX3" fmla="*/ 1427293 w 1748982"/>
                  <a:gd name="connsiteY3" fmla="*/ 100453 h 1806656"/>
                  <a:gd name="connsiteX4" fmla="*/ 1725270 w 1748982"/>
                  <a:gd name="connsiteY4" fmla="*/ 773478 h 1806656"/>
                  <a:gd name="connsiteX5" fmla="*/ 1710078 w 1748982"/>
                  <a:gd name="connsiteY5" fmla="*/ 1056305 h 1806656"/>
                  <a:gd name="connsiteX6" fmla="*/ 1427293 w 1748982"/>
                  <a:gd name="connsiteY6" fmla="*/ 1706203 h 1806656"/>
                  <a:gd name="connsiteX7" fmla="*/ 1326840 w 1748982"/>
                  <a:gd name="connsiteY7" fmla="*/ 1806656 h 1806656"/>
                  <a:gd name="connsiteX8" fmla="*/ 100453 w 1748982"/>
                  <a:gd name="connsiteY8" fmla="*/ 1806656 h 1806656"/>
                  <a:gd name="connsiteX9" fmla="*/ 0 w 1748982"/>
                  <a:gd name="connsiteY9" fmla="*/ 1706203 h 1806656"/>
                  <a:gd name="connsiteX10" fmla="*/ 0 w 1748982"/>
                  <a:gd name="connsiteY10" fmla="*/ 100453 h 1806656"/>
                  <a:gd name="connsiteX0" fmla="*/ 0 w 1759064"/>
                  <a:gd name="connsiteY0" fmla="*/ 100453 h 1806656"/>
                  <a:gd name="connsiteX1" fmla="*/ 100453 w 1759064"/>
                  <a:gd name="connsiteY1" fmla="*/ 0 h 1806656"/>
                  <a:gd name="connsiteX2" fmla="*/ 1326840 w 1759064"/>
                  <a:gd name="connsiteY2" fmla="*/ 0 h 1806656"/>
                  <a:gd name="connsiteX3" fmla="*/ 1427293 w 1759064"/>
                  <a:gd name="connsiteY3" fmla="*/ 100453 h 1806656"/>
                  <a:gd name="connsiteX4" fmla="*/ 1725270 w 1759064"/>
                  <a:gd name="connsiteY4" fmla="*/ 773478 h 1806656"/>
                  <a:gd name="connsiteX5" fmla="*/ 1710078 w 1759064"/>
                  <a:gd name="connsiteY5" fmla="*/ 1056305 h 1806656"/>
                  <a:gd name="connsiteX6" fmla="*/ 1427293 w 1759064"/>
                  <a:gd name="connsiteY6" fmla="*/ 1706203 h 1806656"/>
                  <a:gd name="connsiteX7" fmla="*/ 1326840 w 1759064"/>
                  <a:gd name="connsiteY7" fmla="*/ 1806656 h 1806656"/>
                  <a:gd name="connsiteX8" fmla="*/ 100453 w 1759064"/>
                  <a:gd name="connsiteY8" fmla="*/ 1806656 h 1806656"/>
                  <a:gd name="connsiteX9" fmla="*/ 0 w 1759064"/>
                  <a:gd name="connsiteY9" fmla="*/ 1706203 h 1806656"/>
                  <a:gd name="connsiteX10" fmla="*/ 0 w 1759064"/>
                  <a:gd name="connsiteY10" fmla="*/ 100453 h 1806656"/>
                  <a:gd name="connsiteX0" fmla="*/ 0 w 1755160"/>
                  <a:gd name="connsiteY0" fmla="*/ 100453 h 1806656"/>
                  <a:gd name="connsiteX1" fmla="*/ 100453 w 1755160"/>
                  <a:gd name="connsiteY1" fmla="*/ 0 h 1806656"/>
                  <a:gd name="connsiteX2" fmla="*/ 1326840 w 1755160"/>
                  <a:gd name="connsiteY2" fmla="*/ 0 h 1806656"/>
                  <a:gd name="connsiteX3" fmla="*/ 1427293 w 1755160"/>
                  <a:gd name="connsiteY3" fmla="*/ 100453 h 1806656"/>
                  <a:gd name="connsiteX4" fmla="*/ 1725270 w 1755160"/>
                  <a:gd name="connsiteY4" fmla="*/ 773478 h 1806656"/>
                  <a:gd name="connsiteX5" fmla="*/ 1710078 w 1755160"/>
                  <a:gd name="connsiteY5" fmla="*/ 1056305 h 1806656"/>
                  <a:gd name="connsiteX6" fmla="*/ 1427293 w 1755160"/>
                  <a:gd name="connsiteY6" fmla="*/ 1706203 h 1806656"/>
                  <a:gd name="connsiteX7" fmla="*/ 1326840 w 1755160"/>
                  <a:gd name="connsiteY7" fmla="*/ 1806656 h 1806656"/>
                  <a:gd name="connsiteX8" fmla="*/ 100453 w 1755160"/>
                  <a:gd name="connsiteY8" fmla="*/ 1806656 h 1806656"/>
                  <a:gd name="connsiteX9" fmla="*/ 0 w 1755160"/>
                  <a:gd name="connsiteY9" fmla="*/ 1706203 h 1806656"/>
                  <a:gd name="connsiteX10" fmla="*/ 0 w 1755160"/>
                  <a:gd name="connsiteY10" fmla="*/ 100453 h 1806656"/>
                  <a:gd name="connsiteX0" fmla="*/ 0 w 1751193"/>
                  <a:gd name="connsiteY0" fmla="*/ 100453 h 1806656"/>
                  <a:gd name="connsiteX1" fmla="*/ 100453 w 1751193"/>
                  <a:gd name="connsiteY1" fmla="*/ 0 h 1806656"/>
                  <a:gd name="connsiteX2" fmla="*/ 1326840 w 1751193"/>
                  <a:gd name="connsiteY2" fmla="*/ 0 h 1806656"/>
                  <a:gd name="connsiteX3" fmla="*/ 1427293 w 1751193"/>
                  <a:gd name="connsiteY3" fmla="*/ 100453 h 1806656"/>
                  <a:gd name="connsiteX4" fmla="*/ 1725270 w 1751193"/>
                  <a:gd name="connsiteY4" fmla="*/ 773478 h 1806656"/>
                  <a:gd name="connsiteX5" fmla="*/ 1710078 w 1751193"/>
                  <a:gd name="connsiteY5" fmla="*/ 1056305 h 1806656"/>
                  <a:gd name="connsiteX6" fmla="*/ 1427293 w 1751193"/>
                  <a:gd name="connsiteY6" fmla="*/ 1706203 h 1806656"/>
                  <a:gd name="connsiteX7" fmla="*/ 1326840 w 1751193"/>
                  <a:gd name="connsiteY7" fmla="*/ 1806656 h 1806656"/>
                  <a:gd name="connsiteX8" fmla="*/ 100453 w 1751193"/>
                  <a:gd name="connsiteY8" fmla="*/ 1806656 h 1806656"/>
                  <a:gd name="connsiteX9" fmla="*/ 0 w 1751193"/>
                  <a:gd name="connsiteY9" fmla="*/ 1706203 h 1806656"/>
                  <a:gd name="connsiteX10" fmla="*/ 0 w 1751193"/>
                  <a:gd name="connsiteY10" fmla="*/ 100453 h 1806656"/>
                  <a:gd name="connsiteX0" fmla="*/ 0 w 1751193"/>
                  <a:gd name="connsiteY0" fmla="*/ 100453 h 1806656"/>
                  <a:gd name="connsiteX1" fmla="*/ 100453 w 1751193"/>
                  <a:gd name="connsiteY1" fmla="*/ 0 h 1806656"/>
                  <a:gd name="connsiteX2" fmla="*/ 1326840 w 1751193"/>
                  <a:gd name="connsiteY2" fmla="*/ 0 h 1806656"/>
                  <a:gd name="connsiteX3" fmla="*/ 1427293 w 1751193"/>
                  <a:gd name="connsiteY3" fmla="*/ 100453 h 1806656"/>
                  <a:gd name="connsiteX4" fmla="*/ 1725270 w 1751193"/>
                  <a:gd name="connsiteY4" fmla="*/ 773478 h 1806656"/>
                  <a:gd name="connsiteX5" fmla="*/ 1710078 w 1751193"/>
                  <a:gd name="connsiteY5" fmla="*/ 1056305 h 1806656"/>
                  <a:gd name="connsiteX6" fmla="*/ 1427293 w 1751193"/>
                  <a:gd name="connsiteY6" fmla="*/ 1706203 h 1806656"/>
                  <a:gd name="connsiteX7" fmla="*/ 1326840 w 1751193"/>
                  <a:gd name="connsiteY7" fmla="*/ 1806656 h 1806656"/>
                  <a:gd name="connsiteX8" fmla="*/ 100453 w 1751193"/>
                  <a:gd name="connsiteY8" fmla="*/ 1806656 h 1806656"/>
                  <a:gd name="connsiteX9" fmla="*/ 0 w 1751193"/>
                  <a:gd name="connsiteY9" fmla="*/ 1706203 h 1806656"/>
                  <a:gd name="connsiteX10" fmla="*/ 0 w 1751193"/>
                  <a:gd name="connsiteY10" fmla="*/ 100453 h 1806656"/>
                  <a:gd name="connsiteX0" fmla="*/ 0 w 1751193"/>
                  <a:gd name="connsiteY0" fmla="*/ 100453 h 1806656"/>
                  <a:gd name="connsiteX1" fmla="*/ 100453 w 1751193"/>
                  <a:gd name="connsiteY1" fmla="*/ 0 h 1806656"/>
                  <a:gd name="connsiteX2" fmla="*/ 1326840 w 1751193"/>
                  <a:gd name="connsiteY2" fmla="*/ 0 h 1806656"/>
                  <a:gd name="connsiteX3" fmla="*/ 1427293 w 1751193"/>
                  <a:gd name="connsiteY3" fmla="*/ 100453 h 1806656"/>
                  <a:gd name="connsiteX4" fmla="*/ 1725270 w 1751193"/>
                  <a:gd name="connsiteY4" fmla="*/ 773478 h 1806656"/>
                  <a:gd name="connsiteX5" fmla="*/ 1710078 w 1751193"/>
                  <a:gd name="connsiteY5" fmla="*/ 1056305 h 1806656"/>
                  <a:gd name="connsiteX6" fmla="*/ 1427293 w 1751193"/>
                  <a:gd name="connsiteY6" fmla="*/ 1706203 h 1806656"/>
                  <a:gd name="connsiteX7" fmla="*/ 1326840 w 1751193"/>
                  <a:gd name="connsiteY7" fmla="*/ 1806656 h 1806656"/>
                  <a:gd name="connsiteX8" fmla="*/ 100453 w 1751193"/>
                  <a:gd name="connsiteY8" fmla="*/ 1806656 h 1806656"/>
                  <a:gd name="connsiteX9" fmla="*/ 0 w 1751193"/>
                  <a:gd name="connsiteY9" fmla="*/ 1706203 h 1806656"/>
                  <a:gd name="connsiteX10" fmla="*/ 0 w 1751193"/>
                  <a:gd name="connsiteY10" fmla="*/ 100453 h 180665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1751193" h="1806656">
                    <a:moveTo>
                      <a:pt x="0" y="100453"/>
                    </a:moveTo>
                    <a:cubicBezTo>
                      <a:pt x="0" y="44974"/>
                      <a:pt x="44974" y="0"/>
                      <a:pt x="100453" y="0"/>
                    </a:cubicBezTo>
                    <a:lnTo>
                      <a:pt x="1326840" y="0"/>
                    </a:lnTo>
                    <a:cubicBezTo>
                      <a:pt x="1382319" y="0"/>
                      <a:pt x="1400660" y="48146"/>
                      <a:pt x="1427293" y="100453"/>
                    </a:cubicBezTo>
                    <a:lnTo>
                      <a:pt x="1725270" y="773478"/>
                    </a:lnTo>
                    <a:cubicBezTo>
                      <a:pt x="1743225" y="833622"/>
                      <a:pt x="1780229" y="915197"/>
                      <a:pt x="1710078" y="1056305"/>
                    </a:cubicBezTo>
                    <a:lnTo>
                      <a:pt x="1427293" y="1706203"/>
                    </a:lnTo>
                    <a:cubicBezTo>
                      <a:pt x="1403619" y="1761682"/>
                      <a:pt x="1382319" y="1806656"/>
                      <a:pt x="1326840" y="1806656"/>
                    </a:cubicBezTo>
                    <a:lnTo>
                      <a:pt x="100453" y="1806656"/>
                    </a:lnTo>
                    <a:cubicBezTo>
                      <a:pt x="44974" y="1806656"/>
                      <a:pt x="0" y="1761682"/>
                      <a:pt x="0" y="1706203"/>
                    </a:cubicBezTo>
                    <a:lnTo>
                      <a:pt x="0" y="100453"/>
                    </a:lnTo>
                    <a:close/>
                  </a:path>
                </a:pathLst>
              </a:custGeom>
              <a:gradFill>
                <a:gsLst>
                  <a:gs pos="100000">
                    <a:srgbClr val="00B0F0"/>
                  </a:gs>
                  <a:gs pos="0">
                    <a:srgbClr val="00B0F0">
                      <a:lumMod val="60000"/>
                      <a:lumOff val="40000"/>
                    </a:srgbClr>
                  </a:gs>
                </a:gsLst>
                <a:lin ang="0" scaled="1"/>
              </a:gradFill>
              <a:ln w="38100" cap="flat" cmpd="sng" algn="ctr">
                <a:solidFill>
                  <a:sysClr val="window" lastClr="FFFFFF"/>
                </a:solidFill>
                <a:prstDash val="solid"/>
              </a:ln>
              <a:effectLst>
                <a:outerShdw blurRad="63500" sx="102000" sy="102000" algn="ctr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Futura Bk BT" pitchFamily="34" charset="0"/>
                </a:endParaRPr>
              </a:p>
            </p:txBody>
          </p:sp>
        </p:grpSp>
        <p:sp>
          <p:nvSpPr>
            <p:cNvPr id="49" name="TextBox 40"/>
            <p:cNvSpPr txBox="1"/>
            <p:nvPr/>
          </p:nvSpPr>
          <p:spPr>
            <a:xfrm>
              <a:off x="2895856" y="5395714"/>
              <a:ext cx="1248461" cy="4001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tr-TR" sz="2000" b="1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Futura Bk BT" pitchFamily="34" charset="0"/>
                </a:rPr>
                <a:t>Özendirme</a:t>
              </a:r>
              <a:endParaRPr kumimoji="0" lang="en-US" sz="20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utura Bk BT" pitchFamily="34" charset="0"/>
              </a:endParaRPr>
            </a:p>
          </p:txBody>
        </p:sp>
        <p:sp>
          <p:nvSpPr>
            <p:cNvPr id="50" name="Rectangle 46"/>
            <p:cNvSpPr/>
            <p:nvPr/>
          </p:nvSpPr>
          <p:spPr>
            <a:xfrm>
              <a:off x="3840766" y="3783714"/>
              <a:ext cx="4139975" cy="923330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tr-TR" b="0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Futura Bk BT" pitchFamily="34" charset="0"/>
                </a:rPr>
                <a:t>Lider/Koordinatör araştırmacıların desteklenmesi, işbirliklerinde</a:t>
              </a:r>
              <a:r>
                <a:rPr kumimoji="0" lang="tr-TR" b="0" i="0" u="none" strike="noStrike" kern="0" cap="none" spc="0" normalizeH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Futura Bk BT" pitchFamily="34" charset="0"/>
                </a:rPr>
                <a:t> etkin pozisyonlarda yer almalarının kolaylaştırılması</a:t>
              </a:r>
              <a:endParaRPr kumimoji="0" lang="en-US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utura Bk BT" pitchFamily="34" charset="0"/>
              </a:endParaRPr>
            </a:p>
          </p:txBody>
        </p:sp>
      </p:grpSp>
      <p:sp>
        <p:nvSpPr>
          <p:cNvPr id="55" name="Başlık 1"/>
          <p:cNvSpPr>
            <a:spLocks noGrp="1"/>
          </p:cNvSpPr>
          <p:nvPr>
            <p:ph type="title"/>
          </p:nvPr>
        </p:nvSpPr>
        <p:spPr>
          <a:xfrm>
            <a:off x="35496" y="0"/>
            <a:ext cx="7776864" cy="706090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noAutofit/>
          </a:bodyPr>
          <a:lstStyle/>
          <a:p>
            <a:r>
              <a:rPr lang="tr-TR" sz="2400" dirty="0" smtClean="0">
                <a:cs typeface="Calibri"/>
              </a:rPr>
              <a:t>Temel Hedefler</a:t>
            </a:r>
          </a:p>
        </p:txBody>
      </p:sp>
      <p:graphicFrame>
        <p:nvGraphicFramePr>
          <p:cNvPr id="56" name="Table 5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035892439"/>
              </p:ext>
            </p:extLst>
          </p:nvPr>
        </p:nvGraphicFramePr>
        <p:xfrm>
          <a:off x="323528" y="908720"/>
          <a:ext cx="8496944" cy="7200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496944"/>
              </a:tblGrid>
              <a:tr h="720080">
                <a:tc>
                  <a:txBody>
                    <a:bodyPr/>
                    <a:lstStyle/>
                    <a:p>
                      <a:pPr marL="0" indent="0">
                        <a:buFont typeface="Arial" pitchFamily="34" charset="0"/>
                        <a:buNone/>
                      </a:pPr>
                      <a:r>
                        <a:rPr lang="tr-TR" sz="2000" b="1" kern="1200" baseline="0" dirty="0" smtClean="0">
                          <a:solidFill>
                            <a:schemeClr val="tx1"/>
                          </a:solidFill>
                          <a:latin typeface="Futura Bk BT" pitchFamily="34" charset="0"/>
                          <a:ea typeface="+mn-ea"/>
                          <a:cs typeface="Arial" pitchFamily="34" charset="0"/>
                        </a:rPr>
                        <a:t>Temel hedef, H2020 geri dönüş oranı ve başarı yüzdesini artırmak!</a:t>
                      </a:r>
                      <a:endParaRPr lang="tr-TR" sz="2000" b="1" kern="1200" dirty="0">
                        <a:solidFill>
                          <a:schemeClr val="tx1"/>
                        </a:solidFill>
                        <a:latin typeface="Futura Bk BT" pitchFamily="34" charset="0"/>
                        <a:ea typeface="+mn-ea"/>
                        <a:cs typeface="Arial" pitchFamily="34" charset="0"/>
                      </a:endParaRP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</a:tr>
            </a:tbl>
          </a:graphicData>
        </a:graphic>
      </p:graphicFrame>
      <p:sp>
        <p:nvSpPr>
          <p:cNvPr id="53" name="Rectangle 45"/>
          <p:cNvSpPr/>
          <p:nvPr/>
        </p:nvSpPr>
        <p:spPr>
          <a:xfrm>
            <a:off x="3635896" y="5919663"/>
            <a:ext cx="5178229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r-TR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utura Bk BT" pitchFamily="34" charset="0"/>
              </a:rPr>
              <a:t>Başarılı (fonlanan ya da eşik üstü) proje sahiplerinin ödüllendirilmesi ve teşvik edilmesi</a:t>
            </a:r>
            <a:endParaRPr kumimoji="0" lang="en-US" b="0" i="0" u="none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Futura Bk BT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862699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şlık 1"/>
          <p:cNvSpPr>
            <a:spLocks noGrp="1"/>
          </p:cNvSpPr>
          <p:nvPr>
            <p:ph type="title"/>
          </p:nvPr>
        </p:nvSpPr>
        <p:spPr>
          <a:xfrm>
            <a:off x="107504" y="-13394"/>
            <a:ext cx="8208912" cy="706090"/>
          </a:xfrm>
        </p:spPr>
        <p:txBody>
          <a:bodyPr>
            <a:noAutofit/>
          </a:bodyPr>
          <a:lstStyle/>
          <a:p>
            <a:r>
              <a:rPr lang="tr-TR" sz="2400" dirty="0" smtClean="0">
                <a:cs typeface="Calibri"/>
              </a:rPr>
              <a:t>Eşik Üstü Ödülü</a:t>
            </a:r>
            <a:endParaRPr lang="tr-TR" sz="2400" dirty="0"/>
          </a:p>
        </p:txBody>
      </p:sp>
      <p:sp>
        <p:nvSpPr>
          <p:cNvPr id="4" name="Slayt Numarası Yer Tutucusu 3"/>
          <p:cNvSpPr>
            <a:spLocks noGrp="1"/>
          </p:cNvSpPr>
          <p:nvPr>
            <p:ph type="sldNum" sz="quarter" idx="12"/>
          </p:nvPr>
        </p:nvSpPr>
        <p:spPr>
          <a:xfrm>
            <a:off x="6553200" y="5968926"/>
            <a:ext cx="2133600" cy="365125"/>
          </a:xfrm>
        </p:spPr>
        <p:txBody>
          <a:bodyPr/>
          <a:lstStyle/>
          <a:p>
            <a:pPr>
              <a:defRPr/>
            </a:pPr>
            <a:fld id="{41D7ED6A-D549-40C0-9D8C-C55F5275B6CF}" type="slidenum">
              <a:rPr lang="en-US" altLang="tr-TR" smtClean="0"/>
              <a:pPr>
                <a:defRPr/>
              </a:pPr>
              <a:t>20</a:t>
            </a:fld>
            <a:endParaRPr lang="en-US" altLang="tr-TR"/>
          </a:p>
        </p:txBody>
      </p:sp>
      <p:grpSp>
        <p:nvGrpSpPr>
          <p:cNvPr id="6" name="Grup 5"/>
          <p:cNvGrpSpPr/>
          <p:nvPr/>
        </p:nvGrpSpPr>
        <p:grpSpPr>
          <a:xfrm>
            <a:off x="4898352" y="4478122"/>
            <a:ext cx="4033636" cy="823086"/>
            <a:chOff x="-104214" y="-142066"/>
            <a:chExt cx="4621375" cy="987269"/>
          </a:xfrm>
        </p:grpSpPr>
        <p:sp>
          <p:nvSpPr>
            <p:cNvPr id="155" name="Rectangle 7"/>
            <p:cNvSpPr>
              <a:spLocks noChangeArrowheads="1"/>
            </p:cNvSpPr>
            <p:nvPr/>
          </p:nvSpPr>
          <p:spPr bwMode="auto">
            <a:xfrm>
              <a:off x="-104214" y="-142066"/>
              <a:ext cx="4621375" cy="987269"/>
            </a:xfrm>
            <a:prstGeom prst="rect">
              <a:avLst/>
            </a:prstGeom>
            <a:gradFill flip="none" rotWithShape="1">
              <a:gsLst>
                <a:gs pos="1000">
                  <a:srgbClr val="FFFFFF">
                    <a:lumMod val="95000"/>
                  </a:srgbClr>
                </a:gs>
                <a:gs pos="100000">
                  <a:srgbClr val="FFFFFF">
                    <a:lumMod val="85000"/>
                  </a:srgbClr>
                </a:gs>
                <a:gs pos="35000">
                  <a:srgbClr val="FFFFFF"/>
                </a:gs>
              </a:gsLst>
              <a:lin ang="5400000" scaled="1"/>
              <a:tileRect/>
            </a:gradFill>
            <a:ln w="0">
              <a:noFill/>
              <a:prstDash val="solid"/>
              <a:miter lim="800000"/>
              <a:headEnd/>
              <a:tailEnd/>
            </a:ln>
            <a:effectLst/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0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</a:endParaRPr>
            </a:p>
          </p:txBody>
        </p:sp>
        <p:sp>
          <p:nvSpPr>
            <p:cNvPr id="191" name="Dikdörtgen 190"/>
            <p:cNvSpPr/>
            <p:nvPr/>
          </p:nvSpPr>
          <p:spPr>
            <a:xfrm>
              <a:off x="29023" y="-97394"/>
              <a:ext cx="4242041" cy="58477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285750" lvl="0" indent="-285750">
                <a:buFont typeface="Arial" panose="020B0604020202020204" pitchFamily="34" charset="0"/>
                <a:buChar char="•"/>
              </a:pPr>
              <a:r>
                <a:rPr lang="tr-TR" sz="1600" b="1" dirty="0">
                  <a:latin typeface="Futura Bk BT" panose="020B0502020204020303" pitchFamily="34" charset="0"/>
                </a:rPr>
                <a:t>Çağrı Özelinde Belirlenen Eşik Üstü Puanlar</a:t>
              </a:r>
              <a:endParaRPr lang="tr-TR" sz="1600" dirty="0">
                <a:latin typeface="Futura Bk BT" panose="020B0502020204020303" pitchFamily="34" charset="0"/>
              </a:endParaRPr>
            </a:p>
          </p:txBody>
        </p:sp>
      </p:grpSp>
      <p:grpSp>
        <p:nvGrpSpPr>
          <p:cNvPr id="7" name="Grup 6"/>
          <p:cNvGrpSpPr/>
          <p:nvPr/>
        </p:nvGrpSpPr>
        <p:grpSpPr>
          <a:xfrm>
            <a:off x="4943870" y="3538816"/>
            <a:ext cx="3979395" cy="852869"/>
            <a:chOff x="177118" y="2492896"/>
            <a:chExt cx="4610906" cy="720080"/>
          </a:xfrm>
        </p:grpSpPr>
        <p:sp>
          <p:nvSpPr>
            <p:cNvPr id="192" name="Rectangle 7"/>
            <p:cNvSpPr>
              <a:spLocks noChangeArrowheads="1"/>
            </p:cNvSpPr>
            <p:nvPr/>
          </p:nvSpPr>
          <p:spPr bwMode="auto">
            <a:xfrm>
              <a:off x="177118" y="2492896"/>
              <a:ext cx="4610906" cy="720080"/>
            </a:xfrm>
            <a:prstGeom prst="rect">
              <a:avLst/>
            </a:prstGeom>
            <a:gradFill flip="none" rotWithShape="1">
              <a:gsLst>
                <a:gs pos="1000">
                  <a:srgbClr val="FFFFFF">
                    <a:lumMod val="95000"/>
                  </a:srgbClr>
                </a:gs>
                <a:gs pos="100000">
                  <a:schemeClr val="accent3">
                    <a:lumMod val="60000"/>
                    <a:lumOff val="40000"/>
                  </a:schemeClr>
                </a:gs>
                <a:gs pos="35000">
                  <a:srgbClr val="FFFFFF"/>
                </a:gs>
              </a:gsLst>
              <a:lin ang="5400000" scaled="1"/>
              <a:tileRect/>
            </a:gradFill>
            <a:ln w="0">
              <a:noFill/>
              <a:prstDash val="solid"/>
              <a:miter lim="800000"/>
              <a:headEnd/>
              <a:tailEnd/>
            </a:ln>
            <a:effectLst/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342900" marR="0" lvl="0" indent="-34290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endParaRPr kumimoji="0" lang="en-US" sz="20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</a:endParaRPr>
            </a:p>
          </p:txBody>
        </p:sp>
        <p:sp>
          <p:nvSpPr>
            <p:cNvPr id="195" name="Dikdörtgen 194"/>
            <p:cNvSpPr/>
            <p:nvPr/>
          </p:nvSpPr>
          <p:spPr>
            <a:xfrm>
              <a:off x="251520" y="2636911"/>
              <a:ext cx="3942184" cy="338554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285750" lvl="0" indent="-285750">
                <a:buFont typeface="Arial" panose="020B0604020202020204" pitchFamily="34" charset="0"/>
                <a:buChar char="•"/>
              </a:pPr>
              <a:r>
                <a:rPr lang="tr-TR" sz="1600" b="1" dirty="0">
                  <a:latin typeface="Futura Bk BT" panose="020B0502020204020303" pitchFamily="34" charset="0"/>
                </a:rPr>
                <a:t>Ödemeler proje yürütücüsü ve ekibine </a:t>
              </a:r>
            </a:p>
          </p:txBody>
        </p:sp>
      </p:grpSp>
      <p:sp>
        <p:nvSpPr>
          <p:cNvPr id="198" name="Metin kutusu 197"/>
          <p:cNvSpPr txBox="1"/>
          <p:nvPr/>
        </p:nvSpPr>
        <p:spPr>
          <a:xfrm>
            <a:off x="2627784" y="728028"/>
            <a:ext cx="423705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tr-TR" b="1" dirty="0" smtClean="0">
                <a:solidFill>
                  <a:schemeClr val="tx2"/>
                </a:solidFill>
                <a:latin typeface="Futura Bk BT" panose="020B0502020204020303" pitchFamily="34" charset="0"/>
              </a:rPr>
              <a:t>Başvuru , Uygunluk Ölçütleri ve Belgeler</a:t>
            </a:r>
            <a:endParaRPr lang="tr-TR" b="1" dirty="0">
              <a:solidFill>
                <a:schemeClr val="tx2"/>
              </a:solidFill>
              <a:latin typeface="Futura Bk BT" panose="020B0502020204020303" pitchFamily="34" charset="0"/>
            </a:endParaRPr>
          </a:p>
        </p:txBody>
      </p:sp>
      <p:grpSp>
        <p:nvGrpSpPr>
          <p:cNvPr id="9" name="Grup 8"/>
          <p:cNvGrpSpPr/>
          <p:nvPr/>
        </p:nvGrpSpPr>
        <p:grpSpPr>
          <a:xfrm>
            <a:off x="4832715" y="5530746"/>
            <a:ext cx="4326153" cy="720080"/>
            <a:chOff x="166649" y="4509120"/>
            <a:chExt cx="4692570" cy="720080"/>
          </a:xfrm>
        </p:grpSpPr>
        <p:sp>
          <p:nvSpPr>
            <p:cNvPr id="17" name="Rectangle 7"/>
            <p:cNvSpPr>
              <a:spLocks noChangeArrowheads="1"/>
            </p:cNvSpPr>
            <p:nvPr/>
          </p:nvSpPr>
          <p:spPr bwMode="auto">
            <a:xfrm>
              <a:off x="166649" y="4509120"/>
              <a:ext cx="4610906" cy="720080"/>
            </a:xfrm>
            <a:prstGeom prst="rect">
              <a:avLst/>
            </a:prstGeom>
            <a:gradFill flip="none" rotWithShape="1">
              <a:gsLst>
                <a:gs pos="1000">
                  <a:srgbClr val="FFFFFF">
                    <a:lumMod val="95000"/>
                  </a:srgbClr>
                </a:gs>
                <a:gs pos="100000">
                  <a:schemeClr val="accent6">
                    <a:lumMod val="60000"/>
                    <a:lumOff val="40000"/>
                  </a:schemeClr>
                </a:gs>
                <a:gs pos="35000">
                  <a:srgbClr val="FFFFFF"/>
                </a:gs>
              </a:gsLst>
              <a:lin ang="5400000" scaled="1"/>
              <a:tileRect/>
            </a:gradFill>
            <a:ln w="0">
              <a:noFill/>
              <a:prstDash val="solid"/>
              <a:miter lim="800000"/>
              <a:headEnd/>
              <a:tailEnd/>
            </a:ln>
            <a:effectLst/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342900" marR="0" lvl="0" indent="-34290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endParaRPr kumimoji="0" lang="en-US" sz="20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</a:endParaRPr>
            </a:p>
          </p:txBody>
        </p:sp>
        <p:sp>
          <p:nvSpPr>
            <p:cNvPr id="18" name="Dikdörtgen 17"/>
            <p:cNvSpPr/>
            <p:nvPr/>
          </p:nvSpPr>
          <p:spPr>
            <a:xfrm>
              <a:off x="287219" y="4638216"/>
              <a:ext cx="4572000" cy="58477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tr-TR" sz="1600" b="1" dirty="0">
                  <a:latin typeface="Futura Bk BT" panose="020B0502020204020303" pitchFamily="34" charset="0"/>
                </a:rPr>
                <a:t>Proje tekrar sunulup başarılı olursa Başarı Ödülü için başvuru hakkı</a:t>
              </a:r>
            </a:p>
          </p:txBody>
        </p:sp>
      </p:grpSp>
      <p:grpSp>
        <p:nvGrpSpPr>
          <p:cNvPr id="10" name="Grup 9"/>
          <p:cNvGrpSpPr/>
          <p:nvPr/>
        </p:nvGrpSpPr>
        <p:grpSpPr>
          <a:xfrm>
            <a:off x="4804210" y="1209409"/>
            <a:ext cx="4023474" cy="2147583"/>
            <a:chOff x="5292081" y="1988840"/>
            <a:chExt cx="3672408" cy="3752477"/>
          </a:xfrm>
        </p:grpSpPr>
        <p:grpSp>
          <p:nvGrpSpPr>
            <p:cNvPr id="23" name="Grup 22"/>
            <p:cNvGrpSpPr/>
            <p:nvPr/>
          </p:nvGrpSpPr>
          <p:grpSpPr>
            <a:xfrm>
              <a:off x="5292081" y="1988840"/>
              <a:ext cx="3672408" cy="3752477"/>
              <a:chOff x="3059832" y="1772816"/>
              <a:chExt cx="5472608" cy="1872208"/>
            </a:xfrm>
          </p:grpSpPr>
          <p:cxnSp>
            <p:nvCxnSpPr>
              <p:cNvPr id="24" name="Düz Bağlayıcı 23"/>
              <p:cNvCxnSpPr/>
              <p:nvPr/>
            </p:nvCxnSpPr>
            <p:spPr>
              <a:xfrm>
                <a:off x="3059832" y="1772816"/>
                <a:ext cx="5472608" cy="0"/>
              </a:xfrm>
              <a:prstGeom prst="line">
                <a:avLst/>
              </a:prstGeom>
              <a:ln w="22225">
                <a:solidFill>
                  <a:schemeClr val="accent6">
                    <a:lumMod val="75000"/>
                  </a:schemeClr>
                </a:solidFill>
                <a:prstDash val="lg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" name="Düz Bağlayıcı 24"/>
              <p:cNvCxnSpPr/>
              <p:nvPr/>
            </p:nvCxnSpPr>
            <p:spPr>
              <a:xfrm>
                <a:off x="3059832" y="3645024"/>
                <a:ext cx="5472608" cy="0"/>
              </a:xfrm>
              <a:prstGeom prst="line">
                <a:avLst/>
              </a:prstGeom>
              <a:ln w="22225">
                <a:solidFill>
                  <a:schemeClr val="accent6">
                    <a:lumMod val="75000"/>
                  </a:schemeClr>
                </a:solidFill>
                <a:prstDash val="lg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" name="Düz Bağlayıcı 25"/>
              <p:cNvCxnSpPr/>
              <p:nvPr/>
            </p:nvCxnSpPr>
            <p:spPr>
              <a:xfrm flipV="1">
                <a:off x="8532440" y="1772816"/>
                <a:ext cx="0" cy="1872208"/>
              </a:xfrm>
              <a:prstGeom prst="line">
                <a:avLst/>
              </a:prstGeom>
              <a:ln w="22225">
                <a:solidFill>
                  <a:schemeClr val="accent6">
                    <a:lumMod val="75000"/>
                  </a:schemeClr>
                </a:solidFill>
                <a:prstDash val="lg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7" name="Düz Bağlayıcı 26"/>
              <p:cNvCxnSpPr/>
              <p:nvPr/>
            </p:nvCxnSpPr>
            <p:spPr>
              <a:xfrm flipV="1">
                <a:off x="3059832" y="1772816"/>
                <a:ext cx="0" cy="1872208"/>
              </a:xfrm>
              <a:prstGeom prst="line">
                <a:avLst/>
              </a:prstGeom>
              <a:ln w="22225">
                <a:solidFill>
                  <a:schemeClr val="accent6">
                    <a:lumMod val="75000"/>
                  </a:schemeClr>
                </a:solidFill>
                <a:prstDash val="lg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sp>
          <p:nvSpPr>
            <p:cNvPr id="29" name="Çapraz Köşesi Kesik Dikdörtgen 28"/>
            <p:cNvSpPr/>
            <p:nvPr/>
          </p:nvSpPr>
          <p:spPr>
            <a:xfrm>
              <a:off x="5292081" y="2041683"/>
              <a:ext cx="3672408" cy="3691573"/>
            </a:xfrm>
            <a:prstGeom prst="snip2DiagRect">
              <a:avLst/>
            </a:prstGeom>
            <a:solidFill>
              <a:srgbClr val="FFFFFF">
                <a:lumMod val="85000"/>
                <a:alpha val="31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</a:pPr>
              <a:endParaRPr lang="tr-TR" kern="0" dirty="0">
                <a:solidFill>
                  <a:prstClr val="white"/>
                </a:solidFill>
                <a:latin typeface="Calibri"/>
                <a:ea typeface="MS PGothic" pitchFamily="34" charset="-128"/>
              </a:endParaRPr>
            </a:p>
          </p:txBody>
        </p:sp>
      </p:grpSp>
      <p:sp>
        <p:nvSpPr>
          <p:cNvPr id="11" name="Dikdörtgen 10"/>
          <p:cNvSpPr/>
          <p:nvPr/>
        </p:nvSpPr>
        <p:spPr>
          <a:xfrm>
            <a:off x="4898352" y="1225177"/>
            <a:ext cx="4006939" cy="196977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lvl="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tr-TR" sz="1600" b="1" dirty="0" smtClean="0">
                <a:latin typeface="Futura Bk BT" panose="020B0502020204020303" pitchFamily="34" charset="0"/>
                <a:cs typeface="Arial" pitchFamily="34" charset="0"/>
              </a:rPr>
              <a:t>B</a:t>
            </a:r>
            <a:r>
              <a:rPr lang="en-US" sz="1600" b="1" dirty="0" err="1" smtClean="0">
                <a:latin typeface="Futura Bk BT" panose="020B0502020204020303" pitchFamily="34" charset="0"/>
                <a:cs typeface="Arial" pitchFamily="34" charset="0"/>
              </a:rPr>
              <a:t>aşvuru</a:t>
            </a:r>
            <a:r>
              <a:rPr lang="en-US" sz="1600" b="1" dirty="0" smtClean="0">
                <a:latin typeface="Futura Bk BT" panose="020B0502020204020303" pitchFamily="34" charset="0"/>
                <a:cs typeface="Arial" pitchFamily="34" charset="0"/>
              </a:rPr>
              <a:t> </a:t>
            </a:r>
            <a:r>
              <a:rPr lang="tr-TR" sz="1600" b="1" dirty="0">
                <a:latin typeface="Futura Bk BT" panose="020B0502020204020303" pitchFamily="34" charset="0"/>
                <a:cs typeface="Arial" pitchFamily="34" charset="0"/>
              </a:rPr>
              <a:t>f</a:t>
            </a:r>
            <a:r>
              <a:rPr lang="en-US" sz="1600" b="1" dirty="0" err="1" smtClean="0">
                <a:latin typeface="Futura Bk BT" panose="020B0502020204020303" pitchFamily="34" charset="0"/>
                <a:cs typeface="Arial" pitchFamily="34" charset="0"/>
              </a:rPr>
              <a:t>ormu</a:t>
            </a:r>
            <a:endParaRPr lang="tr-TR" sz="1600" b="1" dirty="0">
              <a:latin typeface="Futura Bk BT" panose="020B0502020204020303" pitchFamily="34" charset="0"/>
              <a:cs typeface="Arial" pitchFamily="34" charset="0"/>
            </a:endParaRPr>
          </a:p>
          <a:p>
            <a:pPr marL="285750" lvl="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tr-TR" sz="1600" b="1" dirty="0">
                <a:latin typeface="Futura Bk BT" panose="020B0502020204020303" pitchFamily="34" charset="0"/>
                <a:cs typeface="Arial" pitchFamily="34" charset="0"/>
              </a:rPr>
              <a:t>Bağımsız değerlendirme sonuç </a:t>
            </a:r>
            <a:r>
              <a:rPr lang="tr-TR" sz="1600" b="1" dirty="0" smtClean="0">
                <a:latin typeface="Futura Bk BT" panose="020B0502020204020303" pitchFamily="34" charset="0"/>
                <a:cs typeface="Arial" pitchFamily="34" charset="0"/>
              </a:rPr>
              <a:t>raporu</a:t>
            </a:r>
            <a:endParaRPr lang="tr-TR" sz="1600" b="1" dirty="0">
              <a:latin typeface="Futura Bk BT" panose="020B0502020204020303" pitchFamily="34" charset="0"/>
              <a:cs typeface="Arial" pitchFamily="34" charset="0"/>
            </a:endParaRPr>
          </a:p>
          <a:p>
            <a:pPr marL="285750" lvl="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tr-TR" sz="1600" b="1" dirty="0">
                <a:latin typeface="Futura Bk BT" panose="020B0502020204020303" pitchFamily="34" charset="0"/>
                <a:cs typeface="Arial" pitchFamily="34" charset="0"/>
              </a:rPr>
              <a:t>Proje yürütücüsü ve varsa ekibinin </a:t>
            </a:r>
            <a:r>
              <a:rPr lang="tr-TR" sz="1600" b="1" dirty="0" smtClean="0">
                <a:latin typeface="Futura Bk BT" panose="020B0502020204020303" pitchFamily="34" charset="0"/>
                <a:cs typeface="Arial" pitchFamily="34" charset="0"/>
              </a:rPr>
              <a:t>listesini gösteren proje </a:t>
            </a:r>
            <a:r>
              <a:rPr lang="tr-TR" sz="1600" b="1" dirty="0">
                <a:latin typeface="Futura Bk BT" panose="020B0502020204020303" pitchFamily="34" charset="0"/>
                <a:cs typeface="Arial" pitchFamily="34" charset="0"/>
              </a:rPr>
              <a:t>başvurusu sahibi kurum/kuruluşlardan alınan yazı</a:t>
            </a:r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0549680" y="5107569"/>
            <a:ext cx="20252425" cy="429596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8" name="Rectangle 7"/>
          <p:cNvSpPr>
            <a:spLocks noChangeArrowheads="1"/>
          </p:cNvSpPr>
          <p:nvPr/>
        </p:nvSpPr>
        <p:spPr bwMode="auto">
          <a:xfrm>
            <a:off x="221807" y="1188149"/>
            <a:ext cx="3990153" cy="2437103"/>
          </a:xfrm>
          <a:prstGeom prst="rect">
            <a:avLst/>
          </a:prstGeom>
          <a:gradFill flip="none" rotWithShape="1">
            <a:gsLst>
              <a:gs pos="1000">
                <a:srgbClr val="FFFFFF">
                  <a:lumMod val="95000"/>
                </a:srgbClr>
              </a:gs>
              <a:gs pos="100000">
                <a:schemeClr val="accent5">
                  <a:lumMod val="60000"/>
                  <a:lumOff val="40000"/>
                </a:schemeClr>
              </a:gs>
              <a:gs pos="35000">
                <a:srgbClr val="FFFFFF"/>
              </a:gs>
            </a:gsLst>
            <a:lin ang="5400000" scaled="1"/>
            <a:tileRect/>
          </a:gradFill>
          <a:ln w="0">
            <a:noFill/>
            <a:prstDash val="solid"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r-TR" sz="1600" b="1" i="0" u="sng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uLnTx/>
                <a:uFillTx/>
                <a:latin typeface="Futura Bk BT" panose="020B0502020204020303" pitchFamily="34" charset="0"/>
                <a:ea typeface="+mn-ea"/>
              </a:rPr>
              <a:t>Ödül Tutarları</a:t>
            </a:r>
          </a:p>
          <a:p>
            <a:pPr marL="285750" marR="0" lvl="0" indent="-28575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tr-TR" sz="1600" kern="0" dirty="0" smtClean="0">
                <a:solidFill>
                  <a:prstClr val="black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Futura Bk BT" panose="020B0502020204020303" pitchFamily="34" charset="0"/>
                <a:ea typeface="+mn-ea"/>
              </a:rPr>
              <a:t>Çok ortaklı Proje</a:t>
            </a:r>
            <a:r>
              <a:rPr lang="tr-TR" sz="1600" kern="0" dirty="0" smtClean="0">
                <a:solidFill>
                  <a:prstClr val="black"/>
                </a:solidFill>
                <a:latin typeface="Futura Bk BT" panose="020B0502020204020303" pitchFamily="34" charset="0"/>
                <a:ea typeface="+mn-ea"/>
              </a:rPr>
              <a:t>:   </a:t>
            </a:r>
          </a:p>
          <a:p>
            <a:pPr marR="0" lvl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tr-TR" sz="1600" kern="0" dirty="0">
                <a:solidFill>
                  <a:prstClr val="black"/>
                </a:solidFill>
                <a:latin typeface="Futura Bk BT" panose="020B0502020204020303" pitchFamily="34" charset="0"/>
                <a:ea typeface="+mn-ea"/>
              </a:rPr>
              <a:t> </a:t>
            </a:r>
            <a:r>
              <a:rPr lang="tr-TR" sz="1600" kern="0" dirty="0" smtClean="0">
                <a:solidFill>
                  <a:prstClr val="black"/>
                </a:solidFill>
                <a:latin typeface="Futura Bk BT" panose="020B0502020204020303" pitchFamily="34" charset="0"/>
                <a:ea typeface="+mn-ea"/>
              </a:rPr>
              <a:t>    Ortak- 3.500 Avro</a:t>
            </a:r>
            <a:endParaRPr lang="tr-TR" sz="1600" kern="0" dirty="0">
              <a:solidFill>
                <a:prstClr val="black"/>
              </a:solidFill>
              <a:latin typeface="Futura Bk BT" panose="020B0502020204020303" pitchFamily="34" charset="0"/>
              <a:ea typeface="+mn-ea"/>
            </a:endParaRPr>
          </a:p>
          <a:p>
            <a:pPr marR="0" lvl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lang="tr-TR" sz="1600" kern="0" dirty="0" smtClean="0">
                <a:solidFill>
                  <a:prstClr val="black"/>
                </a:solidFill>
                <a:latin typeface="Futura Bk BT" panose="020B0502020204020303" pitchFamily="34" charset="0"/>
                <a:ea typeface="+mn-ea"/>
              </a:rPr>
              <a:t>     Koordinatör:- 7.000 Avro</a:t>
            </a:r>
          </a:p>
          <a:p>
            <a:pPr marR="0" lvl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tabLst/>
              <a:defRPr/>
            </a:pPr>
            <a:endParaRPr lang="tr-TR" sz="1600" kern="0" dirty="0" smtClean="0">
              <a:solidFill>
                <a:prstClr val="black"/>
              </a:solidFill>
              <a:latin typeface="Futura Bk BT" panose="020B0502020204020303" pitchFamily="34" charset="0"/>
              <a:ea typeface="+mn-ea"/>
            </a:endParaRPr>
          </a:p>
          <a:p>
            <a:pPr marL="285750" marR="0" lvl="0" indent="-28575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tr-TR" sz="1600" kern="0" dirty="0" smtClean="0">
                <a:solidFill>
                  <a:prstClr val="black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Futura Bk BT" panose="020B0502020204020303" pitchFamily="34" charset="0"/>
                <a:ea typeface="+mn-ea"/>
              </a:rPr>
              <a:t>Ortaksız SME Projeleri</a:t>
            </a:r>
            <a:r>
              <a:rPr lang="tr-TR" sz="1600" kern="0" dirty="0" smtClean="0">
                <a:solidFill>
                  <a:prstClr val="black"/>
                </a:solidFill>
                <a:latin typeface="Futura Bk BT" panose="020B0502020204020303" pitchFamily="34" charset="0"/>
                <a:ea typeface="+mn-ea"/>
              </a:rPr>
              <a:t>: 5.250 Avro</a:t>
            </a:r>
          </a:p>
          <a:p>
            <a:pPr marR="0" lvl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tabLst/>
              <a:defRPr/>
            </a:pPr>
            <a:endParaRPr lang="tr-TR" sz="1600" kern="0" dirty="0" smtClean="0">
              <a:solidFill>
                <a:prstClr val="black"/>
              </a:solidFill>
              <a:latin typeface="Futura Bk BT" panose="020B0502020204020303" pitchFamily="34" charset="0"/>
              <a:ea typeface="+mn-ea"/>
            </a:endParaRPr>
          </a:p>
          <a:p>
            <a:pPr marL="285750" marR="0" lvl="0" indent="-28575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tr-TR" sz="1600" kern="0" dirty="0" smtClean="0">
                <a:solidFill>
                  <a:prstClr val="black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Futura Bk BT" panose="020B0502020204020303" pitchFamily="34" charset="0"/>
                <a:ea typeface="+mn-ea"/>
              </a:rPr>
              <a:t>MSCA Projeleri</a:t>
            </a:r>
            <a:r>
              <a:rPr lang="tr-TR" sz="1600" kern="0" dirty="0" smtClean="0">
                <a:solidFill>
                  <a:prstClr val="black"/>
                </a:solidFill>
                <a:latin typeface="Futura Bk BT" panose="020B0502020204020303" pitchFamily="34" charset="0"/>
                <a:ea typeface="+mn-ea"/>
              </a:rPr>
              <a:t>: 80 Puan: 2.000 Avro</a:t>
            </a:r>
          </a:p>
          <a:p>
            <a:pPr lvl="2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tr-TR" sz="1600" kern="0" dirty="0" smtClean="0">
                <a:solidFill>
                  <a:prstClr val="black"/>
                </a:solidFill>
                <a:latin typeface="Futura Bk BT" panose="020B0502020204020303" pitchFamily="34" charset="0"/>
                <a:ea typeface="+mn-ea"/>
              </a:rPr>
              <a:t>                 90 Puan: 3.000 Avro</a:t>
            </a:r>
          </a:p>
        </p:txBody>
      </p:sp>
      <p:sp>
        <p:nvSpPr>
          <p:cNvPr id="30" name="Rectangle 7"/>
          <p:cNvSpPr>
            <a:spLocks noChangeArrowheads="1"/>
          </p:cNvSpPr>
          <p:nvPr/>
        </p:nvSpPr>
        <p:spPr bwMode="auto">
          <a:xfrm>
            <a:off x="221807" y="3675801"/>
            <a:ext cx="3990153" cy="1431768"/>
          </a:xfrm>
          <a:prstGeom prst="rect">
            <a:avLst/>
          </a:prstGeom>
          <a:gradFill flip="none" rotWithShape="1">
            <a:gsLst>
              <a:gs pos="1000">
                <a:srgbClr val="FFFFFF">
                  <a:lumMod val="95000"/>
                </a:srgbClr>
              </a:gs>
              <a:gs pos="100000">
                <a:schemeClr val="accent5">
                  <a:lumMod val="60000"/>
                  <a:lumOff val="40000"/>
                </a:schemeClr>
              </a:gs>
              <a:gs pos="35000">
                <a:srgbClr val="FFFFFF"/>
              </a:gs>
            </a:gsLst>
            <a:lin ang="5400000" scaled="1"/>
            <a:tileRect/>
          </a:gradFill>
          <a:ln w="0">
            <a:noFill/>
            <a:prstDash val="solid"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r-TR" sz="1600" b="1" i="0" u="sng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uLnTx/>
                <a:uFillTx/>
                <a:latin typeface="Futura Bk BT" panose="020B0502020204020303" pitchFamily="34" charset="0"/>
                <a:ea typeface="+mn-ea"/>
              </a:rPr>
              <a:t>ERC Ödül Tutarları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tr-TR" sz="1600" b="1" i="0" u="sng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uLnTx/>
              <a:uFillTx/>
              <a:latin typeface="Futura Bk BT" panose="020B0502020204020303" pitchFamily="34" charset="0"/>
              <a:ea typeface="+mn-ea"/>
            </a:endParaRP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tr-TR" sz="1600" b="1" u="sng" kern="0" dirty="0" smtClean="0">
                <a:solidFill>
                  <a:prstClr val="black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Futura Bk BT" panose="020B0502020204020303" pitchFamily="34" charset="0"/>
                <a:ea typeface="+mn-ea"/>
              </a:rPr>
              <a:t>A Puan Yedek Liste: </a:t>
            </a:r>
            <a:r>
              <a:rPr lang="tr-TR" sz="1600" kern="0" dirty="0" smtClean="0">
                <a:solidFill>
                  <a:prstClr val="black"/>
                </a:solidFill>
                <a:latin typeface="Futura Bk BT" panose="020B0502020204020303" pitchFamily="34" charset="0"/>
                <a:ea typeface="+mn-ea"/>
              </a:rPr>
              <a:t>12.000€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r-TR" sz="1600" b="1" i="0" u="sng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uLnTx/>
                <a:uFillTx/>
                <a:latin typeface="Futura Bk BT" panose="020B0502020204020303" pitchFamily="34" charset="0"/>
                <a:ea typeface="+mn-ea"/>
              </a:rPr>
              <a:t>A Puan</a:t>
            </a:r>
            <a:r>
              <a:rPr kumimoji="0" lang="tr-TR" sz="1600" b="1" i="0" u="sng" strike="noStrike" kern="0" cap="none" spc="0" normalizeH="0" noProof="0" dirty="0" smtClean="0">
                <a:ln>
                  <a:noFill/>
                </a:ln>
                <a:solidFill>
                  <a:prstClr val="black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uLnTx/>
                <a:uFillTx/>
                <a:latin typeface="Futura Bk BT" panose="020B0502020204020303" pitchFamily="34" charset="0"/>
                <a:ea typeface="+mn-ea"/>
              </a:rPr>
              <a:t> Yedek Dışı: </a:t>
            </a:r>
            <a:r>
              <a:rPr kumimoji="0" lang="tr-TR" sz="1600" i="0" strike="noStrike" kern="0" cap="none" spc="0" normalizeH="0" noProof="0" dirty="0" smtClean="0">
                <a:ln>
                  <a:noFill/>
                </a:ln>
                <a:solidFill>
                  <a:prstClr val="black"/>
                </a:solidFill>
                <a:uLnTx/>
                <a:uFillTx/>
                <a:latin typeface="Futura Bk BT" panose="020B0502020204020303" pitchFamily="34" charset="0"/>
                <a:ea typeface="+mn-ea"/>
              </a:rPr>
              <a:t>9.000€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tr-TR" sz="1600" b="1" u="sng" kern="0" dirty="0" smtClean="0">
                <a:solidFill>
                  <a:prstClr val="black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Futura Bk BT" panose="020B0502020204020303" pitchFamily="34" charset="0"/>
                <a:ea typeface="+mn-ea"/>
              </a:rPr>
              <a:t>B Puan: </a:t>
            </a:r>
            <a:r>
              <a:rPr lang="tr-TR" sz="1600" kern="0" dirty="0" smtClean="0">
                <a:solidFill>
                  <a:prstClr val="black"/>
                </a:solidFill>
                <a:latin typeface="Futura Bk BT" panose="020B0502020204020303" pitchFamily="34" charset="0"/>
                <a:ea typeface="+mn-ea"/>
              </a:rPr>
              <a:t>6.000€</a:t>
            </a:r>
            <a:endParaRPr kumimoji="0" lang="tr-TR" sz="1600" i="0" strike="noStrike" kern="0" cap="none" spc="0" normalizeH="0" noProof="0" dirty="0" smtClean="0">
              <a:ln>
                <a:noFill/>
              </a:ln>
              <a:solidFill>
                <a:prstClr val="black"/>
              </a:solidFill>
              <a:uLnTx/>
              <a:uFillTx/>
              <a:latin typeface="Futura Bk BT" panose="020B0502020204020303" pitchFamily="34" charset="0"/>
              <a:ea typeface="+mn-ea"/>
            </a:endParaRPr>
          </a:p>
        </p:txBody>
      </p:sp>
    </p:spTree>
    <p:extLst>
      <p:ext uri="{BB962C8B-B14F-4D97-AF65-F5344CB8AC3E}">
        <p14:creationId xmlns:p14="http://schemas.microsoft.com/office/powerpoint/2010/main" val="17519545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şlık 1"/>
          <p:cNvSpPr>
            <a:spLocks noGrp="1"/>
          </p:cNvSpPr>
          <p:nvPr>
            <p:ph type="title"/>
          </p:nvPr>
        </p:nvSpPr>
        <p:spPr>
          <a:xfrm>
            <a:off x="35496" y="0"/>
            <a:ext cx="7776864" cy="706090"/>
          </a:xfrm>
        </p:spPr>
        <p:txBody>
          <a:bodyPr>
            <a:normAutofit/>
          </a:bodyPr>
          <a:lstStyle/>
          <a:p>
            <a:r>
              <a:rPr lang="tr-TR" sz="2400" dirty="0">
                <a:cs typeface="Calibri"/>
              </a:rPr>
              <a:t>COST Aksiyonu Teşvik Ödülü</a:t>
            </a:r>
            <a:endParaRPr lang="tr-TR" sz="2400" dirty="0"/>
          </a:p>
        </p:txBody>
      </p:sp>
      <p:sp>
        <p:nvSpPr>
          <p:cNvPr id="4" name="Slayt Numarası Yer Tutucusu 3"/>
          <p:cNvSpPr>
            <a:spLocks noGrp="1"/>
          </p:cNvSpPr>
          <p:nvPr>
            <p:ph type="sldNum" sz="quarter" idx="12"/>
          </p:nvPr>
        </p:nvSpPr>
        <p:spPr>
          <a:xfrm>
            <a:off x="6409184" y="6356350"/>
            <a:ext cx="2133600" cy="365125"/>
          </a:xfrm>
        </p:spPr>
        <p:txBody>
          <a:bodyPr/>
          <a:lstStyle/>
          <a:p>
            <a:pPr>
              <a:defRPr/>
            </a:pPr>
            <a:fld id="{41D7ED6A-D549-40C0-9D8C-C55F5275B6CF}" type="slidenum">
              <a:rPr lang="en-US" altLang="tr-TR" smtClean="0"/>
              <a:pPr>
                <a:defRPr/>
              </a:pPr>
              <a:t>21</a:t>
            </a:fld>
            <a:endParaRPr lang="en-US" altLang="tr-TR"/>
          </a:p>
        </p:txBody>
      </p:sp>
      <p:grpSp>
        <p:nvGrpSpPr>
          <p:cNvPr id="200" name="Group 30"/>
          <p:cNvGrpSpPr/>
          <p:nvPr/>
        </p:nvGrpSpPr>
        <p:grpSpPr>
          <a:xfrm>
            <a:off x="1835695" y="908720"/>
            <a:ext cx="3121718" cy="571032"/>
            <a:chOff x="3517900" y="509696"/>
            <a:chExt cx="2671564" cy="571032"/>
          </a:xfrm>
        </p:grpSpPr>
        <p:sp>
          <p:nvSpPr>
            <p:cNvPr id="202" name="TextBox 153"/>
            <p:cNvSpPr txBox="1"/>
            <p:nvPr/>
          </p:nvSpPr>
          <p:spPr>
            <a:xfrm>
              <a:off x="3517900" y="509696"/>
              <a:ext cx="2671564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lvl="0" algn="ctr"/>
              <a:r>
                <a:rPr lang="tr-TR" sz="1400" b="1" dirty="0">
                  <a:latin typeface="Futura Bk BT" panose="020B0502020204020303" pitchFamily="34" charset="0"/>
                </a:rPr>
                <a:t>COST tarafından onaylanmış ve Kontratı imzalanmış olan aksiyonlar</a:t>
              </a:r>
            </a:p>
          </p:txBody>
        </p:sp>
        <p:cxnSp>
          <p:nvCxnSpPr>
            <p:cNvPr id="204" name="Straight Arrow Connector 185"/>
            <p:cNvCxnSpPr/>
            <p:nvPr/>
          </p:nvCxnSpPr>
          <p:spPr>
            <a:xfrm flipH="1">
              <a:off x="3517900" y="1079140"/>
              <a:ext cx="2495510" cy="1588"/>
            </a:xfrm>
            <a:prstGeom prst="straightConnector1">
              <a:avLst/>
            </a:prstGeom>
            <a:noFill/>
            <a:ln w="12700" cap="flat" cmpd="sng" algn="ctr">
              <a:gradFill flip="none" rotWithShape="1">
                <a:gsLst>
                  <a:gs pos="0">
                    <a:srgbClr val="00B0F0"/>
                  </a:gs>
                  <a:gs pos="50000">
                    <a:srgbClr val="00B0F0">
                      <a:lumMod val="60000"/>
                      <a:lumOff val="40000"/>
                    </a:srgbClr>
                  </a:gs>
                  <a:gs pos="100000">
                    <a:srgbClr val="00B0F0">
                      <a:tint val="23500"/>
                      <a:satMod val="160000"/>
                    </a:srgbClr>
                  </a:gs>
                </a:gsLst>
                <a:lin ang="8100000" scaled="1"/>
                <a:tileRect/>
              </a:gradFill>
              <a:prstDash val="solid"/>
              <a:tailEnd type="triangle"/>
            </a:ln>
            <a:effectLst/>
          </p:spPr>
        </p:cxnSp>
      </p:grpSp>
      <p:grpSp>
        <p:nvGrpSpPr>
          <p:cNvPr id="205" name="Group 29"/>
          <p:cNvGrpSpPr/>
          <p:nvPr/>
        </p:nvGrpSpPr>
        <p:grpSpPr>
          <a:xfrm>
            <a:off x="2699792" y="1844824"/>
            <a:ext cx="2664024" cy="738664"/>
            <a:chOff x="4368676" y="1797933"/>
            <a:chExt cx="2664024" cy="738664"/>
          </a:xfrm>
        </p:grpSpPr>
        <p:sp>
          <p:nvSpPr>
            <p:cNvPr id="207" name="TextBox 172"/>
            <p:cNvSpPr txBox="1"/>
            <p:nvPr/>
          </p:nvSpPr>
          <p:spPr>
            <a:xfrm>
              <a:off x="4368676" y="1797933"/>
              <a:ext cx="2588463" cy="73866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tr-TR"/>
              </a:defPPr>
              <a:lvl1pPr lvl="0" algn="ctr">
                <a:defRPr sz="1400" b="1">
                  <a:latin typeface="Futura Bk BT" panose="020B0502020204020303" pitchFamily="34" charset="0"/>
                </a:defRPr>
              </a:lvl1pPr>
            </a:lstStyle>
            <a:p>
              <a:r>
                <a:rPr lang="tr-TR" dirty="0"/>
                <a:t>Aksiyonun teklif sahibine yönelik</a:t>
              </a:r>
            </a:p>
            <a:p>
              <a:endParaRPr lang="en-US" dirty="0"/>
            </a:p>
          </p:txBody>
        </p:sp>
        <p:cxnSp>
          <p:nvCxnSpPr>
            <p:cNvPr id="209" name="Straight Arrow Connector 170"/>
            <p:cNvCxnSpPr/>
            <p:nvPr/>
          </p:nvCxnSpPr>
          <p:spPr>
            <a:xfrm flipH="1">
              <a:off x="4584700" y="2299181"/>
              <a:ext cx="2448000" cy="1588"/>
            </a:xfrm>
            <a:prstGeom prst="straightConnector1">
              <a:avLst/>
            </a:prstGeom>
            <a:noFill/>
            <a:ln w="12700" cap="flat" cmpd="sng" algn="ctr">
              <a:gradFill flip="none" rotWithShape="1">
                <a:gsLst>
                  <a:gs pos="0">
                    <a:srgbClr val="0070C0"/>
                  </a:gs>
                  <a:gs pos="50000">
                    <a:srgbClr val="0070C0">
                      <a:lumMod val="60000"/>
                      <a:lumOff val="40000"/>
                    </a:srgbClr>
                  </a:gs>
                  <a:gs pos="100000">
                    <a:srgbClr val="0070C0">
                      <a:lumMod val="20000"/>
                      <a:lumOff val="80000"/>
                    </a:srgbClr>
                  </a:gs>
                </a:gsLst>
                <a:lin ang="8100000" scaled="1"/>
                <a:tileRect/>
              </a:gradFill>
              <a:prstDash val="solid"/>
              <a:tailEnd type="triangle"/>
            </a:ln>
            <a:effectLst/>
          </p:spPr>
        </p:cxnSp>
      </p:grpSp>
      <p:grpSp>
        <p:nvGrpSpPr>
          <p:cNvPr id="210" name="Group 28"/>
          <p:cNvGrpSpPr/>
          <p:nvPr/>
        </p:nvGrpSpPr>
        <p:grpSpPr>
          <a:xfrm>
            <a:off x="3059832" y="2996952"/>
            <a:ext cx="2637238" cy="738664"/>
            <a:chOff x="4656584" y="3019336"/>
            <a:chExt cx="2637238" cy="738664"/>
          </a:xfrm>
        </p:grpSpPr>
        <p:sp>
          <p:nvSpPr>
            <p:cNvPr id="212" name="TextBox 178"/>
            <p:cNvSpPr txBox="1"/>
            <p:nvPr/>
          </p:nvSpPr>
          <p:spPr>
            <a:xfrm>
              <a:off x="4656584" y="3019336"/>
              <a:ext cx="2637238" cy="73866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tr-TR"/>
              </a:defPPr>
              <a:lvl1pPr lvl="0" algn="ctr">
                <a:defRPr sz="1400" b="1">
                  <a:latin typeface="Futura Bk BT" panose="020B0502020204020303" pitchFamily="34" charset="0"/>
                </a:defRPr>
              </a:lvl1pPr>
            </a:lstStyle>
            <a:p>
              <a:r>
                <a:rPr lang="tr-TR" dirty="0"/>
                <a:t>Araştırmacının Türkiye’deki tüzel kişilerde görev yapıyor olması şartı	</a:t>
              </a:r>
            </a:p>
          </p:txBody>
        </p:sp>
        <p:cxnSp>
          <p:nvCxnSpPr>
            <p:cNvPr id="214" name="Straight Arrow Connector 176"/>
            <p:cNvCxnSpPr/>
            <p:nvPr/>
          </p:nvCxnSpPr>
          <p:spPr>
            <a:xfrm flipH="1">
              <a:off x="4800600" y="3746981"/>
              <a:ext cx="2304000" cy="1588"/>
            </a:xfrm>
            <a:prstGeom prst="straightConnector1">
              <a:avLst/>
            </a:prstGeom>
            <a:noFill/>
            <a:ln w="12700" cap="flat" cmpd="sng" algn="ctr">
              <a:gradFill flip="none" rotWithShape="1">
                <a:gsLst>
                  <a:gs pos="0">
                    <a:srgbClr val="00B0F0"/>
                  </a:gs>
                  <a:gs pos="50000">
                    <a:srgbClr val="00B0F0">
                      <a:lumMod val="60000"/>
                      <a:lumOff val="40000"/>
                    </a:srgbClr>
                  </a:gs>
                  <a:gs pos="100000">
                    <a:srgbClr val="00B0F0">
                      <a:tint val="23500"/>
                      <a:satMod val="160000"/>
                    </a:srgbClr>
                  </a:gs>
                </a:gsLst>
                <a:lin ang="8100000" scaled="1"/>
                <a:tileRect/>
              </a:gradFill>
              <a:prstDash val="solid"/>
              <a:tailEnd type="triangle"/>
            </a:ln>
            <a:effectLst/>
          </p:spPr>
        </p:cxnSp>
      </p:grpSp>
      <p:grpSp>
        <p:nvGrpSpPr>
          <p:cNvPr id="215" name="Group 180"/>
          <p:cNvGrpSpPr/>
          <p:nvPr/>
        </p:nvGrpSpPr>
        <p:grpSpPr>
          <a:xfrm>
            <a:off x="2555776" y="4581128"/>
            <a:ext cx="3489118" cy="738664"/>
            <a:chOff x="5086899" y="724056"/>
            <a:chExt cx="2783926" cy="738664"/>
          </a:xfrm>
        </p:grpSpPr>
        <p:sp>
          <p:nvSpPr>
            <p:cNvPr id="219" name="TextBox 184"/>
            <p:cNvSpPr txBox="1"/>
            <p:nvPr/>
          </p:nvSpPr>
          <p:spPr>
            <a:xfrm>
              <a:off x="5086899" y="724056"/>
              <a:ext cx="2209381" cy="73866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tr-TR"/>
              </a:defPPr>
              <a:lvl1pPr lvl="0" algn="ctr">
                <a:defRPr sz="1400" b="1">
                  <a:latin typeface="Futura Bk BT" panose="020B0502020204020303" pitchFamily="34" charset="0"/>
                </a:defRPr>
              </a:lvl1pPr>
            </a:lstStyle>
            <a:p>
              <a:r>
                <a:rPr lang="tr-TR" dirty="0"/>
                <a:t>Bir defaya mahsus olmak üzere ve aksiyon başladıktan sonra</a:t>
              </a:r>
            </a:p>
          </p:txBody>
        </p:sp>
        <p:cxnSp>
          <p:nvCxnSpPr>
            <p:cNvPr id="217" name="Straight Arrow Connector 182"/>
            <p:cNvCxnSpPr/>
            <p:nvPr/>
          </p:nvCxnSpPr>
          <p:spPr>
            <a:xfrm flipH="1">
              <a:off x="5140325" y="1228725"/>
              <a:ext cx="2730500" cy="1588"/>
            </a:xfrm>
            <a:prstGeom prst="straightConnector1">
              <a:avLst/>
            </a:prstGeom>
            <a:noFill/>
          </p:spPr>
        </p:cxnSp>
      </p:grpSp>
      <p:grpSp>
        <p:nvGrpSpPr>
          <p:cNvPr id="221" name="Group 207"/>
          <p:cNvGrpSpPr/>
          <p:nvPr/>
        </p:nvGrpSpPr>
        <p:grpSpPr>
          <a:xfrm>
            <a:off x="1691680" y="5733256"/>
            <a:ext cx="2802508" cy="765162"/>
            <a:chOff x="5068317" y="465151"/>
            <a:chExt cx="2802508" cy="765162"/>
          </a:xfrm>
        </p:grpSpPr>
        <p:sp>
          <p:nvSpPr>
            <p:cNvPr id="225" name="TextBox 212"/>
            <p:cNvSpPr txBox="1"/>
            <p:nvPr/>
          </p:nvSpPr>
          <p:spPr>
            <a:xfrm>
              <a:off x="5068317" y="465151"/>
              <a:ext cx="2651526" cy="73866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tr-TR"/>
              </a:defPPr>
              <a:lvl1pPr lvl="0" algn="ctr">
                <a:defRPr sz="1400" b="1">
                  <a:latin typeface="Futura Bk BT" panose="020B0502020204020303" pitchFamily="34" charset="0"/>
                </a:defRPr>
              </a:lvl1pPr>
            </a:lstStyle>
            <a:p>
              <a:r>
                <a:rPr lang="tr-TR" dirty="0"/>
                <a:t>Konunun ulusal önceliklerde yer alma durumuna göre  </a:t>
              </a:r>
              <a:r>
                <a:rPr lang="tr-TR" dirty="0" smtClean="0"/>
                <a:t>bir  </a:t>
              </a:r>
              <a:r>
                <a:rPr lang="tr-TR" smtClean="0"/>
                <a:t>seferlik 1001 </a:t>
              </a:r>
              <a:r>
                <a:rPr lang="tr-TR" dirty="0"/>
                <a:t>veya 1003 PTI*3 </a:t>
              </a:r>
            </a:p>
          </p:txBody>
        </p:sp>
        <p:cxnSp>
          <p:nvCxnSpPr>
            <p:cNvPr id="223" name="Straight Arrow Connector 210"/>
            <p:cNvCxnSpPr/>
            <p:nvPr/>
          </p:nvCxnSpPr>
          <p:spPr>
            <a:xfrm flipH="1">
              <a:off x="5140325" y="1228725"/>
              <a:ext cx="2730500" cy="1588"/>
            </a:xfrm>
            <a:prstGeom prst="straightConnector1">
              <a:avLst/>
            </a:prstGeom>
            <a:noFill/>
            <a:ln w="12700" cap="flat" cmpd="sng" algn="ctr">
              <a:gradFill flip="none" rotWithShape="1">
                <a:gsLst>
                  <a:gs pos="0">
                    <a:srgbClr val="00B0F0"/>
                  </a:gs>
                  <a:gs pos="50000">
                    <a:srgbClr val="00B0F0">
                      <a:lumMod val="60000"/>
                      <a:lumOff val="40000"/>
                    </a:srgbClr>
                  </a:gs>
                  <a:gs pos="100000">
                    <a:srgbClr val="00B0F0">
                      <a:lumMod val="20000"/>
                      <a:lumOff val="80000"/>
                    </a:srgbClr>
                  </a:gs>
                </a:gsLst>
                <a:lin ang="8100000" scaled="1"/>
                <a:tileRect/>
              </a:gradFill>
              <a:prstDash val="solid"/>
              <a:tailEnd type="triangle"/>
            </a:ln>
            <a:effectLst/>
          </p:spPr>
        </p:cxnSp>
      </p:grpSp>
      <p:grpSp>
        <p:nvGrpSpPr>
          <p:cNvPr id="227" name="Group 3"/>
          <p:cNvGrpSpPr/>
          <p:nvPr/>
        </p:nvGrpSpPr>
        <p:grpSpPr>
          <a:xfrm>
            <a:off x="-756592" y="1061315"/>
            <a:ext cx="3078672" cy="4617272"/>
            <a:chOff x="110758" y="834309"/>
            <a:chExt cx="3078672" cy="4617272"/>
          </a:xfrm>
        </p:grpSpPr>
        <p:sp>
          <p:nvSpPr>
            <p:cNvPr id="228" name="Rectangle 15"/>
            <p:cNvSpPr/>
            <p:nvPr/>
          </p:nvSpPr>
          <p:spPr>
            <a:xfrm rot="4442829" flipH="1">
              <a:off x="895856" y="4353230"/>
              <a:ext cx="1276340" cy="920362"/>
            </a:xfrm>
            <a:custGeom>
              <a:avLst/>
              <a:gdLst>
                <a:gd name="connsiteX0" fmla="*/ 0 w 801461"/>
                <a:gd name="connsiteY0" fmla="*/ 0 h 801461"/>
                <a:gd name="connsiteX1" fmla="*/ 801461 w 801461"/>
                <a:gd name="connsiteY1" fmla="*/ 0 h 801461"/>
                <a:gd name="connsiteX2" fmla="*/ 801461 w 801461"/>
                <a:gd name="connsiteY2" fmla="*/ 801461 h 801461"/>
                <a:gd name="connsiteX3" fmla="*/ 0 w 801461"/>
                <a:gd name="connsiteY3" fmla="*/ 801461 h 801461"/>
                <a:gd name="connsiteX4" fmla="*/ 0 w 801461"/>
                <a:gd name="connsiteY4" fmla="*/ 0 h 801461"/>
                <a:gd name="connsiteX0" fmla="*/ 0 w 1337242"/>
                <a:gd name="connsiteY0" fmla="*/ 52387 h 853848"/>
                <a:gd name="connsiteX1" fmla="*/ 1337242 w 1337242"/>
                <a:gd name="connsiteY1" fmla="*/ 0 h 853848"/>
                <a:gd name="connsiteX2" fmla="*/ 801461 w 1337242"/>
                <a:gd name="connsiteY2" fmla="*/ 853848 h 853848"/>
                <a:gd name="connsiteX3" fmla="*/ 0 w 1337242"/>
                <a:gd name="connsiteY3" fmla="*/ 853848 h 853848"/>
                <a:gd name="connsiteX4" fmla="*/ 0 w 1337242"/>
                <a:gd name="connsiteY4" fmla="*/ 52387 h 853848"/>
                <a:gd name="connsiteX0" fmla="*/ 0 w 1344385"/>
                <a:gd name="connsiteY0" fmla="*/ 59531 h 860992"/>
                <a:gd name="connsiteX1" fmla="*/ 1344385 w 1344385"/>
                <a:gd name="connsiteY1" fmla="*/ 0 h 860992"/>
                <a:gd name="connsiteX2" fmla="*/ 801461 w 1344385"/>
                <a:gd name="connsiteY2" fmla="*/ 860992 h 860992"/>
                <a:gd name="connsiteX3" fmla="*/ 0 w 1344385"/>
                <a:gd name="connsiteY3" fmla="*/ 860992 h 860992"/>
                <a:gd name="connsiteX4" fmla="*/ 0 w 1344385"/>
                <a:gd name="connsiteY4" fmla="*/ 59531 h 860992"/>
                <a:gd name="connsiteX0" fmla="*/ 0 w 1425348"/>
                <a:gd name="connsiteY0" fmla="*/ 59531 h 937192"/>
                <a:gd name="connsiteX1" fmla="*/ 1344385 w 1425348"/>
                <a:gd name="connsiteY1" fmla="*/ 0 h 937192"/>
                <a:gd name="connsiteX2" fmla="*/ 1425348 w 1425348"/>
                <a:gd name="connsiteY2" fmla="*/ 937192 h 937192"/>
                <a:gd name="connsiteX3" fmla="*/ 0 w 1425348"/>
                <a:gd name="connsiteY3" fmla="*/ 860992 h 937192"/>
                <a:gd name="connsiteX4" fmla="*/ 0 w 1425348"/>
                <a:gd name="connsiteY4" fmla="*/ 59531 h 937192"/>
                <a:gd name="connsiteX0" fmla="*/ 119062 w 1544410"/>
                <a:gd name="connsiteY0" fmla="*/ 59531 h 937192"/>
                <a:gd name="connsiteX1" fmla="*/ 1463447 w 1544410"/>
                <a:gd name="connsiteY1" fmla="*/ 0 h 937192"/>
                <a:gd name="connsiteX2" fmla="*/ 1544410 w 1544410"/>
                <a:gd name="connsiteY2" fmla="*/ 937192 h 937192"/>
                <a:gd name="connsiteX3" fmla="*/ 0 w 1544410"/>
                <a:gd name="connsiteY3" fmla="*/ 910998 h 937192"/>
                <a:gd name="connsiteX4" fmla="*/ 119062 w 1544410"/>
                <a:gd name="connsiteY4" fmla="*/ 59531 h 937192"/>
                <a:gd name="connsiteX0" fmla="*/ 126206 w 1551554"/>
                <a:gd name="connsiteY0" fmla="*/ 59531 h 937192"/>
                <a:gd name="connsiteX1" fmla="*/ 1470591 w 1551554"/>
                <a:gd name="connsiteY1" fmla="*/ 0 h 937192"/>
                <a:gd name="connsiteX2" fmla="*/ 1551554 w 1551554"/>
                <a:gd name="connsiteY2" fmla="*/ 937192 h 937192"/>
                <a:gd name="connsiteX3" fmla="*/ 0 w 1551554"/>
                <a:gd name="connsiteY3" fmla="*/ 922904 h 937192"/>
                <a:gd name="connsiteX4" fmla="*/ 126206 w 1551554"/>
                <a:gd name="connsiteY4" fmla="*/ 59531 h 937192"/>
                <a:gd name="connsiteX0" fmla="*/ 114300 w 1539648"/>
                <a:gd name="connsiteY0" fmla="*/ 59531 h 937192"/>
                <a:gd name="connsiteX1" fmla="*/ 1458685 w 1539648"/>
                <a:gd name="connsiteY1" fmla="*/ 0 h 937192"/>
                <a:gd name="connsiteX2" fmla="*/ 1539648 w 1539648"/>
                <a:gd name="connsiteY2" fmla="*/ 937192 h 937192"/>
                <a:gd name="connsiteX3" fmla="*/ 0 w 1539648"/>
                <a:gd name="connsiteY3" fmla="*/ 910997 h 937192"/>
                <a:gd name="connsiteX4" fmla="*/ 114300 w 1539648"/>
                <a:gd name="connsiteY4" fmla="*/ 59531 h 937192"/>
                <a:gd name="connsiteX0" fmla="*/ 0 w 1563460"/>
                <a:gd name="connsiteY0" fmla="*/ 0 h 939574"/>
                <a:gd name="connsiteX1" fmla="*/ 1482497 w 1563460"/>
                <a:gd name="connsiteY1" fmla="*/ 2382 h 939574"/>
                <a:gd name="connsiteX2" fmla="*/ 1563460 w 1563460"/>
                <a:gd name="connsiteY2" fmla="*/ 939574 h 939574"/>
                <a:gd name="connsiteX3" fmla="*/ 23812 w 1563460"/>
                <a:gd name="connsiteY3" fmla="*/ 913379 h 939574"/>
                <a:gd name="connsiteX4" fmla="*/ 0 w 1563460"/>
                <a:gd name="connsiteY4" fmla="*/ 0 h 939574"/>
                <a:gd name="connsiteX0" fmla="*/ 0 w 1558698"/>
                <a:gd name="connsiteY0" fmla="*/ 0 h 941955"/>
                <a:gd name="connsiteX1" fmla="*/ 1477735 w 1558698"/>
                <a:gd name="connsiteY1" fmla="*/ 4763 h 941955"/>
                <a:gd name="connsiteX2" fmla="*/ 1558698 w 1558698"/>
                <a:gd name="connsiteY2" fmla="*/ 941955 h 941955"/>
                <a:gd name="connsiteX3" fmla="*/ 19050 w 1558698"/>
                <a:gd name="connsiteY3" fmla="*/ 915760 h 941955"/>
                <a:gd name="connsiteX4" fmla="*/ 0 w 1558698"/>
                <a:gd name="connsiteY4" fmla="*/ 0 h 941955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75354 w 1561079"/>
                <a:gd name="connsiteY1" fmla="*/ 1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75354 w 1561079"/>
                <a:gd name="connsiteY1" fmla="*/ 1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56316"/>
                <a:gd name="connsiteY0" fmla="*/ 0 h 939574"/>
                <a:gd name="connsiteX1" fmla="*/ 1475354 w 1556316"/>
                <a:gd name="connsiteY1" fmla="*/ 1 h 939574"/>
                <a:gd name="connsiteX2" fmla="*/ 1556316 w 1556316"/>
                <a:gd name="connsiteY2" fmla="*/ 939574 h 939574"/>
                <a:gd name="connsiteX3" fmla="*/ 21431 w 1556316"/>
                <a:gd name="connsiteY3" fmla="*/ 913379 h 939574"/>
                <a:gd name="connsiteX4" fmla="*/ 0 w 1556316"/>
                <a:gd name="connsiteY4" fmla="*/ 0 h 939574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73156 w 1608041"/>
                <a:gd name="connsiteY3" fmla="*/ 913378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38258 w 1608041"/>
                <a:gd name="connsiteY3" fmla="*/ 816440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0172 w 1608041"/>
                <a:gd name="connsiteY3" fmla="*/ 817857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568943"/>
                <a:gd name="connsiteY0" fmla="*/ 29852 h 1008400"/>
                <a:gd name="connsiteX1" fmla="*/ 1527079 w 1568943"/>
                <a:gd name="connsiteY1" fmla="*/ 0 h 1008400"/>
                <a:gd name="connsiteX2" fmla="*/ 1568943 w 1568943"/>
                <a:gd name="connsiteY2" fmla="*/ 1008400 h 1008400"/>
                <a:gd name="connsiteX3" fmla="*/ 43503 w 1568943"/>
                <a:gd name="connsiteY3" fmla="*/ 817359 h 1008400"/>
                <a:gd name="connsiteX4" fmla="*/ 0 w 1568943"/>
                <a:gd name="connsiteY4" fmla="*/ 29852 h 1008400"/>
                <a:gd name="connsiteX0" fmla="*/ 0 w 1568022"/>
                <a:gd name="connsiteY0" fmla="*/ 29852 h 1013645"/>
                <a:gd name="connsiteX1" fmla="*/ 1527079 w 1568022"/>
                <a:gd name="connsiteY1" fmla="*/ 0 h 1013645"/>
                <a:gd name="connsiteX2" fmla="*/ 1568022 w 1568022"/>
                <a:gd name="connsiteY2" fmla="*/ 1013645 h 1013645"/>
                <a:gd name="connsiteX3" fmla="*/ 43503 w 1568022"/>
                <a:gd name="connsiteY3" fmla="*/ 817359 h 1013645"/>
                <a:gd name="connsiteX4" fmla="*/ 0 w 1568022"/>
                <a:gd name="connsiteY4" fmla="*/ 29852 h 1013645"/>
                <a:gd name="connsiteX0" fmla="*/ 0 w 1568022"/>
                <a:gd name="connsiteY0" fmla="*/ 29852 h 1013645"/>
                <a:gd name="connsiteX1" fmla="*/ 1527079 w 1568022"/>
                <a:gd name="connsiteY1" fmla="*/ 0 h 1013645"/>
                <a:gd name="connsiteX2" fmla="*/ 1568022 w 1568022"/>
                <a:gd name="connsiteY2" fmla="*/ 1013645 h 1013645"/>
                <a:gd name="connsiteX3" fmla="*/ 43503 w 1568022"/>
                <a:gd name="connsiteY3" fmla="*/ 817359 h 1013645"/>
                <a:gd name="connsiteX4" fmla="*/ 0 w 1568022"/>
                <a:gd name="connsiteY4" fmla="*/ 29852 h 1013645"/>
                <a:gd name="connsiteX0" fmla="*/ 0 w 1566606"/>
                <a:gd name="connsiteY0" fmla="*/ 29852 h 1015559"/>
                <a:gd name="connsiteX1" fmla="*/ 1527079 w 1566606"/>
                <a:gd name="connsiteY1" fmla="*/ 0 h 1015559"/>
                <a:gd name="connsiteX2" fmla="*/ 1566606 w 1566606"/>
                <a:gd name="connsiteY2" fmla="*/ 1015559 h 1015559"/>
                <a:gd name="connsiteX3" fmla="*/ 43503 w 1566606"/>
                <a:gd name="connsiteY3" fmla="*/ 817359 h 1015559"/>
                <a:gd name="connsiteX4" fmla="*/ 0 w 1566606"/>
                <a:gd name="connsiteY4" fmla="*/ 29852 h 1015559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618523" h="1167108">
                  <a:moveTo>
                    <a:pt x="0" y="181401"/>
                  </a:moveTo>
                  <a:cubicBezTo>
                    <a:pt x="342751" y="423923"/>
                    <a:pt x="999715" y="679364"/>
                    <a:pt x="1618523" y="0"/>
                  </a:cubicBezTo>
                  <a:cubicBezTo>
                    <a:pt x="1386856" y="428377"/>
                    <a:pt x="1410120" y="800138"/>
                    <a:pt x="1566606" y="1167108"/>
                  </a:cubicBezTo>
                  <a:cubicBezTo>
                    <a:pt x="1250102" y="578688"/>
                    <a:pt x="339077" y="783035"/>
                    <a:pt x="43503" y="968908"/>
                  </a:cubicBezTo>
                  <a:cubicBezTo>
                    <a:pt x="166184" y="760030"/>
                    <a:pt x="217001" y="466377"/>
                    <a:pt x="0" y="181401"/>
                  </a:cubicBezTo>
                  <a:close/>
                </a:path>
              </a:pathLst>
            </a:custGeom>
            <a:gradFill>
              <a:gsLst>
                <a:gs pos="0">
                  <a:srgbClr val="FFFFFF">
                    <a:lumMod val="85000"/>
                  </a:srgbClr>
                </a:gs>
                <a:gs pos="100000">
                  <a:srgbClr val="FFFFFF">
                    <a:lumMod val="85000"/>
                  </a:srgbClr>
                </a:gs>
                <a:gs pos="52000">
                  <a:srgbClr val="FFFFFF">
                    <a:lumMod val="95000"/>
                  </a:srgbClr>
                </a:gs>
              </a:gsLst>
              <a:lin ang="5400000" scaled="1"/>
            </a:gradFill>
            <a:ln w="25400" cap="flat" cmpd="sng" algn="ctr">
              <a:noFill/>
              <a:prstDash val="solid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229" name="Rectangle 15"/>
            <p:cNvSpPr/>
            <p:nvPr/>
          </p:nvSpPr>
          <p:spPr>
            <a:xfrm rot="17731953" flipH="1">
              <a:off x="1075256" y="1628654"/>
              <a:ext cx="1276340" cy="920362"/>
            </a:xfrm>
            <a:custGeom>
              <a:avLst/>
              <a:gdLst>
                <a:gd name="connsiteX0" fmla="*/ 0 w 801461"/>
                <a:gd name="connsiteY0" fmla="*/ 0 h 801461"/>
                <a:gd name="connsiteX1" fmla="*/ 801461 w 801461"/>
                <a:gd name="connsiteY1" fmla="*/ 0 h 801461"/>
                <a:gd name="connsiteX2" fmla="*/ 801461 w 801461"/>
                <a:gd name="connsiteY2" fmla="*/ 801461 h 801461"/>
                <a:gd name="connsiteX3" fmla="*/ 0 w 801461"/>
                <a:gd name="connsiteY3" fmla="*/ 801461 h 801461"/>
                <a:gd name="connsiteX4" fmla="*/ 0 w 801461"/>
                <a:gd name="connsiteY4" fmla="*/ 0 h 801461"/>
                <a:gd name="connsiteX0" fmla="*/ 0 w 1337242"/>
                <a:gd name="connsiteY0" fmla="*/ 52387 h 853848"/>
                <a:gd name="connsiteX1" fmla="*/ 1337242 w 1337242"/>
                <a:gd name="connsiteY1" fmla="*/ 0 h 853848"/>
                <a:gd name="connsiteX2" fmla="*/ 801461 w 1337242"/>
                <a:gd name="connsiteY2" fmla="*/ 853848 h 853848"/>
                <a:gd name="connsiteX3" fmla="*/ 0 w 1337242"/>
                <a:gd name="connsiteY3" fmla="*/ 853848 h 853848"/>
                <a:gd name="connsiteX4" fmla="*/ 0 w 1337242"/>
                <a:gd name="connsiteY4" fmla="*/ 52387 h 853848"/>
                <a:gd name="connsiteX0" fmla="*/ 0 w 1344385"/>
                <a:gd name="connsiteY0" fmla="*/ 59531 h 860992"/>
                <a:gd name="connsiteX1" fmla="*/ 1344385 w 1344385"/>
                <a:gd name="connsiteY1" fmla="*/ 0 h 860992"/>
                <a:gd name="connsiteX2" fmla="*/ 801461 w 1344385"/>
                <a:gd name="connsiteY2" fmla="*/ 860992 h 860992"/>
                <a:gd name="connsiteX3" fmla="*/ 0 w 1344385"/>
                <a:gd name="connsiteY3" fmla="*/ 860992 h 860992"/>
                <a:gd name="connsiteX4" fmla="*/ 0 w 1344385"/>
                <a:gd name="connsiteY4" fmla="*/ 59531 h 860992"/>
                <a:gd name="connsiteX0" fmla="*/ 0 w 1425348"/>
                <a:gd name="connsiteY0" fmla="*/ 59531 h 937192"/>
                <a:gd name="connsiteX1" fmla="*/ 1344385 w 1425348"/>
                <a:gd name="connsiteY1" fmla="*/ 0 h 937192"/>
                <a:gd name="connsiteX2" fmla="*/ 1425348 w 1425348"/>
                <a:gd name="connsiteY2" fmla="*/ 937192 h 937192"/>
                <a:gd name="connsiteX3" fmla="*/ 0 w 1425348"/>
                <a:gd name="connsiteY3" fmla="*/ 860992 h 937192"/>
                <a:gd name="connsiteX4" fmla="*/ 0 w 1425348"/>
                <a:gd name="connsiteY4" fmla="*/ 59531 h 937192"/>
                <a:gd name="connsiteX0" fmla="*/ 119062 w 1544410"/>
                <a:gd name="connsiteY0" fmla="*/ 59531 h 937192"/>
                <a:gd name="connsiteX1" fmla="*/ 1463447 w 1544410"/>
                <a:gd name="connsiteY1" fmla="*/ 0 h 937192"/>
                <a:gd name="connsiteX2" fmla="*/ 1544410 w 1544410"/>
                <a:gd name="connsiteY2" fmla="*/ 937192 h 937192"/>
                <a:gd name="connsiteX3" fmla="*/ 0 w 1544410"/>
                <a:gd name="connsiteY3" fmla="*/ 910998 h 937192"/>
                <a:gd name="connsiteX4" fmla="*/ 119062 w 1544410"/>
                <a:gd name="connsiteY4" fmla="*/ 59531 h 937192"/>
                <a:gd name="connsiteX0" fmla="*/ 126206 w 1551554"/>
                <a:gd name="connsiteY0" fmla="*/ 59531 h 937192"/>
                <a:gd name="connsiteX1" fmla="*/ 1470591 w 1551554"/>
                <a:gd name="connsiteY1" fmla="*/ 0 h 937192"/>
                <a:gd name="connsiteX2" fmla="*/ 1551554 w 1551554"/>
                <a:gd name="connsiteY2" fmla="*/ 937192 h 937192"/>
                <a:gd name="connsiteX3" fmla="*/ 0 w 1551554"/>
                <a:gd name="connsiteY3" fmla="*/ 922904 h 937192"/>
                <a:gd name="connsiteX4" fmla="*/ 126206 w 1551554"/>
                <a:gd name="connsiteY4" fmla="*/ 59531 h 937192"/>
                <a:gd name="connsiteX0" fmla="*/ 114300 w 1539648"/>
                <a:gd name="connsiteY0" fmla="*/ 59531 h 937192"/>
                <a:gd name="connsiteX1" fmla="*/ 1458685 w 1539648"/>
                <a:gd name="connsiteY1" fmla="*/ 0 h 937192"/>
                <a:gd name="connsiteX2" fmla="*/ 1539648 w 1539648"/>
                <a:gd name="connsiteY2" fmla="*/ 937192 h 937192"/>
                <a:gd name="connsiteX3" fmla="*/ 0 w 1539648"/>
                <a:gd name="connsiteY3" fmla="*/ 910997 h 937192"/>
                <a:gd name="connsiteX4" fmla="*/ 114300 w 1539648"/>
                <a:gd name="connsiteY4" fmla="*/ 59531 h 937192"/>
                <a:gd name="connsiteX0" fmla="*/ 0 w 1563460"/>
                <a:gd name="connsiteY0" fmla="*/ 0 h 939574"/>
                <a:gd name="connsiteX1" fmla="*/ 1482497 w 1563460"/>
                <a:gd name="connsiteY1" fmla="*/ 2382 h 939574"/>
                <a:gd name="connsiteX2" fmla="*/ 1563460 w 1563460"/>
                <a:gd name="connsiteY2" fmla="*/ 939574 h 939574"/>
                <a:gd name="connsiteX3" fmla="*/ 23812 w 1563460"/>
                <a:gd name="connsiteY3" fmla="*/ 913379 h 939574"/>
                <a:gd name="connsiteX4" fmla="*/ 0 w 1563460"/>
                <a:gd name="connsiteY4" fmla="*/ 0 h 939574"/>
                <a:gd name="connsiteX0" fmla="*/ 0 w 1558698"/>
                <a:gd name="connsiteY0" fmla="*/ 0 h 941955"/>
                <a:gd name="connsiteX1" fmla="*/ 1477735 w 1558698"/>
                <a:gd name="connsiteY1" fmla="*/ 4763 h 941955"/>
                <a:gd name="connsiteX2" fmla="*/ 1558698 w 1558698"/>
                <a:gd name="connsiteY2" fmla="*/ 941955 h 941955"/>
                <a:gd name="connsiteX3" fmla="*/ 19050 w 1558698"/>
                <a:gd name="connsiteY3" fmla="*/ 915760 h 941955"/>
                <a:gd name="connsiteX4" fmla="*/ 0 w 1558698"/>
                <a:gd name="connsiteY4" fmla="*/ 0 h 941955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75354 w 1561079"/>
                <a:gd name="connsiteY1" fmla="*/ 1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75354 w 1561079"/>
                <a:gd name="connsiteY1" fmla="*/ 1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56316"/>
                <a:gd name="connsiteY0" fmla="*/ 0 h 939574"/>
                <a:gd name="connsiteX1" fmla="*/ 1475354 w 1556316"/>
                <a:gd name="connsiteY1" fmla="*/ 1 h 939574"/>
                <a:gd name="connsiteX2" fmla="*/ 1556316 w 1556316"/>
                <a:gd name="connsiteY2" fmla="*/ 939574 h 939574"/>
                <a:gd name="connsiteX3" fmla="*/ 21431 w 1556316"/>
                <a:gd name="connsiteY3" fmla="*/ 913379 h 939574"/>
                <a:gd name="connsiteX4" fmla="*/ 0 w 1556316"/>
                <a:gd name="connsiteY4" fmla="*/ 0 h 939574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73156 w 1608041"/>
                <a:gd name="connsiteY3" fmla="*/ 913378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38258 w 1608041"/>
                <a:gd name="connsiteY3" fmla="*/ 816440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0172 w 1608041"/>
                <a:gd name="connsiteY3" fmla="*/ 817857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568943"/>
                <a:gd name="connsiteY0" fmla="*/ 29852 h 1008400"/>
                <a:gd name="connsiteX1" fmla="*/ 1527079 w 1568943"/>
                <a:gd name="connsiteY1" fmla="*/ 0 h 1008400"/>
                <a:gd name="connsiteX2" fmla="*/ 1568943 w 1568943"/>
                <a:gd name="connsiteY2" fmla="*/ 1008400 h 1008400"/>
                <a:gd name="connsiteX3" fmla="*/ 43503 w 1568943"/>
                <a:gd name="connsiteY3" fmla="*/ 817359 h 1008400"/>
                <a:gd name="connsiteX4" fmla="*/ 0 w 1568943"/>
                <a:gd name="connsiteY4" fmla="*/ 29852 h 1008400"/>
                <a:gd name="connsiteX0" fmla="*/ 0 w 1568022"/>
                <a:gd name="connsiteY0" fmla="*/ 29852 h 1013645"/>
                <a:gd name="connsiteX1" fmla="*/ 1527079 w 1568022"/>
                <a:gd name="connsiteY1" fmla="*/ 0 h 1013645"/>
                <a:gd name="connsiteX2" fmla="*/ 1568022 w 1568022"/>
                <a:gd name="connsiteY2" fmla="*/ 1013645 h 1013645"/>
                <a:gd name="connsiteX3" fmla="*/ 43503 w 1568022"/>
                <a:gd name="connsiteY3" fmla="*/ 817359 h 1013645"/>
                <a:gd name="connsiteX4" fmla="*/ 0 w 1568022"/>
                <a:gd name="connsiteY4" fmla="*/ 29852 h 1013645"/>
                <a:gd name="connsiteX0" fmla="*/ 0 w 1568022"/>
                <a:gd name="connsiteY0" fmla="*/ 29852 h 1013645"/>
                <a:gd name="connsiteX1" fmla="*/ 1527079 w 1568022"/>
                <a:gd name="connsiteY1" fmla="*/ 0 h 1013645"/>
                <a:gd name="connsiteX2" fmla="*/ 1568022 w 1568022"/>
                <a:gd name="connsiteY2" fmla="*/ 1013645 h 1013645"/>
                <a:gd name="connsiteX3" fmla="*/ 43503 w 1568022"/>
                <a:gd name="connsiteY3" fmla="*/ 817359 h 1013645"/>
                <a:gd name="connsiteX4" fmla="*/ 0 w 1568022"/>
                <a:gd name="connsiteY4" fmla="*/ 29852 h 1013645"/>
                <a:gd name="connsiteX0" fmla="*/ 0 w 1566606"/>
                <a:gd name="connsiteY0" fmla="*/ 29852 h 1015559"/>
                <a:gd name="connsiteX1" fmla="*/ 1527079 w 1566606"/>
                <a:gd name="connsiteY1" fmla="*/ 0 h 1015559"/>
                <a:gd name="connsiteX2" fmla="*/ 1566606 w 1566606"/>
                <a:gd name="connsiteY2" fmla="*/ 1015559 h 1015559"/>
                <a:gd name="connsiteX3" fmla="*/ 43503 w 1566606"/>
                <a:gd name="connsiteY3" fmla="*/ 817359 h 1015559"/>
                <a:gd name="connsiteX4" fmla="*/ 0 w 1566606"/>
                <a:gd name="connsiteY4" fmla="*/ 29852 h 1015559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618523" h="1167108">
                  <a:moveTo>
                    <a:pt x="0" y="181401"/>
                  </a:moveTo>
                  <a:cubicBezTo>
                    <a:pt x="342751" y="423923"/>
                    <a:pt x="999715" y="679364"/>
                    <a:pt x="1618523" y="0"/>
                  </a:cubicBezTo>
                  <a:cubicBezTo>
                    <a:pt x="1386856" y="428377"/>
                    <a:pt x="1410120" y="800138"/>
                    <a:pt x="1566606" y="1167108"/>
                  </a:cubicBezTo>
                  <a:cubicBezTo>
                    <a:pt x="1250102" y="578688"/>
                    <a:pt x="339077" y="783035"/>
                    <a:pt x="43503" y="968908"/>
                  </a:cubicBezTo>
                  <a:cubicBezTo>
                    <a:pt x="166184" y="760030"/>
                    <a:pt x="217001" y="466377"/>
                    <a:pt x="0" y="181401"/>
                  </a:cubicBezTo>
                  <a:close/>
                </a:path>
              </a:pathLst>
            </a:custGeom>
            <a:gradFill>
              <a:gsLst>
                <a:gs pos="0">
                  <a:srgbClr val="FFFFFF">
                    <a:lumMod val="85000"/>
                  </a:srgbClr>
                </a:gs>
                <a:gs pos="100000">
                  <a:srgbClr val="FFFFFF">
                    <a:lumMod val="85000"/>
                  </a:srgbClr>
                </a:gs>
                <a:gs pos="52000">
                  <a:srgbClr val="FFFFFF">
                    <a:lumMod val="95000"/>
                  </a:srgbClr>
                </a:gs>
              </a:gsLst>
              <a:lin ang="5400000" scaled="1"/>
            </a:gradFill>
            <a:ln w="25400" cap="flat" cmpd="sng" algn="ctr">
              <a:noFill/>
              <a:prstDash val="solid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230" name="Rectangle 15"/>
            <p:cNvSpPr/>
            <p:nvPr/>
          </p:nvSpPr>
          <p:spPr>
            <a:xfrm rot="19746860" flipH="1">
              <a:off x="1718489" y="2184289"/>
              <a:ext cx="1276340" cy="920362"/>
            </a:xfrm>
            <a:custGeom>
              <a:avLst/>
              <a:gdLst>
                <a:gd name="connsiteX0" fmla="*/ 0 w 801461"/>
                <a:gd name="connsiteY0" fmla="*/ 0 h 801461"/>
                <a:gd name="connsiteX1" fmla="*/ 801461 w 801461"/>
                <a:gd name="connsiteY1" fmla="*/ 0 h 801461"/>
                <a:gd name="connsiteX2" fmla="*/ 801461 w 801461"/>
                <a:gd name="connsiteY2" fmla="*/ 801461 h 801461"/>
                <a:gd name="connsiteX3" fmla="*/ 0 w 801461"/>
                <a:gd name="connsiteY3" fmla="*/ 801461 h 801461"/>
                <a:gd name="connsiteX4" fmla="*/ 0 w 801461"/>
                <a:gd name="connsiteY4" fmla="*/ 0 h 801461"/>
                <a:gd name="connsiteX0" fmla="*/ 0 w 1337242"/>
                <a:gd name="connsiteY0" fmla="*/ 52387 h 853848"/>
                <a:gd name="connsiteX1" fmla="*/ 1337242 w 1337242"/>
                <a:gd name="connsiteY1" fmla="*/ 0 h 853848"/>
                <a:gd name="connsiteX2" fmla="*/ 801461 w 1337242"/>
                <a:gd name="connsiteY2" fmla="*/ 853848 h 853848"/>
                <a:gd name="connsiteX3" fmla="*/ 0 w 1337242"/>
                <a:gd name="connsiteY3" fmla="*/ 853848 h 853848"/>
                <a:gd name="connsiteX4" fmla="*/ 0 w 1337242"/>
                <a:gd name="connsiteY4" fmla="*/ 52387 h 853848"/>
                <a:gd name="connsiteX0" fmla="*/ 0 w 1344385"/>
                <a:gd name="connsiteY0" fmla="*/ 59531 h 860992"/>
                <a:gd name="connsiteX1" fmla="*/ 1344385 w 1344385"/>
                <a:gd name="connsiteY1" fmla="*/ 0 h 860992"/>
                <a:gd name="connsiteX2" fmla="*/ 801461 w 1344385"/>
                <a:gd name="connsiteY2" fmla="*/ 860992 h 860992"/>
                <a:gd name="connsiteX3" fmla="*/ 0 w 1344385"/>
                <a:gd name="connsiteY3" fmla="*/ 860992 h 860992"/>
                <a:gd name="connsiteX4" fmla="*/ 0 w 1344385"/>
                <a:gd name="connsiteY4" fmla="*/ 59531 h 860992"/>
                <a:gd name="connsiteX0" fmla="*/ 0 w 1425348"/>
                <a:gd name="connsiteY0" fmla="*/ 59531 h 937192"/>
                <a:gd name="connsiteX1" fmla="*/ 1344385 w 1425348"/>
                <a:gd name="connsiteY1" fmla="*/ 0 h 937192"/>
                <a:gd name="connsiteX2" fmla="*/ 1425348 w 1425348"/>
                <a:gd name="connsiteY2" fmla="*/ 937192 h 937192"/>
                <a:gd name="connsiteX3" fmla="*/ 0 w 1425348"/>
                <a:gd name="connsiteY3" fmla="*/ 860992 h 937192"/>
                <a:gd name="connsiteX4" fmla="*/ 0 w 1425348"/>
                <a:gd name="connsiteY4" fmla="*/ 59531 h 937192"/>
                <a:gd name="connsiteX0" fmla="*/ 119062 w 1544410"/>
                <a:gd name="connsiteY0" fmla="*/ 59531 h 937192"/>
                <a:gd name="connsiteX1" fmla="*/ 1463447 w 1544410"/>
                <a:gd name="connsiteY1" fmla="*/ 0 h 937192"/>
                <a:gd name="connsiteX2" fmla="*/ 1544410 w 1544410"/>
                <a:gd name="connsiteY2" fmla="*/ 937192 h 937192"/>
                <a:gd name="connsiteX3" fmla="*/ 0 w 1544410"/>
                <a:gd name="connsiteY3" fmla="*/ 910998 h 937192"/>
                <a:gd name="connsiteX4" fmla="*/ 119062 w 1544410"/>
                <a:gd name="connsiteY4" fmla="*/ 59531 h 937192"/>
                <a:gd name="connsiteX0" fmla="*/ 126206 w 1551554"/>
                <a:gd name="connsiteY0" fmla="*/ 59531 h 937192"/>
                <a:gd name="connsiteX1" fmla="*/ 1470591 w 1551554"/>
                <a:gd name="connsiteY1" fmla="*/ 0 h 937192"/>
                <a:gd name="connsiteX2" fmla="*/ 1551554 w 1551554"/>
                <a:gd name="connsiteY2" fmla="*/ 937192 h 937192"/>
                <a:gd name="connsiteX3" fmla="*/ 0 w 1551554"/>
                <a:gd name="connsiteY3" fmla="*/ 922904 h 937192"/>
                <a:gd name="connsiteX4" fmla="*/ 126206 w 1551554"/>
                <a:gd name="connsiteY4" fmla="*/ 59531 h 937192"/>
                <a:gd name="connsiteX0" fmla="*/ 114300 w 1539648"/>
                <a:gd name="connsiteY0" fmla="*/ 59531 h 937192"/>
                <a:gd name="connsiteX1" fmla="*/ 1458685 w 1539648"/>
                <a:gd name="connsiteY1" fmla="*/ 0 h 937192"/>
                <a:gd name="connsiteX2" fmla="*/ 1539648 w 1539648"/>
                <a:gd name="connsiteY2" fmla="*/ 937192 h 937192"/>
                <a:gd name="connsiteX3" fmla="*/ 0 w 1539648"/>
                <a:gd name="connsiteY3" fmla="*/ 910997 h 937192"/>
                <a:gd name="connsiteX4" fmla="*/ 114300 w 1539648"/>
                <a:gd name="connsiteY4" fmla="*/ 59531 h 937192"/>
                <a:gd name="connsiteX0" fmla="*/ 0 w 1563460"/>
                <a:gd name="connsiteY0" fmla="*/ 0 h 939574"/>
                <a:gd name="connsiteX1" fmla="*/ 1482497 w 1563460"/>
                <a:gd name="connsiteY1" fmla="*/ 2382 h 939574"/>
                <a:gd name="connsiteX2" fmla="*/ 1563460 w 1563460"/>
                <a:gd name="connsiteY2" fmla="*/ 939574 h 939574"/>
                <a:gd name="connsiteX3" fmla="*/ 23812 w 1563460"/>
                <a:gd name="connsiteY3" fmla="*/ 913379 h 939574"/>
                <a:gd name="connsiteX4" fmla="*/ 0 w 1563460"/>
                <a:gd name="connsiteY4" fmla="*/ 0 h 939574"/>
                <a:gd name="connsiteX0" fmla="*/ 0 w 1558698"/>
                <a:gd name="connsiteY0" fmla="*/ 0 h 941955"/>
                <a:gd name="connsiteX1" fmla="*/ 1477735 w 1558698"/>
                <a:gd name="connsiteY1" fmla="*/ 4763 h 941955"/>
                <a:gd name="connsiteX2" fmla="*/ 1558698 w 1558698"/>
                <a:gd name="connsiteY2" fmla="*/ 941955 h 941955"/>
                <a:gd name="connsiteX3" fmla="*/ 19050 w 1558698"/>
                <a:gd name="connsiteY3" fmla="*/ 915760 h 941955"/>
                <a:gd name="connsiteX4" fmla="*/ 0 w 1558698"/>
                <a:gd name="connsiteY4" fmla="*/ 0 h 941955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75354 w 1561079"/>
                <a:gd name="connsiteY1" fmla="*/ 1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75354 w 1561079"/>
                <a:gd name="connsiteY1" fmla="*/ 1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56316"/>
                <a:gd name="connsiteY0" fmla="*/ 0 h 939574"/>
                <a:gd name="connsiteX1" fmla="*/ 1475354 w 1556316"/>
                <a:gd name="connsiteY1" fmla="*/ 1 h 939574"/>
                <a:gd name="connsiteX2" fmla="*/ 1556316 w 1556316"/>
                <a:gd name="connsiteY2" fmla="*/ 939574 h 939574"/>
                <a:gd name="connsiteX3" fmla="*/ 21431 w 1556316"/>
                <a:gd name="connsiteY3" fmla="*/ 913379 h 939574"/>
                <a:gd name="connsiteX4" fmla="*/ 0 w 1556316"/>
                <a:gd name="connsiteY4" fmla="*/ 0 h 939574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73156 w 1608041"/>
                <a:gd name="connsiteY3" fmla="*/ 913378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38258 w 1608041"/>
                <a:gd name="connsiteY3" fmla="*/ 816440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0172 w 1608041"/>
                <a:gd name="connsiteY3" fmla="*/ 817857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568943"/>
                <a:gd name="connsiteY0" fmla="*/ 29852 h 1008400"/>
                <a:gd name="connsiteX1" fmla="*/ 1527079 w 1568943"/>
                <a:gd name="connsiteY1" fmla="*/ 0 h 1008400"/>
                <a:gd name="connsiteX2" fmla="*/ 1568943 w 1568943"/>
                <a:gd name="connsiteY2" fmla="*/ 1008400 h 1008400"/>
                <a:gd name="connsiteX3" fmla="*/ 43503 w 1568943"/>
                <a:gd name="connsiteY3" fmla="*/ 817359 h 1008400"/>
                <a:gd name="connsiteX4" fmla="*/ 0 w 1568943"/>
                <a:gd name="connsiteY4" fmla="*/ 29852 h 1008400"/>
                <a:gd name="connsiteX0" fmla="*/ 0 w 1568022"/>
                <a:gd name="connsiteY0" fmla="*/ 29852 h 1013645"/>
                <a:gd name="connsiteX1" fmla="*/ 1527079 w 1568022"/>
                <a:gd name="connsiteY1" fmla="*/ 0 h 1013645"/>
                <a:gd name="connsiteX2" fmla="*/ 1568022 w 1568022"/>
                <a:gd name="connsiteY2" fmla="*/ 1013645 h 1013645"/>
                <a:gd name="connsiteX3" fmla="*/ 43503 w 1568022"/>
                <a:gd name="connsiteY3" fmla="*/ 817359 h 1013645"/>
                <a:gd name="connsiteX4" fmla="*/ 0 w 1568022"/>
                <a:gd name="connsiteY4" fmla="*/ 29852 h 1013645"/>
                <a:gd name="connsiteX0" fmla="*/ 0 w 1568022"/>
                <a:gd name="connsiteY0" fmla="*/ 29852 h 1013645"/>
                <a:gd name="connsiteX1" fmla="*/ 1527079 w 1568022"/>
                <a:gd name="connsiteY1" fmla="*/ 0 h 1013645"/>
                <a:gd name="connsiteX2" fmla="*/ 1568022 w 1568022"/>
                <a:gd name="connsiteY2" fmla="*/ 1013645 h 1013645"/>
                <a:gd name="connsiteX3" fmla="*/ 43503 w 1568022"/>
                <a:gd name="connsiteY3" fmla="*/ 817359 h 1013645"/>
                <a:gd name="connsiteX4" fmla="*/ 0 w 1568022"/>
                <a:gd name="connsiteY4" fmla="*/ 29852 h 1013645"/>
                <a:gd name="connsiteX0" fmla="*/ 0 w 1566606"/>
                <a:gd name="connsiteY0" fmla="*/ 29852 h 1015559"/>
                <a:gd name="connsiteX1" fmla="*/ 1527079 w 1566606"/>
                <a:gd name="connsiteY1" fmla="*/ 0 h 1015559"/>
                <a:gd name="connsiteX2" fmla="*/ 1566606 w 1566606"/>
                <a:gd name="connsiteY2" fmla="*/ 1015559 h 1015559"/>
                <a:gd name="connsiteX3" fmla="*/ 43503 w 1566606"/>
                <a:gd name="connsiteY3" fmla="*/ 817359 h 1015559"/>
                <a:gd name="connsiteX4" fmla="*/ 0 w 1566606"/>
                <a:gd name="connsiteY4" fmla="*/ 29852 h 1015559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618523" h="1167108">
                  <a:moveTo>
                    <a:pt x="0" y="181401"/>
                  </a:moveTo>
                  <a:cubicBezTo>
                    <a:pt x="342751" y="423923"/>
                    <a:pt x="999715" y="679364"/>
                    <a:pt x="1618523" y="0"/>
                  </a:cubicBezTo>
                  <a:cubicBezTo>
                    <a:pt x="1386856" y="428377"/>
                    <a:pt x="1410120" y="800138"/>
                    <a:pt x="1566606" y="1167108"/>
                  </a:cubicBezTo>
                  <a:cubicBezTo>
                    <a:pt x="1250102" y="578688"/>
                    <a:pt x="339077" y="783035"/>
                    <a:pt x="43503" y="968908"/>
                  </a:cubicBezTo>
                  <a:cubicBezTo>
                    <a:pt x="166184" y="760030"/>
                    <a:pt x="217001" y="466377"/>
                    <a:pt x="0" y="181401"/>
                  </a:cubicBezTo>
                  <a:close/>
                </a:path>
              </a:pathLst>
            </a:custGeom>
            <a:gradFill>
              <a:gsLst>
                <a:gs pos="0">
                  <a:srgbClr val="FFFFFF">
                    <a:lumMod val="85000"/>
                  </a:srgbClr>
                </a:gs>
                <a:gs pos="100000">
                  <a:srgbClr val="FFFFFF">
                    <a:lumMod val="85000"/>
                  </a:srgbClr>
                </a:gs>
                <a:gs pos="52000">
                  <a:srgbClr val="FFFFFF">
                    <a:lumMod val="95000"/>
                  </a:srgbClr>
                </a:gs>
              </a:gsLst>
              <a:lin ang="5400000" scaled="1"/>
            </a:gradFill>
            <a:ln w="25400" cap="flat" cmpd="sng" algn="ctr">
              <a:noFill/>
              <a:prstDash val="solid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231" name="Rectangle 15"/>
            <p:cNvSpPr/>
            <p:nvPr/>
          </p:nvSpPr>
          <p:spPr>
            <a:xfrm rot="2294061" flipH="1">
              <a:off x="1633478" y="3835693"/>
              <a:ext cx="1276340" cy="920362"/>
            </a:xfrm>
            <a:custGeom>
              <a:avLst/>
              <a:gdLst>
                <a:gd name="connsiteX0" fmla="*/ 0 w 801461"/>
                <a:gd name="connsiteY0" fmla="*/ 0 h 801461"/>
                <a:gd name="connsiteX1" fmla="*/ 801461 w 801461"/>
                <a:gd name="connsiteY1" fmla="*/ 0 h 801461"/>
                <a:gd name="connsiteX2" fmla="*/ 801461 w 801461"/>
                <a:gd name="connsiteY2" fmla="*/ 801461 h 801461"/>
                <a:gd name="connsiteX3" fmla="*/ 0 w 801461"/>
                <a:gd name="connsiteY3" fmla="*/ 801461 h 801461"/>
                <a:gd name="connsiteX4" fmla="*/ 0 w 801461"/>
                <a:gd name="connsiteY4" fmla="*/ 0 h 801461"/>
                <a:gd name="connsiteX0" fmla="*/ 0 w 1337242"/>
                <a:gd name="connsiteY0" fmla="*/ 52387 h 853848"/>
                <a:gd name="connsiteX1" fmla="*/ 1337242 w 1337242"/>
                <a:gd name="connsiteY1" fmla="*/ 0 h 853848"/>
                <a:gd name="connsiteX2" fmla="*/ 801461 w 1337242"/>
                <a:gd name="connsiteY2" fmla="*/ 853848 h 853848"/>
                <a:gd name="connsiteX3" fmla="*/ 0 w 1337242"/>
                <a:gd name="connsiteY3" fmla="*/ 853848 h 853848"/>
                <a:gd name="connsiteX4" fmla="*/ 0 w 1337242"/>
                <a:gd name="connsiteY4" fmla="*/ 52387 h 853848"/>
                <a:gd name="connsiteX0" fmla="*/ 0 w 1344385"/>
                <a:gd name="connsiteY0" fmla="*/ 59531 h 860992"/>
                <a:gd name="connsiteX1" fmla="*/ 1344385 w 1344385"/>
                <a:gd name="connsiteY1" fmla="*/ 0 h 860992"/>
                <a:gd name="connsiteX2" fmla="*/ 801461 w 1344385"/>
                <a:gd name="connsiteY2" fmla="*/ 860992 h 860992"/>
                <a:gd name="connsiteX3" fmla="*/ 0 w 1344385"/>
                <a:gd name="connsiteY3" fmla="*/ 860992 h 860992"/>
                <a:gd name="connsiteX4" fmla="*/ 0 w 1344385"/>
                <a:gd name="connsiteY4" fmla="*/ 59531 h 860992"/>
                <a:gd name="connsiteX0" fmla="*/ 0 w 1425348"/>
                <a:gd name="connsiteY0" fmla="*/ 59531 h 937192"/>
                <a:gd name="connsiteX1" fmla="*/ 1344385 w 1425348"/>
                <a:gd name="connsiteY1" fmla="*/ 0 h 937192"/>
                <a:gd name="connsiteX2" fmla="*/ 1425348 w 1425348"/>
                <a:gd name="connsiteY2" fmla="*/ 937192 h 937192"/>
                <a:gd name="connsiteX3" fmla="*/ 0 w 1425348"/>
                <a:gd name="connsiteY3" fmla="*/ 860992 h 937192"/>
                <a:gd name="connsiteX4" fmla="*/ 0 w 1425348"/>
                <a:gd name="connsiteY4" fmla="*/ 59531 h 937192"/>
                <a:gd name="connsiteX0" fmla="*/ 119062 w 1544410"/>
                <a:gd name="connsiteY0" fmla="*/ 59531 h 937192"/>
                <a:gd name="connsiteX1" fmla="*/ 1463447 w 1544410"/>
                <a:gd name="connsiteY1" fmla="*/ 0 h 937192"/>
                <a:gd name="connsiteX2" fmla="*/ 1544410 w 1544410"/>
                <a:gd name="connsiteY2" fmla="*/ 937192 h 937192"/>
                <a:gd name="connsiteX3" fmla="*/ 0 w 1544410"/>
                <a:gd name="connsiteY3" fmla="*/ 910998 h 937192"/>
                <a:gd name="connsiteX4" fmla="*/ 119062 w 1544410"/>
                <a:gd name="connsiteY4" fmla="*/ 59531 h 937192"/>
                <a:gd name="connsiteX0" fmla="*/ 126206 w 1551554"/>
                <a:gd name="connsiteY0" fmla="*/ 59531 h 937192"/>
                <a:gd name="connsiteX1" fmla="*/ 1470591 w 1551554"/>
                <a:gd name="connsiteY1" fmla="*/ 0 h 937192"/>
                <a:gd name="connsiteX2" fmla="*/ 1551554 w 1551554"/>
                <a:gd name="connsiteY2" fmla="*/ 937192 h 937192"/>
                <a:gd name="connsiteX3" fmla="*/ 0 w 1551554"/>
                <a:gd name="connsiteY3" fmla="*/ 922904 h 937192"/>
                <a:gd name="connsiteX4" fmla="*/ 126206 w 1551554"/>
                <a:gd name="connsiteY4" fmla="*/ 59531 h 937192"/>
                <a:gd name="connsiteX0" fmla="*/ 114300 w 1539648"/>
                <a:gd name="connsiteY0" fmla="*/ 59531 h 937192"/>
                <a:gd name="connsiteX1" fmla="*/ 1458685 w 1539648"/>
                <a:gd name="connsiteY1" fmla="*/ 0 h 937192"/>
                <a:gd name="connsiteX2" fmla="*/ 1539648 w 1539648"/>
                <a:gd name="connsiteY2" fmla="*/ 937192 h 937192"/>
                <a:gd name="connsiteX3" fmla="*/ 0 w 1539648"/>
                <a:gd name="connsiteY3" fmla="*/ 910997 h 937192"/>
                <a:gd name="connsiteX4" fmla="*/ 114300 w 1539648"/>
                <a:gd name="connsiteY4" fmla="*/ 59531 h 937192"/>
                <a:gd name="connsiteX0" fmla="*/ 0 w 1563460"/>
                <a:gd name="connsiteY0" fmla="*/ 0 h 939574"/>
                <a:gd name="connsiteX1" fmla="*/ 1482497 w 1563460"/>
                <a:gd name="connsiteY1" fmla="*/ 2382 h 939574"/>
                <a:gd name="connsiteX2" fmla="*/ 1563460 w 1563460"/>
                <a:gd name="connsiteY2" fmla="*/ 939574 h 939574"/>
                <a:gd name="connsiteX3" fmla="*/ 23812 w 1563460"/>
                <a:gd name="connsiteY3" fmla="*/ 913379 h 939574"/>
                <a:gd name="connsiteX4" fmla="*/ 0 w 1563460"/>
                <a:gd name="connsiteY4" fmla="*/ 0 h 939574"/>
                <a:gd name="connsiteX0" fmla="*/ 0 w 1558698"/>
                <a:gd name="connsiteY0" fmla="*/ 0 h 941955"/>
                <a:gd name="connsiteX1" fmla="*/ 1477735 w 1558698"/>
                <a:gd name="connsiteY1" fmla="*/ 4763 h 941955"/>
                <a:gd name="connsiteX2" fmla="*/ 1558698 w 1558698"/>
                <a:gd name="connsiteY2" fmla="*/ 941955 h 941955"/>
                <a:gd name="connsiteX3" fmla="*/ 19050 w 1558698"/>
                <a:gd name="connsiteY3" fmla="*/ 915760 h 941955"/>
                <a:gd name="connsiteX4" fmla="*/ 0 w 1558698"/>
                <a:gd name="connsiteY4" fmla="*/ 0 h 941955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75354 w 1561079"/>
                <a:gd name="connsiteY1" fmla="*/ 1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75354 w 1561079"/>
                <a:gd name="connsiteY1" fmla="*/ 1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56316"/>
                <a:gd name="connsiteY0" fmla="*/ 0 h 939574"/>
                <a:gd name="connsiteX1" fmla="*/ 1475354 w 1556316"/>
                <a:gd name="connsiteY1" fmla="*/ 1 h 939574"/>
                <a:gd name="connsiteX2" fmla="*/ 1556316 w 1556316"/>
                <a:gd name="connsiteY2" fmla="*/ 939574 h 939574"/>
                <a:gd name="connsiteX3" fmla="*/ 21431 w 1556316"/>
                <a:gd name="connsiteY3" fmla="*/ 913379 h 939574"/>
                <a:gd name="connsiteX4" fmla="*/ 0 w 1556316"/>
                <a:gd name="connsiteY4" fmla="*/ 0 h 939574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73156 w 1608041"/>
                <a:gd name="connsiteY3" fmla="*/ 913378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38258 w 1608041"/>
                <a:gd name="connsiteY3" fmla="*/ 816440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0172 w 1608041"/>
                <a:gd name="connsiteY3" fmla="*/ 817857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568943"/>
                <a:gd name="connsiteY0" fmla="*/ 29852 h 1008400"/>
                <a:gd name="connsiteX1" fmla="*/ 1527079 w 1568943"/>
                <a:gd name="connsiteY1" fmla="*/ 0 h 1008400"/>
                <a:gd name="connsiteX2" fmla="*/ 1568943 w 1568943"/>
                <a:gd name="connsiteY2" fmla="*/ 1008400 h 1008400"/>
                <a:gd name="connsiteX3" fmla="*/ 43503 w 1568943"/>
                <a:gd name="connsiteY3" fmla="*/ 817359 h 1008400"/>
                <a:gd name="connsiteX4" fmla="*/ 0 w 1568943"/>
                <a:gd name="connsiteY4" fmla="*/ 29852 h 1008400"/>
                <a:gd name="connsiteX0" fmla="*/ 0 w 1568022"/>
                <a:gd name="connsiteY0" fmla="*/ 29852 h 1013645"/>
                <a:gd name="connsiteX1" fmla="*/ 1527079 w 1568022"/>
                <a:gd name="connsiteY1" fmla="*/ 0 h 1013645"/>
                <a:gd name="connsiteX2" fmla="*/ 1568022 w 1568022"/>
                <a:gd name="connsiteY2" fmla="*/ 1013645 h 1013645"/>
                <a:gd name="connsiteX3" fmla="*/ 43503 w 1568022"/>
                <a:gd name="connsiteY3" fmla="*/ 817359 h 1013645"/>
                <a:gd name="connsiteX4" fmla="*/ 0 w 1568022"/>
                <a:gd name="connsiteY4" fmla="*/ 29852 h 1013645"/>
                <a:gd name="connsiteX0" fmla="*/ 0 w 1568022"/>
                <a:gd name="connsiteY0" fmla="*/ 29852 h 1013645"/>
                <a:gd name="connsiteX1" fmla="*/ 1527079 w 1568022"/>
                <a:gd name="connsiteY1" fmla="*/ 0 h 1013645"/>
                <a:gd name="connsiteX2" fmla="*/ 1568022 w 1568022"/>
                <a:gd name="connsiteY2" fmla="*/ 1013645 h 1013645"/>
                <a:gd name="connsiteX3" fmla="*/ 43503 w 1568022"/>
                <a:gd name="connsiteY3" fmla="*/ 817359 h 1013645"/>
                <a:gd name="connsiteX4" fmla="*/ 0 w 1568022"/>
                <a:gd name="connsiteY4" fmla="*/ 29852 h 1013645"/>
                <a:gd name="connsiteX0" fmla="*/ 0 w 1566606"/>
                <a:gd name="connsiteY0" fmla="*/ 29852 h 1015559"/>
                <a:gd name="connsiteX1" fmla="*/ 1527079 w 1566606"/>
                <a:gd name="connsiteY1" fmla="*/ 0 h 1015559"/>
                <a:gd name="connsiteX2" fmla="*/ 1566606 w 1566606"/>
                <a:gd name="connsiteY2" fmla="*/ 1015559 h 1015559"/>
                <a:gd name="connsiteX3" fmla="*/ 43503 w 1566606"/>
                <a:gd name="connsiteY3" fmla="*/ 817359 h 1015559"/>
                <a:gd name="connsiteX4" fmla="*/ 0 w 1566606"/>
                <a:gd name="connsiteY4" fmla="*/ 29852 h 1015559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618523" h="1167108">
                  <a:moveTo>
                    <a:pt x="0" y="181401"/>
                  </a:moveTo>
                  <a:cubicBezTo>
                    <a:pt x="342751" y="423923"/>
                    <a:pt x="999715" y="679364"/>
                    <a:pt x="1618523" y="0"/>
                  </a:cubicBezTo>
                  <a:cubicBezTo>
                    <a:pt x="1386856" y="428377"/>
                    <a:pt x="1410120" y="800138"/>
                    <a:pt x="1566606" y="1167108"/>
                  </a:cubicBezTo>
                  <a:cubicBezTo>
                    <a:pt x="1250102" y="578688"/>
                    <a:pt x="339077" y="783035"/>
                    <a:pt x="43503" y="968908"/>
                  </a:cubicBezTo>
                  <a:cubicBezTo>
                    <a:pt x="166184" y="760030"/>
                    <a:pt x="217001" y="466377"/>
                    <a:pt x="0" y="181401"/>
                  </a:cubicBezTo>
                  <a:close/>
                </a:path>
              </a:pathLst>
            </a:custGeom>
            <a:gradFill>
              <a:gsLst>
                <a:gs pos="0">
                  <a:srgbClr val="FFFFFF">
                    <a:lumMod val="85000"/>
                  </a:srgbClr>
                </a:gs>
                <a:gs pos="100000">
                  <a:srgbClr val="FFFFFF">
                    <a:lumMod val="85000"/>
                  </a:srgbClr>
                </a:gs>
                <a:gs pos="52000">
                  <a:srgbClr val="FFFFFF">
                    <a:lumMod val="95000"/>
                  </a:srgbClr>
                </a:gs>
              </a:gsLst>
              <a:lin ang="5400000" scaled="1"/>
            </a:gradFill>
            <a:ln w="25400" cap="flat" cmpd="sng" algn="ctr">
              <a:noFill/>
              <a:prstDash val="solid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233" name="Rectangle 15"/>
            <p:cNvSpPr/>
            <p:nvPr/>
          </p:nvSpPr>
          <p:spPr>
            <a:xfrm rot="163701" flipH="1">
              <a:off x="1913090" y="2992910"/>
              <a:ext cx="1276340" cy="920362"/>
            </a:xfrm>
            <a:custGeom>
              <a:avLst/>
              <a:gdLst>
                <a:gd name="connsiteX0" fmla="*/ 0 w 801461"/>
                <a:gd name="connsiteY0" fmla="*/ 0 h 801461"/>
                <a:gd name="connsiteX1" fmla="*/ 801461 w 801461"/>
                <a:gd name="connsiteY1" fmla="*/ 0 h 801461"/>
                <a:gd name="connsiteX2" fmla="*/ 801461 w 801461"/>
                <a:gd name="connsiteY2" fmla="*/ 801461 h 801461"/>
                <a:gd name="connsiteX3" fmla="*/ 0 w 801461"/>
                <a:gd name="connsiteY3" fmla="*/ 801461 h 801461"/>
                <a:gd name="connsiteX4" fmla="*/ 0 w 801461"/>
                <a:gd name="connsiteY4" fmla="*/ 0 h 801461"/>
                <a:gd name="connsiteX0" fmla="*/ 0 w 1337242"/>
                <a:gd name="connsiteY0" fmla="*/ 52387 h 853848"/>
                <a:gd name="connsiteX1" fmla="*/ 1337242 w 1337242"/>
                <a:gd name="connsiteY1" fmla="*/ 0 h 853848"/>
                <a:gd name="connsiteX2" fmla="*/ 801461 w 1337242"/>
                <a:gd name="connsiteY2" fmla="*/ 853848 h 853848"/>
                <a:gd name="connsiteX3" fmla="*/ 0 w 1337242"/>
                <a:gd name="connsiteY3" fmla="*/ 853848 h 853848"/>
                <a:gd name="connsiteX4" fmla="*/ 0 w 1337242"/>
                <a:gd name="connsiteY4" fmla="*/ 52387 h 853848"/>
                <a:gd name="connsiteX0" fmla="*/ 0 w 1344385"/>
                <a:gd name="connsiteY0" fmla="*/ 59531 h 860992"/>
                <a:gd name="connsiteX1" fmla="*/ 1344385 w 1344385"/>
                <a:gd name="connsiteY1" fmla="*/ 0 h 860992"/>
                <a:gd name="connsiteX2" fmla="*/ 801461 w 1344385"/>
                <a:gd name="connsiteY2" fmla="*/ 860992 h 860992"/>
                <a:gd name="connsiteX3" fmla="*/ 0 w 1344385"/>
                <a:gd name="connsiteY3" fmla="*/ 860992 h 860992"/>
                <a:gd name="connsiteX4" fmla="*/ 0 w 1344385"/>
                <a:gd name="connsiteY4" fmla="*/ 59531 h 860992"/>
                <a:gd name="connsiteX0" fmla="*/ 0 w 1425348"/>
                <a:gd name="connsiteY0" fmla="*/ 59531 h 937192"/>
                <a:gd name="connsiteX1" fmla="*/ 1344385 w 1425348"/>
                <a:gd name="connsiteY1" fmla="*/ 0 h 937192"/>
                <a:gd name="connsiteX2" fmla="*/ 1425348 w 1425348"/>
                <a:gd name="connsiteY2" fmla="*/ 937192 h 937192"/>
                <a:gd name="connsiteX3" fmla="*/ 0 w 1425348"/>
                <a:gd name="connsiteY3" fmla="*/ 860992 h 937192"/>
                <a:gd name="connsiteX4" fmla="*/ 0 w 1425348"/>
                <a:gd name="connsiteY4" fmla="*/ 59531 h 937192"/>
                <a:gd name="connsiteX0" fmla="*/ 119062 w 1544410"/>
                <a:gd name="connsiteY0" fmla="*/ 59531 h 937192"/>
                <a:gd name="connsiteX1" fmla="*/ 1463447 w 1544410"/>
                <a:gd name="connsiteY1" fmla="*/ 0 h 937192"/>
                <a:gd name="connsiteX2" fmla="*/ 1544410 w 1544410"/>
                <a:gd name="connsiteY2" fmla="*/ 937192 h 937192"/>
                <a:gd name="connsiteX3" fmla="*/ 0 w 1544410"/>
                <a:gd name="connsiteY3" fmla="*/ 910998 h 937192"/>
                <a:gd name="connsiteX4" fmla="*/ 119062 w 1544410"/>
                <a:gd name="connsiteY4" fmla="*/ 59531 h 937192"/>
                <a:gd name="connsiteX0" fmla="*/ 126206 w 1551554"/>
                <a:gd name="connsiteY0" fmla="*/ 59531 h 937192"/>
                <a:gd name="connsiteX1" fmla="*/ 1470591 w 1551554"/>
                <a:gd name="connsiteY1" fmla="*/ 0 h 937192"/>
                <a:gd name="connsiteX2" fmla="*/ 1551554 w 1551554"/>
                <a:gd name="connsiteY2" fmla="*/ 937192 h 937192"/>
                <a:gd name="connsiteX3" fmla="*/ 0 w 1551554"/>
                <a:gd name="connsiteY3" fmla="*/ 922904 h 937192"/>
                <a:gd name="connsiteX4" fmla="*/ 126206 w 1551554"/>
                <a:gd name="connsiteY4" fmla="*/ 59531 h 937192"/>
                <a:gd name="connsiteX0" fmla="*/ 114300 w 1539648"/>
                <a:gd name="connsiteY0" fmla="*/ 59531 h 937192"/>
                <a:gd name="connsiteX1" fmla="*/ 1458685 w 1539648"/>
                <a:gd name="connsiteY1" fmla="*/ 0 h 937192"/>
                <a:gd name="connsiteX2" fmla="*/ 1539648 w 1539648"/>
                <a:gd name="connsiteY2" fmla="*/ 937192 h 937192"/>
                <a:gd name="connsiteX3" fmla="*/ 0 w 1539648"/>
                <a:gd name="connsiteY3" fmla="*/ 910997 h 937192"/>
                <a:gd name="connsiteX4" fmla="*/ 114300 w 1539648"/>
                <a:gd name="connsiteY4" fmla="*/ 59531 h 937192"/>
                <a:gd name="connsiteX0" fmla="*/ 0 w 1563460"/>
                <a:gd name="connsiteY0" fmla="*/ 0 h 939574"/>
                <a:gd name="connsiteX1" fmla="*/ 1482497 w 1563460"/>
                <a:gd name="connsiteY1" fmla="*/ 2382 h 939574"/>
                <a:gd name="connsiteX2" fmla="*/ 1563460 w 1563460"/>
                <a:gd name="connsiteY2" fmla="*/ 939574 h 939574"/>
                <a:gd name="connsiteX3" fmla="*/ 23812 w 1563460"/>
                <a:gd name="connsiteY3" fmla="*/ 913379 h 939574"/>
                <a:gd name="connsiteX4" fmla="*/ 0 w 1563460"/>
                <a:gd name="connsiteY4" fmla="*/ 0 h 939574"/>
                <a:gd name="connsiteX0" fmla="*/ 0 w 1558698"/>
                <a:gd name="connsiteY0" fmla="*/ 0 h 941955"/>
                <a:gd name="connsiteX1" fmla="*/ 1477735 w 1558698"/>
                <a:gd name="connsiteY1" fmla="*/ 4763 h 941955"/>
                <a:gd name="connsiteX2" fmla="*/ 1558698 w 1558698"/>
                <a:gd name="connsiteY2" fmla="*/ 941955 h 941955"/>
                <a:gd name="connsiteX3" fmla="*/ 19050 w 1558698"/>
                <a:gd name="connsiteY3" fmla="*/ 915760 h 941955"/>
                <a:gd name="connsiteX4" fmla="*/ 0 w 1558698"/>
                <a:gd name="connsiteY4" fmla="*/ 0 h 941955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80116 w 1561079"/>
                <a:gd name="connsiteY1" fmla="*/ 2382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75354 w 1561079"/>
                <a:gd name="connsiteY1" fmla="*/ 1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61079"/>
                <a:gd name="connsiteY0" fmla="*/ 0 h 939574"/>
                <a:gd name="connsiteX1" fmla="*/ 1475354 w 1561079"/>
                <a:gd name="connsiteY1" fmla="*/ 1 h 939574"/>
                <a:gd name="connsiteX2" fmla="*/ 1561079 w 1561079"/>
                <a:gd name="connsiteY2" fmla="*/ 939574 h 939574"/>
                <a:gd name="connsiteX3" fmla="*/ 21431 w 1561079"/>
                <a:gd name="connsiteY3" fmla="*/ 913379 h 939574"/>
                <a:gd name="connsiteX4" fmla="*/ 0 w 1561079"/>
                <a:gd name="connsiteY4" fmla="*/ 0 h 939574"/>
                <a:gd name="connsiteX0" fmla="*/ 0 w 1556316"/>
                <a:gd name="connsiteY0" fmla="*/ 0 h 939574"/>
                <a:gd name="connsiteX1" fmla="*/ 1475354 w 1556316"/>
                <a:gd name="connsiteY1" fmla="*/ 1 h 939574"/>
                <a:gd name="connsiteX2" fmla="*/ 1556316 w 1556316"/>
                <a:gd name="connsiteY2" fmla="*/ 939574 h 939574"/>
                <a:gd name="connsiteX3" fmla="*/ 21431 w 1556316"/>
                <a:gd name="connsiteY3" fmla="*/ 913379 h 939574"/>
                <a:gd name="connsiteX4" fmla="*/ 0 w 1556316"/>
                <a:gd name="connsiteY4" fmla="*/ 0 h 939574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73156 w 1608041"/>
                <a:gd name="connsiteY3" fmla="*/ 913378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38258 w 1608041"/>
                <a:gd name="connsiteY3" fmla="*/ 816440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0172 w 1608041"/>
                <a:gd name="connsiteY3" fmla="*/ 817857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608041"/>
                <a:gd name="connsiteY0" fmla="*/ 29852 h 939573"/>
                <a:gd name="connsiteX1" fmla="*/ 1527079 w 1608041"/>
                <a:gd name="connsiteY1" fmla="*/ 0 h 939573"/>
                <a:gd name="connsiteX2" fmla="*/ 1608041 w 1608041"/>
                <a:gd name="connsiteY2" fmla="*/ 939573 h 939573"/>
                <a:gd name="connsiteX3" fmla="*/ 43503 w 1608041"/>
                <a:gd name="connsiteY3" fmla="*/ 817359 h 939573"/>
                <a:gd name="connsiteX4" fmla="*/ 0 w 1608041"/>
                <a:gd name="connsiteY4" fmla="*/ 29852 h 939573"/>
                <a:gd name="connsiteX0" fmla="*/ 0 w 1568943"/>
                <a:gd name="connsiteY0" fmla="*/ 29852 h 1008400"/>
                <a:gd name="connsiteX1" fmla="*/ 1527079 w 1568943"/>
                <a:gd name="connsiteY1" fmla="*/ 0 h 1008400"/>
                <a:gd name="connsiteX2" fmla="*/ 1568943 w 1568943"/>
                <a:gd name="connsiteY2" fmla="*/ 1008400 h 1008400"/>
                <a:gd name="connsiteX3" fmla="*/ 43503 w 1568943"/>
                <a:gd name="connsiteY3" fmla="*/ 817359 h 1008400"/>
                <a:gd name="connsiteX4" fmla="*/ 0 w 1568943"/>
                <a:gd name="connsiteY4" fmla="*/ 29852 h 1008400"/>
                <a:gd name="connsiteX0" fmla="*/ 0 w 1568022"/>
                <a:gd name="connsiteY0" fmla="*/ 29852 h 1013645"/>
                <a:gd name="connsiteX1" fmla="*/ 1527079 w 1568022"/>
                <a:gd name="connsiteY1" fmla="*/ 0 h 1013645"/>
                <a:gd name="connsiteX2" fmla="*/ 1568022 w 1568022"/>
                <a:gd name="connsiteY2" fmla="*/ 1013645 h 1013645"/>
                <a:gd name="connsiteX3" fmla="*/ 43503 w 1568022"/>
                <a:gd name="connsiteY3" fmla="*/ 817359 h 1013645"/>
                <a:gd name="connsiteX4" fmla="*/ 0 w 1568022"/>
                <a:gd name="connsiteY4" fmla="*/ 29852 h 1013645"/>
                <a:gd name="connsiteX0" fmla="*/ 0 w 1568022"/>
                <a:gd name="connsiteY0" fmla="*/ 29852 h 1013645"/>
                <a:gd name="connsiteX1" fmla="*/ 1527079 w 1568022"/>
                <a:gd name="connsiteY1" fmla="*/ 0 h 1013645"/>
                <a:gd name="connsiteX2" fmla="*/ 1568022 w 1568022"/>
                <a:gd name="connsiteY2" fmla="*/ 1013645 h 1013645"/>
                <a:gd name="connsiteX3" fmla="*/ 43503 w 1568022"/>
                <a:gd name="connsiteY3" fmla="*/ 817359 h 1013645"/>
                <a:gd name="connsiteX4" fmla="*/ 0 w 1568022"/>
                <a:gd name="connsiteY4" fmla="*/ 29852 h 1013645"/>
                <a:gd name="connsiteX0" fmla="*/ 0 w 1566606"/>
                <a:gd name="connsiteY0" fmla="*/ 29852 h 1015559"/>
                <a:gd name="connsiteX1" fmla="*/ 1527079 w 1566606"/>
                <a:gd name="connsiteY1" fmla="*/ 0 h 1015559"/>
                <a:gd name="connsiteX2" fmla="*/ 1566606 w 1566606"/>
                <a:gd name="connsiteY2" fmla="*/ 1015559 h 1015559"/>
                <a:gd name="connsiteX3" fmla="*/ 43503 w 1566606"/>
                <a:gd name="connsiteY3" fmla="*/ 817359 h 1015559"/>
                <a:gd name="connsiteX4" fmla="*/ 0 w 1566606"/>
                <a:gd name="connsiteY4" fmla="*/ 29852 h 1015559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  <a:gd name="connsiteX0" fmla="*/ 0 w 1618523"/>
                <a:gd name="connsiteY0" fmla="*/ 181401 h 1167108"/>
                <a:gd name="connsiteX1" fmla="*/ 1618523 w 1618523"/>
                <a:gd name="connsiteY1" fmla="*/ 0 h 1167108"/>
                <a:gd name="connsiteX2" fmla="*/ 1566606 w 1618523"/>
                <a:gd name="connsiteY2" fmla="*/ 1167108 h 1167108"/>
                <a:gd name="connsiteX3" fmla="*/ 43503 w 1618523"/>
                <a:gd name="connsiteY3" fmla="*/ 968908 h 1167108"/>
                <a:gd name="connsiteX4" fmla="*/ 0 w 1618523"/>
                <a:gd name="connsiteY4" fmla="*/ 181401 h 116710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618523" h="1167108">
                  <a:moveTo>
                    <a:pt x="0" y="181401"/>
                  </a:moveTo>
                  <a:cubicBezTo>
                    <a:pt x="342751" y="423923"/>
                    <a:pt x="999715" y="679364"/>
                    <a:pt x="1618523" y="0"/>
                  </a:cubicBezTo>
                  <a:cubicBezTo>
                    <a:pt x="1386856" y="428377"/>
                    <a:pt x="1410120" y="800138"/>
                    <a:pt x="1566606" y="1167108"/>
                  </a:cubicBezTo>
                  <a:cubicBezTo>
                    <a:pt x="1250102" y="578688"/>
                    <a:pt x="339077" y="783035"/>
                    <a:pt x="43503" y="968908"/>
                  </a:cubicBezTo>
                  <a:cubicBezTo>
                    <a:pt x="166184" y="760030"/>
                    <a:pt x="217001" y="466377"/>
                    <a:pt x="0" y="181401"/>
                  </a:cubicBezTo>
                  <a:close/>
                </a:path>
              </a:pathLst>
            </a:custGeom>
            <a:gradFill>
              <a:gsLst>
                <a:gs pos="0">
                  <a:srgbClr val="FFFFFF">
                    <a:lumMod val="85000"/>
                  </a:srgbClr>
                </a:gs>
                <a:gs pos="100000">
                  <a:srgbClr val="FFFFFF">
                    <a:lumMod val="85000"/>
                  </a:srgbClr>
                </a:gs>
                <a:gs pos="52000">
                  <a:srgbClr val="FFFFFF">
                    <a:lumMod val="95000"/>
                  </a:srgbClr>
                </a:gs>
              </a:gsLst>
              <a:lin ang="5400000" scaled="1"/>
            </a:gradFill>
            <a:ln w="25400" cap="flat" cmpd="sng" algn="ctr">
              <a:noFill/>
              <a:prstDash val="solid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grpSp>
          <p:nvGrpSpPr>
            <p:cNvPr id="235" name="Group 2"/>
            <p:cNvGrpSpPr/>
            <p:nvPr/>
          </p:nvGrpSpPr>
          <p:grpSpPr>
            <a:xfrm>
              <a:off x="110758" y="2453939"/>
              <a:ext cx="1939682" cy="1928241"/>
              <a:chOff x="110758" y="2453939"/>
              <a:chExt cx="1939682" cy="1928241"/>
            </a:xfrm>
          </p:grpSpPr>
          <p:sp>
            <p:nvSpPr>
              <p:cNvPr id="257" name="Oval 256"/>
              <p:cNvSpPr/>
              <p:nvPr/>
            </p:nvSpPr>
            <p:spPr>
              <a:xfrm rot="21600000" flipH="1">
                <a:off x="122899" y="2460257"/>
                <a:ext cx="1903455" cy="1921923"/>
              </a:xfrm>
              <a:prstGeom prst="ellipse">
                <a:avLst/>
              </a:prstGeom>
              <a:gradFill>
                <a:gsLst>
                  <a:gs pos="100000">
                    <a:srgbClr val="FFFFFF">
                      <a:lumMod val="75000"/>
                    </a:srgbClr>
                  </a:gs>
                  <a:gs pos="0">
                    <a:srgbClr val="FFFFFF"/>
                  </a:gs>
                </a:gsLst>
                <a:path path="circle">
                  <a:fillToRect l="100000" b="100000"/>
                </a:path>
              </a:gradFill>
              <a:ln w="25400" cap="flat" cmpd="sng" algn="ctr">
                <a:noFill/>
                <a:prstDash val="solid"/>
              </a:ln>
              <a:effectLst>
                <a:innerShdw blurRad="800100">
                  <a:srgbClr val="D4D5D7">
                    <a:lumMod val="50000"/>
                  </a:srgbClr>
                </a:innerShdw>
              </a:effec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  <p:grpSp>
            <p:nvGrpSpPr>
              <p:cNvPr id="258" name="Group 705"/>
              <p:cNvGrpSpPr/>
              <p:nvPr/>
            </p:nvGrpSpPr>
            <p:grpSpPr>
              <a:xfrm rot="21600000">
                <a:off x="110758" y="2461072"/>
                <a:ext cx="1896894" cy="1885514"/>
                <a:chOff x="160244" y="1778445"/>
                <a:chExt cx="2333107" cy="2319110"/>
              </a:xfrm>
            </p:grpSpPr>
            <p:sp>
              <p:nvSpPr>
                <p:cNvPr id="321" name="Freeform 66"/>
                <p:cNvSpPr>
                  <a:spLocks/>
                </p:cNvSpPr>
                <p:nvPr/>
              </p:nvSpPr>
              <p:spPr bwMode="auto">
                <a:xfrm flipH="1">
                  <a:off x="1105135" y="2308858"/>
                  <a:ext cx="13683" cy="10955"/>
                </a:xfrm>
                <a:custGeom>
                  <a:avLst/>
                  <a:gdLst>
                    <a:gd name="T0" fmla="*/ 1 w 25"/>
                    <a:gd name="T1" fmla="*/ 17 h 20"/>
                    <a:gd name="T2" fmla="*/ 4 w 25"/>
                    <a:gd name="T3" fmla="*/ 20 h 20"/>
                    <a:gd name="T4" fmla="*/ 6 w 25"/>
                    <a:gd name="T5" fmla="*/ 20 h 20"/>
                    <a:gd name="T6" fmla="*/ 9 w 25"/>
                    <a:gd name="T7" fmla="*/ 20 h 20"/>
                    <a:gd name="T8" fmla="*/ 12 w 25"/>
                    <a:gd name="T9" fmla="*/ 19 h 20"/>
                    <a:gd name="T10" fmla="*/ 14 w 25"/>
                    <a:gd name="T11" fmla="*/ 16 h 20"/>
                    <a:gd name="T12" fmla="*/ 18 w 25"/>
                    <a:gd name="T13" fmla="*/ 14 h 20"/>
                    <a:gd name="T14" fmla="*/ 21 w 25"/>
                    <a:gd name="T15" fmla="*/ 12 h 20"/>
                    <a:gd name="T16" fmla="*/ 22 w 25"/>
                    <a:gd name="T17" fmla="*/ 11 h 20"/>
                    <a:gd name="T18" fmla="*/ 25 w 25"/>
                    <a:gd name="T19" fmla="*/ 11 h 20"/>
                    <a:gd name="T20" fmla="*/ 25 w 25"/>
                    <a:gd name="T21" fmla="*/ 11 h 20"/>
                    <a:gd name="T22" fmla="*/ 25 w 25"/>
                    <a:gd name="T23" fmla="*/ 11 h 20"/>
                    <a:gd name="T24" fmla="*/ 22 w 25"/>
                    <a:gd name="T25" fmla="*/ 7 h 20"/>
                    <a:gd name="T26" fmla="*/ 20 w 25"/>
                    <a:gd name="T27" fmla="*/ 4 h 20"/>
                    <a:gd name="T28" fmla="*/ 17 w 25"/>
                    <a:gd name="T29" fmla="*/ 2 h 20"/>
                    <a:gd name="T30" fmla="*/ 13 w 25"/>
                    <a:gd name="T31" fmla="*/ 0 h 20"/>
                    <a:gd name="T32" fmla="*/ 9 w 25"/>
                    <a:gd name="T33" fmla="*/ 0 h 20"/>
                    <a:gd name="T34" fmla="*/ 8 w 25"/>
                    <a:gd name="T35" fmla="*/ 0 h 20"/>
                    <a:gd name="T36" fmla="*/ 8 w 25"/>
                    <a:gd name="T37" fmla="*/ 4 h 20"/>
                    <a:gd name="T38" fmla="*/ 8 w 25"/>
                    <a:gd name="T39" fmla="*/ 10 h 20"/>
                    <a:gd name="T40" fmla="*/ 6 w 25"/>
                    <a:gd name="T41" fmla="*/ 12 h 20"/>
                    <a:gd name="T42" fmla="*/ 4 w 25"/>
                    <a:gd name="T43" fmla="*/ 15 h 20"/>
                    <a:gd name="T44" fmla="*/ 0 w 25"/>
                    <a:gd name="T45" fmla="*/ 17 h 20"/>
                    <a:gd name="T46" fmla="*/ 1 w 25"/>
                    <a:gd name="T47" fmla="*/ 17 h 20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</a:cxnLst>
                  <a:rect l="0" t="0" r="r" b="b"/>
                  <a:pathLst>
                    <a:path w="25" h="20">
                      <a:moveTo>
                        <a:pt x="1" y="17"/>
                      </a:moveTo>
                      <a:lnTo>
                        <a:pt x="4" y="20"/>
                      </a:lnTo>
                      <a:lnTo>
                        <a:pt x="6" y="20"/>
                      </a:lnTo>
                      <a:lnTo>
                        <a:pt x="9" y="20"/>
                      </a:lnTo>
                      <a:lnTo>
                        <a:pt x="12" y="19"/>
                      </a:lnTo>
                      <a:lnTo>
                        <a:pt x="14" y="16"/>
                      </a:lnTo>
                      <a:lnTo>
                        <a:pt x="18" y="14"/>
                      </a:lnTo>
                      <a:lnTo>
                        <a:pt x="21" y="12"/>
                      </a:lnTo>
                      <a:lnTo>
                        <a:pt x="22" y="11"/>
                      </a:lnTo>
                      <a:lnTo>
                        <a:pt x="25" y="11"/>
                      </a:lnTo>
                      <a:lnTo>
                        <a:pt x="25" y="11"/>
                      </a:lnTo>
                      <a:lnTo>
                        <a:pt x="25" y="11"/>
                      </a:lnTo>
                      <a:lnTo>
                        <a:pt x="22" y="7"/>
                      </a:lnTo>
                      <a:lnTo>
                        <a:pt x="20" y="4"/>
                      </a:lnTo>
                      <a:lnTo>
                        <a:pt x="17" y="2"/>
                      </a:lnTo>
                      <a:lnTo>
                        <a:pt x="13" y="0"/>
                      </a:lnTo>
                      <a:lnTo>
                        <a:pt x="9" y="0"/>
                      </a:lnTo>
                      <a:lnTo>
                        <a:pt x="8" y="0"/>
                      </a:lnTo>
                      <a:lnTo>
                        <a:pt x="8" y="4"/>
                      </a:lnTo>
                      <a:lnTo>
                        <a:pt x="8" y="10"/>
                      </a:lnTo>
                      <a:lnTo>
                        <a:pt x="6" y="12"/>
                      </a:lnTo>
                      <a:lnTo>
                        <a:pt x="4" y="15"/>
                      </a:lnTo>
                      <a:lnTo>
                        <a:pt x="0" y="17"/>
                      </a:lnTo>
                      <a:lnTo>
                        <a:pt x="1" y="17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noFill/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22" name="Freeform 62"/>
                <p:cNvSpPr>
                  <a:spLocks/>
                </p:cNvSpPr>
                <p:nvPr/>
              </p:nvSpPr>
              <p:spPr bwMode="auto">
                <a:xfrm flipH="1">
                  <a:off x="662349" y="1981851"/>
                  <a:ext cx="22441" cy="15884"/>
                </a:xfrm>
                <a:custGeom>
                  <a:avLst/>
                  <a:gdLst>
                    <a:gd name="T0" fmla="*/ 29 w 41"/>
                    <a:gd name="T1" fmla="*/ 21 h 29"/>
                    <a:gd name="T2" fmla="*/ 31 w 41"/>
                    <a:gd name="T3" fmla="*/ 23 h 29"/>
                    <a:gd name="T4" fmla="*/ 32 w 41"/>
                    <a:gd name="T5" fmla="*/ 24 h 29"/>
                    <a:gd name="T6" fmla="*/ 33 w 41"/>
                    <a:gd name="T7" fmla="*/ 24 h 29"/>
                    <a:gd name="T8" fmla="*/ 34 w 41"/>
                    <a:gd name="T9" fmla="*/ 25 h 29"/>
                    <a:gd name="T10" fmla="*/ 34 w 41"/>
                    <a:gd name="T11" fmla="*/ 25 h 29"/>
                    <a:gd name="T12" fmla="*/ 36 w 41"/>
                    <a:gd name="T13" fmla="*/ 27 h 29"/>
                    <a:gd name="T14" fmla="*/ 37 w 41"/>
                    <a:gd name="T15" fmla="*/ 27 h 29"/>
                    <a:gd name="T16" fmla="*/ 38 w 41"/>
                    <a:gd name="T17" fmla="*/ 28 h 29"/>
                    <a:gd name="T18" fmla="*/ 40 w 41"/>
                    <a:gd name="T19" fmla="*/ 28 h 29"/>
                    <a:gd name="T20" fmla="*/ 41 w 41"/>
                    <a:gd name="T21" fmla="*/ 29 h 29"/>
                    <a:gd name="T22" fmla="*/ 31 w 41"/>
                    <a:gd name="T23" fmla="*/ 21 h 29"/>
                    <a:gd name="T24" fmla="*/ 21 w 41"/>
                    <a:gd name="T25" fmla="*/ 14 h 29"/>
                    <a:gd name="T26" fmla="*/ 17 w 41"/>
                    <a:gd name="T27" fmla="*/ 11 h 29"/>
                    <a:gd name="T28" fmla="*/ 15 w 41"/>
                    <a:gd name="T29" fmla="*/ 8 h 29"/>
                    <a:gd name="T30" fmla="*/ 12 w 41"/>
                    <a:gd name="T31" fmla="*/ 7 h 29"/>
                    <a:gd name="T32" fmla="*/ 10 w 41"/>
                    <a:gd name="T33" fmla="*/ 6 h 29"/>
                    <a:gd name="T34" fmla="*/ 7 w 41"/>
                    <a:gd name="T35" fmla="*/ 4 h 29"/>
                    <a:gd name="T36" fmla="*/ 4 w 41"/>
                    <a:gd name="T37" fmla="*/ 2 h 29"/>
                    <a:gd name="T38" fmla="*/ 2 w 41"/>
                    <a:gd name="T39" fmla="*/ 0 h 29"/>
                    <a:gd name="T40" fmla="*/ 0 w 41"/>
                    <a:gd name="T41" fmla="*/ 0 h 29"/>
                    <a:gd name="T42" fmla="*/ 0 w 41"/>
                    <a:gd name="T43" fmla="*/ 0 h 29"/>
                    <a:gd name="T44" fmla="*/ 0 w 41"/>
                    <a:gd name="T45" fmla="*/ 0 h 29"/>
                    <a:gd name="T46" fmla="*/ 2 w 41"/>
                    <a:gd name="T47" fmla="*/ 0 h 29"/>
                    <a:gd name="T48" fmla="*/ 2 w 41"/>
                    <a:gd name="T49" fmla="*/ 2 h 29"/>
                    <a:gd name="T50" fmla="*/ 4 w 41"/>
                    <a:gd name="T51" fmla="*/ 3 h 29"/>
                    <a:gd name="T52" fmla="*/ 6 w 41"/>
                    <a:gd name="T53" fmla="*/ 4 h 29"/>
                    <a:gd name="T54" fmla="*/ 7 w 41"/>
                    <a:gd name="T55" fmla="*/ 4 h 29"/>
                    <a:gd name="T56" fmla="*/ 7 w 41"/>
                    <a:gd name="T57" fmla="*/ 6 h 29"/>
                    <a:gd name="T58" fmla="*/ 10 w 41"/>
                    <a:gd name="T59" fmla="*/ 7 h 29"/>
                    <a:gd name="T60" fmla="*/ 11 w 41"/>
                    <a:gd name="T61" fmla="*/ 8 h 29"/>
                    <a:gd name="T62" fmla="*/ 15 w 41"/>
                    <a:gd name="T63" fmla="*/ 10 h 29"/>
                    <a:gd name="T64" fmla="*/ 20 w 41"/>
                    <a:gd name="T65" fmla="*/ 14 h 29"/>
                    <a:gd name="T66" fmla="*/ 24 w 41"/>
                    <a:gd name="T67" fmla="*/ 17 h 29"/>
                    <a:gd name="T68" fmla="*/ 29 w 41"/>
                    <a:gd name="T69" fmla="*/ 21 h 29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</a:cxnLst>
                  <a:rect l="0" t="0" r="r" b="b"/>
                  <a:pathLst>
                    <a:path w="41" h="29">
                      <a:moveTo>
                        <a:pt x="29" y="21"/>
                      </a:moveTo>
                      <a:lnTo>
                        <a:pt x="31" y="23"/>
                      </a:lnTo>
                      <a:lnTo>
                        <a:pt x="32" y="24"/>
                      </a:lnTo>
                      <a:lnTo>
                        <a:pt x="33" y="24"/>
                      </a:lnTo>
                      <a:lnTo>
                        <a:pt x="34" y="25"/>
                      </a:lnTo>
                      <a:lnTo>
                        <a:pt x="34" y="25"/>
                      </a:lnTo>
                      <a:lnTo>
                        <a:pt x="36" y="27"/>
                      </a:lnTo>
                      <a:lnTo>
                        <a:pt x="37" y="27"/>
                      </a:lnTo>
                      <a:lnTo>
                        <a:pt x="38" y="28"/>
                      </a:lnTo>
                      <a:lnTo>
                        <a:pt x="40" y="28"/>
                      </a:lnTo>
                      <a:lnTo>
                        <a:pt x="41" y="29"/>
                      </a:lnTo>
                      <a:lnTo>
                        <a:pt x="31" y="21"/>
                      </a:lnTo>
                      <a:lnTo>
                        <a:pt x="21" y="14"/>
                      </a:lnTo>
                      <a:lnTo>
                        <a:pt x="17" y="11"/>
                      </a:lnTo>
                      <a:lnTo>
                        <a:pt x="15" y="8"/>
                      </a:lnTo>
                      <a:lnTo>
                        <a:pt x="12" y="7"/>
                      </a:lnTo>
                      <a:lnTo>
                        <a:pt x="10" y="6"/>
                      </a:lnTo>
                      <a:lnTo>
                        <a:pt x="7" y="4"/>
                      </a:lnTo>
                      <a:lnTo>
                        <a:pt x="4" y="2"/>
                      </a:lnTo>
                      <a:lnTo>
                        <a:pt x="2" y="0"/>
                      </a:lnTo>
                      <a:lnTo>
                        <a:pt x="0" y="0"/>
                      </a:lnTo>
                      <a:lnTo>
                        <a:pt x="0" y="0"/>
                      </a:lnTo>
                      <a:lnTo>
                        <a:pt x="0" y="0"/>
                      </a:lnTo>
                      <a:lnTo>
                        <a:pt x="2" y="0"/>
                      </a:lnTo>
                      <a:lnTo>
                        <a:pt x="2" y="2"/>
                      </a:lnTo>
                      <a:lnTo>
                        <a:pt x="4" y="3"/>
                      </a:lnTo>
                      <a:lnTo>
                        <a:pt x="6" y="4"/>
                      </a:lnTo>
                      <a:lnTo>
                        <a:pt x="7" y="4"/>
                      </a:lnTo>
                      <a:lnTo>
                        <a:pt x="7" y="6"/>
                      </a:lnTo>
                      <a:lnTo>
                        <a:pt x="10" y="7"/>
                      </a:lnTo>
                      <a:lnTo>
                        <a:pt x="11" y="8"/>
                      </a:lnTo>
                      <a:lnTo>
                        <a:pt x="15" y="10"/>
                      </a:lnTo>
                      <a:lnTo>
                        <a:pt x="20" y="14"/>
                      </a:lnTo>
                      <a:lnTo>
                        <a:pt x="24" y="17"/>
                      </a:lnTo>
                      <a:lnTo>
                        <a:pt x="29" y="21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noFill/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23" name="Freeform 114"/>
                <p:cNvSpPr>
                  <a:spLocks/>
                </p:cNvSpPr>
                <p:nvPr/>
              </p:nvSpPr>
              <p:spPr bwMode="auto">
                <a:xfrm flipH="1">
                  <a:off x="622394" y="2028957"/>
                  <a:ext cx="31198" cy="26292"/>
                </a:xfrm>
                <a:custGeom>
                  <a:avLst/>
                  <a:gdLst>
                    <a:gd name="T0" fmla="*/ 2 w 57"/>
                    <a:gd name="T1" fmla="*/ 1 h 48"/>
                    <a:gd name="T2" fmla="*/ 15 w 57"/>
                    <a:gd name="T3" fmla="*/ 10 h 48"/>
                    <a:gd name="T4" fmla="*/ 26 w 57"/>
                    <a:gd name="T5" fmla="*/ 17 h 48"/>
                    <a:gd name="T6" fmla="*/ 36 w 57"/>
                    <a:gd name="T7" fmla="*/ 23 h 48"/>
                    <a:gd name="T8" fmla="*/ 38 w 57"/>
                    <a:gd name="T9" fmla="*/ 24 h 48"/>
                    <a:gd name="T10" fmla="*/ 39 w 57"/>
                    <a:gd name="T11" fmla="*/ 26 h 48"/>
                    <a:gd name="T12" fmla="*/ 42 w 57"/>
                    <a:gd name="T13" fmla="*/ 27 h 48"/>
                    <a:gd name="T14" fmla="*/ 46 w 57"/>
                    <a:gd name="T15" fmla="*/ 31 h 48"/>
                    <a:gd name="T16" fmla="*/ 51 w 57"/>
                    <a:gd name="T17" fmla="*/ 36 h 48"/>
                    <a:gd name="T18" fmla="*/ 55 w 57"/>
                    <a:gd name="T19" fmla="*/ 41 h 48"/>
                    <a:gd name="T20" fmla="*/ 57 w 57"/>
                    <a:gd name="T21" fmla="*/ 45 h 48"/>
                    <a:gd name="T22" fmla="*/ 57 w 57"/>
                    <a:gd name="T23" fmla="*/ 48 h 48"/>
                    <a:gd name="T24" fmla="*/ 56 w 57"/>
                    <a:gd name="T25" fmla="*/ 48 h 48"/>
                    <a:gd name="T26" fmla="*/ 55 w 57"/>
                    <a:gd name="T27" fmla="*/ 47 h 48"/>
                    <a:gd name="T28" fmla="*/ 53 w 57"/>
                    <a:gd name="T29" fmla="*/ 47 h 48"/>
                    <a:gd name="T30" fmla="*/ 52 w 57"/>
                    <a:gd name="T31" fmla="*/ 45 h 48"/>
                    <a:gd name="T32" fmla="*/ 52 w 57"/>
                    <a:gd name="T33" fmla="*/ 45 h 48"/>
                    <a:gd name="T34" fmla="*/ 51 w 57"/>
                    <a:gd name="T35" fmla="*/ 44 h 48"/>
                    <a:gd name="T36" fmla="*/ 49 w 57"/>
                    <a:gd name="T37" fmla="*/ 43 h 48"/>
                    <a:gd name="T38" fmla="*/ 48 w 57"/>
                    <a:gd name="T39" fmla="*/ 43 h 48"/>
                    <a:gd name="T40" fmla="*/ 47 w 57"/>
                    <a:gd name="T41" fmla="*/ 41 h 48"/>
                    <a:gd name="T42" fmla="*/ 32 w 57"/>
                    <a:gd name="T43" fmla="*/ 28 h 48"/>
                    <a:gd name="T44" fmla="*/ 22 w 57"/>
                    <a:gd name="T45" fmla="*/ 19 h 48"/>
                    <a:gd name="T46" fmla="*/ 14 w 57"/>
                    <a:gd name="T47" fmla="*/ 13 h 48"/>
                    <a:gd name="T48" fmla="*/ 9 w 57"/>
                    <a:gd name="T49" fmla="*/ 9 h 48"/>
                    <a:gd name="T50" fmla="*/ 5 w 57"/>
                    <a:gd name="T51" fmla="*/ 5 h 48"/>
                    <a:gd name="T52" fmla="*/ 2 w 57"/>
                    <a:gd name="T53" fmla="*/ 2 h 48"/>
                    <a:gd name="T54" fmla="*/ 0 w 57"/>
                    <a:gd name="T55" fmla="*/ 0 h 48"/>
                    <a:gd name="T56" fmla="*/ 2 w 57"/>
                    <a:gd name="T57" fmla="*/ 1 h 48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</a:cxnLst>
                  <a:rect l="0" t="0" r="r" b="b"/>
                  <a:pathLst>
                    <a:path w="57" h="48">
                      <a:moveTo>
                        <a:pt x="2" y="1"/>
                      </a:moveTo>
                      <a:lnTo>
                        <a:pt x="15" y="10"/>
                      </a:lnTo>
                      <a:lnTo>
                        <a:pt x="26" y="17"/>
                      </a:lnTo>
                      <a:lnTo>
                        <a:pt x="36" y="23"/>
                      </a:lnTo>
                      <a:lnTo>
                        <a:pt x="38" y="24"/>
                      </a:lnTo>
                      <a:lnTo>
                        <a:pt x="39" y="26"/>
                      </a:lnTo>
                      <a:lnTo>
                        <a:pt x="42" y="27"/>
                      </a:lnTo>
                      <a:lnTo>
                        <a:pt x="46" y="31"/>
                      </a:lnTo>
                      <a:lnTo>
                        <a:pt x="51" y="36"/>
                      </a:lnTo>
                      <a:lnTo>
                        <a:pt x="55" y="41"/>
                      </a:lnTo>
                      <a:lnTo>
                        <a:pt x="57" y="45"/>
                      </a:lnTo>
                      <a:lnTo>
                        <a:pt x="57" y="48"/>
                      </a:lnTo>
                      <a:lnTo>
                        <a:pt x="56" y="48"/>
                      </a:lnTo>
                      <a:lnTo>
                        <a:pt x="55" y="47"/>
                      </a:lnTo>
                      <a:lnTo>
                        <a:pt x="53" y="47"/>
                      </a:lnTo>
                      <a:lnTo>
                        <a:pt x="52" y="45"/>
                      </a:lnTo>
                      <a:lnTo>
                        <a:pt x="52" y="45"/>
                      </a:lnTo>
                      <a:lnTo>
                        <a:pt x="51" y="44"/>
                      </a:lnTo>
                      <a:lnTo>
                        <a:pt x="49" y="43"/>
                      </a:lnTo>
                      <a:lnTo>
                        <a:pt x="48" y="43"/>
                      </a:lnTo>
                      <a:lnTo>
                        <a:pt x="47" y="41"/>
                      </a:lnTo>
                      <a:lnTo>
                        <a:pt x="32" y="28"/>
                      </a:lnTo>
                      <a:lnTo>
                        <a:pt x="22" y="19"/>
                      </a:lnTo>
                      <a:lnTo>
                        <a:pt x="14" y="13"/>
                      </a:lnTo>
                      <a:lnTo>
                        <a:pt x="9" y="9"/>
                      </a:lnTo>
                      <a:lnTo>
                        <a:pt x="5" y="5"/>
                      </a:lnTo>
                      <a:lnTo>
                        <a:pt x="2" y="2"/>
                      </a:lnTo>
                      <a:lnTo>
                        <a:pt x="0" y="0"/>
                      </a:lnTo>
                      <a:lnTo>
                        <a:pt x="2" y="1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noFill/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24" name="Freeform 117"/>
                <p:cNvSpPr>
                  <a:spLocks/>
                </p:cNvSpPr>
                <p:nvPr/>
              </p:nvSpPr>
              <p:spPr bwMode="auto">
                <a:xfrm flipH="1">
                  <a:off x="539748" y="2159323"/>
                  <a:ext cx="9852" cy="12051"/>
                </a:xfrm>
                <a:custGeom>
                  <a:avLst/>
                  <a:gdLst>
                    <a:gd name="T0" fmla="*/ 1 w 18"/>
                    <a:gd name="T1" fmla="*/ 1 h 22"/>
                    <a:gd name="T2" fmla="*/ 11 w 18"/>
                    <a:gd name="T3" fmla="*/ 10 h 22"/>
                    <a:gd name="T4" fmla="*/ 17 w 18"/>
                    <a:gd name="T5" fmla="*/ 16 h 22"/>
                    <a:gd name="T6" fmla="*/ 18 w 18"/>
                    <a:gd name="T7" fmla="*/ 21 h 22"/>
                    <a:gd name="T8" fmla="*/ 18 w 18"/>
                    <a:gd name="T9" fmla="*/ 22 h 22"/>
                    <a:gd name="T10" fmla="*/ 11 w 18"/>
                    <a:gd name="T11" fmla="*/ 17 h 22"/>
                    <a:gd name="T12" fmla="*/ 7 w 18"/>
                    <a:gd name="T13" fmla="*/ 12 h 22"/>
                    <a:gd name="T14" fmla="*/ 4 w 18"/>
                    <a:gd name="T15" fmla="*/ 8 h 22"/>
                    <a:gd name="T16" fmla="*/ 1 w 18"/>
                    <a:gd name="T17" fmla="*/ 5 h 22"/>
                    <a:gd name="T18" fmla="*/ 0 w 18"/>
                    <a:gd name="T19" fmla="*/ 1 h 22"/>
                    <a:gd name="T20" fmla="*/ 1 w 18"/>
                    <a:gd name="T21" fmla="*/ 0 h 22"/>
                    <a:gd name="T22" fmla="*/ 1 w 18"/>
                    <a:gd name="T23" fmla="*/ 1 h 22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</a:cxnLst>
                  <a:rect l="0" t="0" r="r" b="b"/>
                  <a:pathLst>
                    <a:path w="18" h="22">
                      <a:moveTo>
                        <a:pt x="1" y="1"/>
                      </a:moveTo>
                      <a:lnTo>
                        <a:pt x="11" y="10"/>
                      </a:lnTo>
                      <a:lnTo>
                        <a:pt x="17" y="16"/>
                      </a:lnTo>
                      <a:lnTo>
                        <a:pt x="18" y="21"/>
                      </a:lnTo>
                      <a:lnTo>
                        <a:pt x="18" y="22"/>
                      </a:lnTo>
                      <a:lnTo>
                        <a:pt x="11" y="17"/>
                      </a:lnTo>
                      <a:lnTo>
                        <a:pt x="7" y="12"/>
                      </a:lnTo>
                      <a:lnTo>
                        <a:pt x="4" y="8"/>
                      </a:lnTo>
                      <a:lnTo>
                        <a:pt x="1" y="5"/>
                      </a:lnTo>
                      <a:lnTo>
                        <a:pt x="0" y="1"/>
                      </a:lnTo>
                      <a:lnTo>
                        <a:pt x="1" y="0"/>
                      </a:lnTo>
                      <a:lnTo>
                        <a:pt x="1" y="1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noFill/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25" name="Freeform 196"/>
                <p:cNvSpPr>
                  <a:spLocks/>
                </p:cNvSpPr>
                <p:nvPr/>
              </p:nvSpPr>
              <p:spPr bwMode="auto">
                <a:xfrm flipH="1">
                  <a:off x="460282" y="2156829"/>
                  <a:ext cx="57402" cy="53339"/>
                </a:xfrm>
                <a:custGeom>
                  <a:avLst/>
                  <a:gdLst>
                    <a:gd name="T0" fmla="*/ 2 w 106"/>
                    <a:gd name="T1" fmla="*/ 4 h 97"/>
                    <a:gd name="T2" fmla="*/ 3 w 106"/>
                    <a:gd name="T3" fmla="*/ 4 h 97"/>
                    <a:gd name="T4" fmla="*/ 43 w 106"/>
                    <a:gd name="T5" fmla="*/ 34 h 97"/>
                    <a:gd name="T6" fmla="*/ 77 w 106"/>
                    <a:gd name="T7" fmla="*/ 65 h 97"/>
                    <a:gd name="T8" fmla="*/ 106 w 106"/>
                    <a:gd name="T9" fmla="*/ 97 h 97"/>
                    <a:gd name="T10" fmla="*/ 104 w 106"/>
                    <a:gd name="T11" fmla="*/ 96 h 97"/>
                    <a:gd name="T12" fmla="*/ 103 w 106"/>
                    <a:gd name="T13" fmla="*/ 93 h 97"/>
                    <a:gd name="T14" fmla="*/ 74 w 106"/>
                    <a:gd name="T15" fmla="*/ 62 h 97"/>
                    <a:gd name="T16" fmla="*/ 40 w 106"/>
                    <a:gd name="T17" fmla="*/ 31 h 97"/>
                    <a:gd name="T18" fmla="*/ 1 w 106"/>
                    <a:gd name="T19" fmla="*/ 1 h 97"/>
                    <a:gd name="T20" fmla="*/ 0 w 106"/>
                    <a:gd name="T21" fmla="*/ 0 h 97"/>
                    <a:gd name="T22" fmla="*/ 2 w 106"/>
                    <a:gd name="T23" fmla="*/ 4 h 97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</a:cxnLst>
                  <a:rect l="0" t="0" r="r" b="b"/>
                  <a:pathLst>
                    <a:path w="106" h="97">
                      <a:moveTo>
                        <a:pt x="2" y="4"/>
                      </a:moveTo>
                      <a:lnTo>
                        <a:pt x="3" y="4"/>
                      </a:lnTo>
                      <a:lnTo>
                        <a:pt x="43" y="34"/>
                      </a:lnTo>
                      <a:lnTo>
                        <a:pt x="77" y="65"/>
                      </a:lnTo>
                      <a:lnTo>
                        <a:pt x="106" y="97"/>
                      </a:lnTo>
                      <a:lnTo>
                        <a:pt x="104" y="96"/>
                      </a:lnTo>
                      <a:lnTo>
                        <a:pt x="103" y="93"/>
                      </a:lnTo>
                      <a:lnTo>
                        <a:pt x="74" y="62"/>
                      </a:lnTo>
                      <a:lnTo>
                        <a:pt x="40" y="31"/>
                      </a:lnTo>
                      <a:lnTo>
                        <a:pt x="1" y="1"/>
                      </a:lnTo>
                      <a:lnTo>
                        <a:pt x="0" y="0"/>
                      </a:lnTo>
                      <a:lnTo>
                        <a:pt x="2" y="4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8CA19F"/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26" name="Freeform 198"/>
                <p:cNvSpPr>
                  <a:spLocks/>
                </p:cNvSpPr>
                <p:nvPr/>
              </p:nvSpPr>
              <p:spPr bwMode="auto">
                <a:xfrm flipH="1">
                  <a:off x="260999" y="2431778"/>
                  <a:ext cx="102349" cy="121527"/>
                </a:xfrm>
                <a:custGeom>
                  <a:avLst/>
                  <a:gdLst>
                    <a:gd name="T0" fmla="*/ 1 w 189"/>
                    <a:gd name="T1" fmla="*/ 4 h 221"/>
                    <a:gd name="T2" fmla="*/ 3 w 189"/>
                    <a:gd name="T3" fmla="*/ 5 h 221"/>
                    <a:gd name="T4" fmla="*/ 56 w 189"/>
                    <a:gd name="T5" fmla="*/ 47 h 221"/>
                    <a:gd name="T6" fmla="*/ 102 w 189"/>
                    <a:gd name="T7" fmla="*/ 89 h 221"/>
                    <a:gd name="T8" fmla="*/ 139 w 189"/>
                    <a:gd name="T9" fmla="*/ 134 h 221"/>
                    <a:gd name="T10" fmla="*/ 168 w 189"/>
                    <a:gd name="T11" fmla="*/ 177 h 221"/>
                    <a:gd name="T12" fmla="*/ 189 w 189"/>
                    <a:gd name="T13" fmla="*/ 221 h 221"/>
                    <a:gd name="T14" fmla="*/ 187 w 189"/>
                    <a:gd name="T15" fmla="*/ 220 h 221"/>
                    <a:gd name="T16" fmla="*/ 187 w 189"/>
                    <a:gd name="T17" fmla="*/ 216 h 221"/>
                    <a:gd name="T18" fmla="*/ 166 w 189"/>
                    <a:gd name="T19" fmla="*/ 173 h 221"/>
                    <a:gd name="T20" fmla="*/ 138 w 189"/>
                    <a:gd name="T21" fmla="*/ 128 h 221"/>
                    <a:gd name="T22" fmla="*/ 100 w 189"/>
                    <a:gd name="T23" fmla="*/ 85 h 221"/>
                    <a:gd name="T24" fmla="*/ 55 w 189"/>
                    <a:gd name="T25" fmla="*/ 43 h 221"/>
                    <a:gd name="T26" fmla="*/ 1 w 189"/>
                    <a:gd name="T27" fmla="*/ 1 h 221"/>
                    <a:gd name="T28" fmla="*/ 0 w 189"/>
                    <a:gd name="T29" fmla="*/ 0 h 221"/>
                    <a:gd name="T30" fmla="*/ 1 w 189"/>
                    <a:gd name="T31" fmla="*/ 4 h 221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</a:cxnLst>
                  <a:rect l="0" t="0" r="r" b="b"/>
                  <a:pathLst>
                    <a:path w="189" h="221">
                      <a:moveTo>
                        <a:pt x="1" y="4"/>
                      </a:moveTo>
                      <a:lnTo>
                        <a:pt x="3" y="5"/>
                      </a:lnTo>
                      <a:lnTo>
                        <a:pt x="56" y="47"/>
                      </a:lnTo>
                      <a:lnTo>
                        <a:pt x="102" y="89"/>
                      </a:lnTo>
                      <a:lnTo>
                        <a:pt x="139" y="134"/>
                      </a:lnTo>
                      <a:lnTo>
                        <a:pt x="168" y="177"/>
                      </a:lnTo>
                      <a:lnTo>
                        <a:pt x="189" y="221"/>
                      </a:lnTo>
                      <a:lnTo>
                        <a:pt x="187" y="220"/>
                      </a:lnTo>
                      <a:lnTo>
                        <a:pt x="187" y="216"/>
                      </a:lnTo>
                      <a:lnTo>
                        <a:pt x="166" y="173"/>
                      </a:lnTo>
                      <a:lnTo>
                        <a:pt x="138" y="128"/>
                      </a:lnTo>
                      <a:lnTo>
                        <a:pt x="100" y="85"/>
                      </a:lnTo>
                      <a:lnTo>
                        <a:pt x="55" y="43"/>
                      </a:lnTo>
                      <a:lnTo>
                        <a:pt x="1" y="1"/>
                      </a:lnTo>
                      <a:lnTo>
                        <a:pt x="0" y="0"/>
                      </a:lnTo>
                      <a:lnTo>
                        <a:pt x="1" y="4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8CA19F"/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27" name="Freeform 222"/>
                <p:cNvSpPr>
                  <a:spLocks/>
                </p:cNvSpPr>
                <p:nvPr/>
              </p:nvSpPr>
              <p:spPr bwMode="auto">
                <a:xfrm flipH="1">
                  <a:off x="1369508" y="1865932"/>
                  <a:ext cx="2707" cy="1650"/>
                </a:xfrm>
                <a:custGeom>
                  <a:avLst/>
                  <a:gdLst>
                    <a:gd name="T0" fmla="*/ 5 w 5"/>
                    <a:gd name="T1" fmla="*/ 0 h 3"/>
                    <a:gd name="T2" fmla="*/ 5 w 5"/>
                    <a:gd name="T3" fmla="*/ 1 h 3"/>
                    <a:gd name="T4" fmla="*/ 4 w 5"/>
                    <a:gd name="T5" fmla="*/ 3 h 3"/>
                    <a:gd name="T6" fmla="*/ 1 w 5"/>
                    <a:gd name="T7" fmla="*/ 3 h 3"/>
                    <a:gd name="T8" fmla="*/ 0 w 5"/>
                    <a:gd name="T9" fmla="*/ 1 h 3"/>
                    <a:gd name="T10" fmla="*/ 0 w 5"/>
                    <a:gd name="T11" fmla="*/ 1 h 3"/>
                    <a:gd name="T12" fmla="*/ 1 w 5"/>
                    <a:gd name="T13" fmla="*/ 0 h 3"/>
                    <a:gd name="T14" fmla="*/ 4 w 5"/>
                    <a:gd name="T15" fmla="*/ 0 h 3"/>
                    <a:gd name="T16" fmla="*/ 5 w 5"/>
                    <a:gd name="T17" fmla="*/ 0 h 3"/>
                    <a:gd name="T18" fmla="*/ 2 w 5"/>
                    <a:gd name="T19" fmla="*/ 1 h 3"/>
                    <a:gd name="T20" fmla="*/ 5 w 5"/>
                    <a:gd name="T21" fmla="*/ 0 h 3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</a:cxnLst>
                  <a:rect l="0" t="0" r="r" b="b"/>
                  <a:pathLst>
                    <a:path w="5" h="3">
                      <a:moveTo>
                        <a:pt x="5" y="0"/>
                      </a:moveTo>
                      <a:lnTo>
                        <a:pt x="5" y="1"/>
                      </a:lnTo>
                      <a:lnTo>
                        <a:pt x="4" y="3"/>
                      </a:lnTo>
                      <a:lnTo>
                        <a:pt x="1" y="3"/>
                      </a:lnTo>
                      <a:lnTo>
                        <a:pt x="0" y="1"/>
                      </a:lnTo>
                      <a:lnTo>
                        <a:pt x="0" y="1"/>
                      </a:lnTo>
                      <a:lnTo>
                        <a:pt x="1" y="0"/>
                      </a:lnTo>
                      <a:lnTo>
                        <a:pt x="4" y="0"/>
                      </a:lnTo>
                      <a:lnTo>
                        <a:pt x="5" y="0"/>
                      </a:lnTo>
                      <a:lnTo>
                        <a:pt x="2" y="1"/>
                      </a:lnTo>
                      <a:lnTo>
                        <a:pt x="5" y="0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lumMod val="7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28" name="Freeform 224"/>
                <p:cNvSpPr>
                  <a:spLocks/>
                </p:cNvSpPr>
                <p:nvPr/>
              </p:nvSpPr>
              <p:spPr bwMode="auto">
                <a:xfrm flipH="1">
                  <a:off x="748915" y="1937968"/>
                  <a:ext cx="36824" cy="23096"/>
                </a:xfrm>
                <a:custGeom>
                  <a:avLst/>
                  <a:gdLst>
                    <a:gd name="T0" fmla="*/ 5 w 68"/>
                    <a:gd name="T1" fmla="*/ 3 h 42"/>
                    <a:gd name="T2" fmla="*/ 36 w 68"/>
                    <a:gd name="T3" fmla="*/ 22 h 42"/>
                    <a:gd name="T4" fmla="*/ 66 w 68"/>
                    <a:gd name="T5" fmla="*/ 42 h 42"/>
                    <a:gd name="T6" fmla="*/ 68 w 68"/>
                    <a:gd name="T7" fmla="*/ 42 h 42"/>
                    <a:gd name="T8" fmla="*/ 64 w 68"/>
                    <a:gd name="T9" fmla="*/ 41 h 42"/>
                    <a:gd name="T10" fmla="*/ 64 w 68"/>
                    <a:gd name="T11" fmla="*/ 39 h 42"/>
                    <a:gd name="T12" fmla="*/ 34 w 68"/>
                    <a:gd name="T13" fmla="*/ 20 h 42"/>
                    <a:gd name="T14" fmla="*/ 0 w 68"/>
                    <a:gd name="T15" fmla="*/ 0 h 42"/>
                    <a:gd name="T16" fmla="*/ 5 w 68"/>
                    <a:gd name="T17" fmla="*/ 3 h 42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</a:cxnLst>
                  <a:rect l="0" t="0" r="r" b="b"/>
                  <a:pathLst>
                    <a:path w="68" h="42">
                      <a:moveTo>
                        <a:pt x="5" y="3"/>
                      </a:moveTo>
                      <a:lnTo>
                        <a:pt x="36" y="22"/>
                      </a:lnTo>
                      <a:lnTo>
                        <a:pt x="66" y="42"/>
                      </a:lnTo>
                      <a:lnTo>
                        <a:pt x="68" y="42"/>
                      </a:lnTo>
                      <a:lnTo>
                        <a:pt x="64" y="41"/>
                      </a:lnTo>
                      <a:lnTo>
                        <a:pt x="64" y="39"/>
                      </a:lnTo>
                      <a:lnTo>
                        <a:pt x="34" y="20"/>
                      </a:lnTo>
                      <a:lnTo>
                        <a:pt x="0" y="0"/>
                      </a:lnTo>
                      <a:lnTo>
                        <a:pt x="5" y="3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8CA19F"/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29" name="Freeform 233"/>
                <p:cNvSpPr>
                  <a:spLocks/>
                </p:cNvSpPr>
                <p:nvPr/>
              </p:nvSpPr>
              <p:spPr bwMode="auto">
                <a:xfrm flipH="1">
                  <a:off x="1573663" y="1804894"/>
                  <a:ext cx="169498" cy="49491"/>
                </a:xfrm>
                <a:custGeom>
                  <a:avLst/>
                  <a:gdLst>
                    <a:gd name="T0" fmla="*/ 187 w 313"/>
                    <a:gd name="T1" fmla="*/ 27 h 90"/>
                    <a:gd name="T2" fmla="*/ 202 w 313"/>
                    <a:gd name="T3" fmla="*/ 23 h 90"/>
                    <a:gd name="T4" fmla="*/ 194 w 313"/>
                    <a:gd name="T5" fmla="*/ 25 h 90"/>
                    <a:gd name="T6" fmla="*/ 215 w 313"/>
                    <a:gd name="T7" fmla="*/ 20 h 90"/>
                    <a:gd name="T8" fmla="*/ 185 w 313"/>
                    <a:gd name="T9" fmla="*/ 29 h 90"/>
                    <a:gd name="T10" fmla="*/ 123 w 313"/>
                    <a:gd name="T11" fmla="*/ 46 h 90"/>
                    <a:gd name="T12" fmla="*/ 89 w 313"/>
                    <a:gd name="T13" fmla="*/ 56 h 90"/>
                    <a:gd name="T14" fmla="*/ 78 w 313"/>
                    <a:gd name="T15" fmla="*/ 60 h 90"/>
                    <a:gd name="T16" fmla="*/ 80 w 313"/>
                    <a:gd name="T17" fmla="*/ 60 h 90"/>
                    <a:gd name="T18" fmla="*/ 47 w 313"/>
                    <a:gd name="T19" fmla="*/ 71 h 90"/>
                    <a:gd name="T20" fmla="*/ 27 w 313"/>
                    <a:gd name="T21" fmla="*/ 77 h 90"/>
                    <a:gd name="T22" fmla="*/ 10 w 313"/>
                    <a:gd name="T23" fmla="*/ 84 h 90"/>
                    <a:gd name="T24" fmla="*/ 9 w 313"/>
                    <a:gd name="T25" fmla="*/ 84 h 90"/>
                    <a:gd name="T26" fmla="*/ 18 w 313"/>
                    <a:gd name="T27" fmla="*/ 82 h 90"/>
                    <a:gd name="T28" fmla="*/ 20 w 313"/>
                    <a:gd name="T29" fmla="*/ 82 h 90"/>
                    <a:gd name="T30" fmla="*/ 18 w 313"/>
                    <a:gd name="T31" fmla="*/ 85 h 90"/>
                    <a:gd name="T32" fmla="*/ 14 w 313"/>
                    <a:gd name="T33" fmla="*/ 88 h 90"/>
                    <a:gd name="T34" fmla="*/ 14 w 313"/>
                    <a:gd name="T35" fmla="*/ 88 h 90"/>
                    <a:gd name="T36" fmla="*/ 20 w 313"/>
                    <a:gd name="T37" fmla="*/ 86 h 90"/>
                    <a:gd name="T38" fmla="*/ 23 w 313"/>
                    <a:gd name="T39" fmla="*/ 86 h 90"/>
                    <a:gd name="T40" fmla="*/ 51 w 313"/>
                    <a:gd name="T41" fmla="*/ 80 h 90"/>
                    <a:gd name="T42" fmla="*/ 106 w 313"/>
                    <a:gd name="T43" fmla="*/ 59 h 90"/>
                    <a:gd name="T44" fmla="*/ 97 w 313"/>
                    <a:gd name="T45" fmla="*/ 63 h 90"/>
                    <a:gd name="T46" fmla="*/ 93 w 313"/>
                    <a:gd name="T47" fmla="*/ 65 h 90"/>
                    <a:gd name="T48" fmla="*/ 90 w 313"/>
                    <a:gd name="T49" fmla="*/ 67 h 90"/>
                    <a:gd name="T50" fmla="*/ 99 w 313"/>
                    <a:gd name="T51" fmla="*/ 67 h 90"/>
                    <a:gd name="T52" fmla="*/ 124 w 313"/>
                    <a:gd name="T53" fmla="*/ 60 h 90"/>
                    <a:gd name="T54" fmla="*/ 145 w 313"/>
                    <a:gd name="T55" fmla="*/ 54 h 90"/>
                    <a:gd name="T56" fmla="*/ 145 w 313"/>
                    <a:gd name="T57" fmla="*/ 55 h 90"/>
                    <a:gd name="T58" fmla="*/ 147 w 313"/>
                    <a:gd name="T59" fmla="*/ 55 h 90"/>
                    <a:gd name="T60" fmla="*/ 147 w 313"/>
                    <a:gd name="T61" fmla="*/ 55 h 90"/>
                    <a:gd name="T62" fmla="*/ 167 w 313"/>
                    <a:gd name="T63" fmla="*/ 50 h 90"/>
                    <a:gd name="T64" fmla="*/ 207 w 313"/>
                    <a:gd name="T65" fmla="*/ 39 h 90"/>
                    <a:gd name="T66" fmla="*/ 229 w 313"/>
                    <a:gd name="T67" fmla="*/ 30 h 90"/>
                    <a:gd name="T68" fmla="*/ 209 w 313"/>
                    <a:gd name="T69" fmla="*/ 33 h 90"/>
                    <a:gd name="T70" fmla="*/ 204 w 313"/>
                    <a:gd name="T71" fmla="*/ 34 h 90"/>
                    <a:gd name="T72" fmla="*/ 225 w 313"/>
                    <a:gd name="T73" fmla="*/ 29 h 90"/>
                    <a:gd name="T74" fmla="*/ 238 w 313"/>
                    <a:gd name="T75" fmla="*/ 26 h 90"/>
                    <a:gd name="T76" fmla="*/ 241 w 313"/>
                    <a:gd name="T77" fmla="*/ 26 h 90"/>
                    <a:gd name="T78" fmla="*/ 250 w 313"/>
                    <a:gd name="T79" fmla="*/ 23 h 90"/>
                    <a:gd name="T80" fmla="*/ 260 w 313"/>
                    <a:gd name="T81" fmla="*/ 20 h 90"/>
                    <a:gd name="T82" fmla="*/ 259 w 313"/>
                    <a:gd name="T83" fmla="*/ 21 h 90"/>
                    <a:gd name="T84" fmla="*/ 255 w 313"/>
                    <a:gd name="T85" fmla="*/ 21 h 90"/>
                    <a:gd name="T86" fmla="*/ 247 w 313"/>
                    <a:gd name="T87" fmla="*/ 23 h 90"/>
                    <a:gd name="T88" fmla="*/ 253 w 313"/>
                    <a:gd name="T89" fmla="*/ 21 h 90"/>
                    <a:gd name="T90" fmla="*/ 264 w 313"/>
                    <a:gd name="T91" fmla="*/ 17 h 90"/>
                    <a:gd name="T92" fmla="*/ 266 w 313"/>
                    <a:gd name="T93" fmla="*/ 14 h 90"/>
                    <a:gd name="T94" fmla="*/ 280 w 313"/>
                    <a:gd name="T95" fmla="*/ 10 h 90"/>
                    <a:gd name="T96" fmla="*/ 298 w 313"/>
                    <a:gd name="T97" fmla="*/ 5 h 90"/>
                    <a:gd name="T98" fmla="*/ 308 w 313"/>
                    <a:gd name="T99" fmla="*/ 3 h 90"/>
                    <a:gd name="T100" fmla="*/ 304 w 313"/>
                    <a:gd name="T101" fmla="*/ 3 h 90"/>
                    <a:gd name="T102" fmla="*/ 300 w 313"/>
                    <a:gd name="T103" fmla="*/ 4 h 90"/>
                    <a:gd name="T104" fmla="*/ 301 w 313"/>
                    <a:gd name="T105" fmla="*/ 3 h 90"/>
                    <a:gd name="T106" fmla="*/ 309 w 313"/>
                    <a:gd name="T107" fmla="*/ 1 h 90"/>
                    <a:gd name="T108" fmla="*/ 312 w 313"/>
                    <a:gd name="T109" fmla="*/ 0 h 90"/>
                    <a:gd name="T110" fmla="*/ 309 w 313"/>
                    <a:gd name="T111" fmla="*/ 0 h 90"/>
                    <a:gd name="T112" fmla="*/ 308 w 313"/>
                    <a:gd name="T113" fmla="*/ 0 h 90"/>
                    <a:gd name="T114" fmla="*/ 304 w 313"/>
                    <a:gd name="T115" fmla="*/ 0 h 90"/>
                    <a:gd name="T116" fmla="*/ 292 w 313"/>
                    <a:gd name="T117" fmla="*/ 3 h 90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  <a:cxn ang="0">
                      <a:pos x="T86" y="T87"/>
                    </a:cxn>
                    <a:cxn ang="0">
                      <a:pos x="T88" y="T89"/>
                    </a:cxn>
                    <a:cxn ang="0">
                      <a:pos x="T90" y="T91"/>
                    </a:cxn>
                    <a:cxn ang="0">
                      <a:pos x="T92" y="T93"/>
                    </a:cxn>
                    <a:cxn ang="0">
                      <a:pos x="T94" y="T95"/>
                    </a:cxn>
                    <a:cxn ang="0">
                      <a:pos x="T96" y="T97"/>
                    </a:cxn>
                    <a:cxn ang="0">
                      <a:pos x="T98" y="T99"/>
                    </a:cxn>
                    <a:cxn ang="0">
                      <a:pos x="T100" y="T101"/>
                    </a:cxn>
                    <a:cxn ang="0">
                      <a:pos x="T102" y="T103"/>
                    </a:cxn>
                    <a:cxn ang="0">
                      <a:pos x="T104" y="T105"/>
                    </a:cxn>
                    <a:cxn ang="0">
                      <a:pos x="T106" y="T107"/>
                    </a:cxn>
                    <a:cxn ang="0">
                      <a:pos x="T108" y="T109"/>
                    </a:cxn>
                    <a:cxn ang="0">
                      <a:pos x="T110" y="T111"/>
                    </a:cxn>
                    <a:cxn ang="0">
                      <a:pos x="T112" y="T113"/>
                    </a:cxn>
                    <a:cxn ang="0">
                      <a:pos x="T114" y="T115"/>
                    </a:cxn>
                    <a:cxn ang="0">
                      <a:pos x="T116" y="T117"/>
                    </a:cxn>
                  </a:cxnLst>
                  <a:rect l="0" t="0" r="r" b="b"/>
                  <a:pathLst>
                    <a:path w="313" h="90">
                      <a:moveTo>
                        <a:pt x="250" y="12"/>
                      </a:moveTo>
                      <a:lnTo>
                        <a:pt x="187" y="27"/>
                      </a:lnTo>
                      <a:lnTo>
                        <a:pt x="195" y="25"/>
                      </a:lnTo>
                      <a:lnTo>
                        <a:pt x="202" y="23"/>
                      </a:lnTo>
                      <a:lnTo>
                        <a:pt x="211" y="21"/>
                      </a:lnTo>
                      <a:lnTo>
                        <a:pt x="194" y="25"/>
                      </a:lnTo>
                      <a:lnTo>
                        <a:pt x="204" y="22"/>
                      </a:lnTo>
                      <a:lnTo>
                        <a:pt x="215" y="20"/>
                      </a:lnTo>
                      <a:lnTo>
                        <a:pt x="225" y="17"/>
                      </a:lnTo>
                      <a:lnTo>
                        <a:pt x="185" y="29"/>
                      </a:lnTo>
                      <a:lnTo>
                        <a:pt x="150" y="38"/>
                      </a:lnTo>
                      <a:lnTo>
                        <a:pt x="123" y="46"/>
                      </a:lnTo>
                      <a:lnTo>
                        <a:pt x="103" y="52"/>
                      </a:lnTo>
                      <a:lnTo>
                        <a:pt x="89" y="56"/>
                      </a:lnTo>
                      <a:lnTo>
                        <a:pt x="81" y="59"/>
                      </a:lnTo>
                      <a:lnTo>
                        <a:pt x="78" y="60"/>
                      </a:lnTo>
                      <a:lnTo>
                        <a:pt x="78" y="60"/>
                      </a:lnTo>
                      <a:lnTo>
                        <a:pt x="80" y="60"/>
                      </a:lnTo>
                      <a:lnTo>
                        <a:pt x="60" y="67"/>
                      </a:lnTo>
                      <a:lnTo>
                        <a:pt x="47" y="71"/>
                      </a:lnTo>
                      <a:lnTo>
                        <a:pt x="37" y="75"/>
                      </a:lnTo>
                      <a:lnTo>
                        <a:pt x="27" y="77"/>
                      </a:lnTo>
                      <a:lnTo>
                        <a:pt x="20" y="80"/>
                      </a:lnTo>
                      <a:lnTo>
                        <a:pt x="10" y="84"/>
                      </a:lnTo>
                      <a:lnTo>
                        <a:pt x="0" y="88"/>
                      </a:lnTo>
                      <a:lnTo>
                        <a:pt x="9" y="84"/>
                      </a:lnTo>
                      <a:lnTo>
                        <a:pt x="16" y="82"/>
                      </a:lnTo>
                      <a:lnTo>
                        <a:pt x="18" y="82"/>
                      </a:lnTo>
                      <a:lnTo>
                        <a:pt x="21" y="82"/>
                      </a:lnTo>
                      <a:lnTo>
                        <a:pt x="20" y="82"/>
                      </a:lnTo>
                      <a:lnTo>
                        <a:pt x="20" y="84"/>
                      </a:lnTo>
                      <a:lnTo>
                        <a:pt x="18" y="85"/>
                      </a:lnTo>
                      <a:lnTo>
                        <a:pt x="17" y="85"/>
                      </a:lnTo>
                      <a:lnTo>
                        <a:pt x="14" y="88"/>
                      </a:lnTo>
                      <a:lnTo>
                        <a:pt x="10" y="90"/>
                      </a:lnTo>
                      <a:lnTo>
                        <a:pt x="14" y="88"/>
                      </a:lnTo>
                      <a:lnTo>
                        <a:pt x="18" y="88"/>
                      </a:lnTo>
                      <a:lnTo>
                        <a:pt x="20" y="86"/>
                      </a:lnTo>
                      <a:lnTo>
                        <a:pt x="21" y="86"/>
                      </a:lnTo>
                      <a:lnTo>
                        <a:pt x="23" y="86"/>
                      </a:lnTo>
                      <a:lnTo>
                        <a:pt x="23" y="88"/>
                      </a:lnTo>
                      <a:lnTo>
                        <a:pt x="51" y="80"/>
                      </a:lnTo>
                      <a:lnTo>
                        <a:pt x="78" y="69"/>
                      </a:lnTo>
                      <a:lnTo>
                        <a:pt x="106" y="59"/>
                      </a:lnTo>
                      <a:lnTo>
                        <a:pt x="101" y="61"/>
                      </a:lnTo>
                      <a:lnTo>
                        <a:pt x="97" y="63"/>
                      </a:lnTo>
                      <a:lnTo>
                        <a:pt x="94" y="64"/>
                      </a:lnTo>
                      <a:lnTo>
                        <a:pt x="93" y="65"/>
                      </a:lnTo>
                      <a:lnTo>
                        <a:pt x="92" y="65"/>
                      </a:lnTo>
                      <a:lnTo>
                        <a:pt x="90" y="67"/>
                      </a:lnTo>
                      <a:lnTo>
                        <a:pt x="94" y="67"/>
                      </a:lnTo>
                      <a:lnTo>
                        <a:pt x="99" y="67"/>
                      </a:lnTo>
                      <a:lnTo>
                        <a:pt x="110" y="64"/>
                      </a:lnTo>
                      <a:lnTo>
                        <a:pt x="124" y="60"/>
                      </a:lnTo>
                      <a:lnTo>
                        <a:pt x="145" y="54"/>
                      </a:lnTo>
                      <a:lnTo>
                        <a:pt x="145" y="54"/>
                      </a:lnTo>
                      <a:lnTo>
                        <a:pt x="145" y="55"/>
                      </a:lnTo>
                      <a:lnTo>
                        <a:pt x="145" y="55"/>
                      </a:lnTo>
                      <a:lnTo>
                        <a:pt x="147" y="55"/>
                      </a:lnTo>
                      <a:lnTo>
                        <a:pt x="147" y="55"/>
                      </a:lnTo>
                      <a:lnTo>
                        <a:pt x="147" y="55"/>
                      </a:lnTo>
                      <a:lnTo>
                        <a:pt x="147" y="55"/>
                      </a:lnTo>
                      <a:lnTo>
                        <a:pt x="147" y="55"/>
                      </a:lnTo>
                      <a:lnTo>
                        <a:pt x="167" y="50"/>
                      </a:lnTo>
                      <a:lnTo>
                        <a:pt x="188" y="44"/>
                      </a:lnTo>
                      <a:lnTo>
                        <a:pt x="207" y="39"/>
                      </a:lnTo>
                      <a:lnTo>
                        <a:pt x="220" y="34"/>
                      </a:lnTo>
                      <a:lnTo>
                        <a:pt x="229" y="30"/>
                      </a:lnTo>
                      <a:lnTo>
                        <a:pt x="219" y="29"/>
                      </a:lnTo>
                      <a:lnTo>
                        <a:pt x="209" y="33"/>
                      </a:lnTo>
                      <a:lnTo>
                        <a:pt x="200" y="35"/>
                      </a:lnTo>
                      <a:lnTo>
                        <a:pt x="204" y="34"/>
                      </a:lnTo>
                      <a:lnTo>
                        <a:pt x="213" y="31"/>
                      </a:lnTo>
                      <a:lnTo>
                        <a:pt x="225" y="29"/>
                      </a:lnTo>
                      <a:lnTo>
                        <a:pt x="238" y="26"/>
                      </a:lnTo>
                      <a:lnTo>
                        <a:pt x="238" y="26"/>
                      </a:lnTo>
                      <a:lnTo>
                        <a:pt x="238" y="26"/>
                      </a:lnTo>
                      <a:lnTo>
                        <a:pt x="241" y="26"/>
                      </a:lnTo>
                      <a:lnTo>
                        <a:pt x="243" y="25"/>
                      </a:lnTo>
                      <a:lnTo>
                        <a:pt x="250" y="23"/>
                      </a:lnTo>
                      <a:lnTo>
                        <a:pt x="262" y="20"/>
                      </a:lnTo>
                      <a:lnTo>
                        <a:pt x="260" y="20"/>
                      </a:lnTo>
                      <a:lnTo>
                        <a:pt x="260" y="21"/>
                      </a:lnTo>
                      <a:lnTo>
                        <a:pt x="259" y="21"/>
                      </a:lnTo>
                      <a:lnTo>
                        <a:pt x="257" y="21"/>
                      </a:lnTo>
                      <a:lnTo>
                        <a:pt x="255" y="21"/>
                      </a:lnTo>
                      <a:lnTo>
                        <a:pt x="251" y="22"/>
                      </a:lnTo>
                      <a:lnTo>
                        <a:pt x="247" y="23"/>
                      </a:lnTo>
                      <a:lnTo>
                        <a:pt x="241" y="25"/>
                      </a:lnTo>
                      <a:lnTo>
                        <a:pt x="253" y="21"/>
                      </a:lnTo>
                      <a:lnTo>
                        <a:pt x="260" y="18"/>
                      </a:lnTo>
                      <a:lnTo>
                        <a:pt x="264" y="17"/>
                      </a:lnTo>
                      <a:lnTo>
                        <a:pt x="266" y="16"/>
                      </a:lnTo>
                      <a:lnTo>
                        <a:pt x="266" y="14"/>
                      </a:lnTo>
                      <a:lnTo>
                        <a:pt x="272" y="13"/>
                      </a:lnTo>
                      <a:lnTo>
                        <a:pt x="280" y="10"/>
                      </a:lnTo>
                      <a:lnTo>
                        <a:pt x="289" y="8"/>
                      </a:lnTo>
                      <a:lnTo>
                        <a:pt x="298" y="5"/>
                      </a:lnTo>
                      <a:lnTo>
                        <a:pt x="305" y="3"/>
                      </a:lnTo>
                      <a:lnTo>
                        <a:pt x="308" y="3"/>
                      </a:lnTo>
                      <a:lnTo>
                        <a:pt x="305" y="3"/>
                      </a:lnTo>
                      <a:lnTo>
                        <a:pt x="304" y="3"/>
                      </a:lnTo>
                      <a:lnTo>
                        <a:pt x="302" y="3"/>
                      </a:lnTo>
                      <a:lnTo>
                        <a:pt x="300" y="4"/>
                      </a:lnTo>
                      <a:lnTo>
                        <a:pt x="296" y="4"/>
                      </a:lnTo>
                      <a:lnTo>
                        <a:pt x="301" y="3"/>
                      </a:lnTo>
                      <a:lnTo>
                        <a:pt x="305" y="3"/>
                      </a:lnTo>
                      <a:lnTo>
                        <a:pt x="309" y="1"/>
                      </a:lnTo>
                      <a:lnTo>
                        <a:pt x="310" y="1"/>
                      </a:lnTo>
                      <a:lnTo>
                        <a:pt x="312" y="0"/>
                      </a:lnTo>
                      <a:lnTo>
                        <a:pt x="313" y="0"/>
                      </a:lnTo>
                      <a:lnTo>
                        <a:pt x="309" y="0"/>
                      </a:lnTo>
                      <a:lnTo>
                        <a:pt x="306" y="1"/>
                      </a:lnTo>
                      <a:lnTo>
                        <a:pt x="308" y="0"/>
                      </a:lnTo>
                      <a:lnTo>
                        <a:pt x="309" y="0"/>
                      </a:lnTo>
                      <a:lnTo>
                        <a:pt x="304" y="0"/>
                      </a:lnTo>
                      <a:lnTo>
                        <a:pt x="297" y="1"/>
                      </a:lnTo>
                      <a:lnTo>
                        <a:pt x="292" y="3"/>
                      </a:lnTo>
                      <a:lnTo>
                        <a:pt x="250" y="12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noFill/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30" name="Freeform 234"/>
                <p:cNvSpPr>
                  <a:spLocks/>
                </p:cNvSpPr>
                <p:nvPr/>
              </p:nvSpPr>
              <p:spPr bwMode="auto">
                <a:xfrm flipH="1">
                  <a:off x="1024012" y="1813692"/>
                  <a:ext cx="60651" cy="15398"/>
                </a:xfrm>
                <a:custGeom>
                  <a:avLst/>
                  <a:gdLst>
                    <a:gd name="T0" fmla="*/ 76 w 112"/>
                    <a:gd name="T1" fmla="*/ 19 h 28"/>
                    <a:gd name="T2" fmla="*/ 88 w 112"/>
                    <a:gd name="T3" fmla="*/ 22 h 28"/>
                    <a:gd name="T4" fmla="*/ 99 w 112"/>
                    <a:gd name="T5" fmla="*/ 24 h 28"/>
                    <a:gd name="T6" fmla="*/ 112 w 112"/>
                    <a:gd name="T7" fmla="*/ 28 h 28"/>
                    <a:gd name="T8" fmla="*/ 110 w 112"/>
                    <a:gd name="T9" fmla="*/ 28 h 28"/>
                    <a:gd name="T10" fmla="*/ 108 w 112"/>
                    <a:gd name="T11" fmla="*/ 27 h 28"/>
                    <a:gd name="T12" fmla="*/ 100 w 112"/>
                    <a:gd name="T13" fmla="*/ 24 h 28"/>
                    <a:gd name="T14" fmla="*/ 88 w 112"/>
                    <a:gd name="T15" fmla="*/ 22 h 28"/>
                    <a:gd name="T16" fmla="*/ 71 w 112"/>
                    <a:gd name="T17" fmla="*/ 17 h 28"/>
                    <a:gd name="T18" fmla="*/ 46 w 112"/>
                    <a:gd name="T19" fmla="*/ 10 h 28"/>
                    <a:gd name="T20" fmla="*/ 49 w 112"/>
                    <a:gd name="T21" fmla="*/ 11 h 28"/>
                    <a:gd name="T22" fmla="*/ 17 w 112"/>
                    <a:gd name="T23" fmla="*/ 4 h 28"/>
                    <a:gd name="T24" fmla="*/ 12 w 112"/>
                    <a:gd name="T25" fmla="*/ 2 h 28"/>
                    <a:gd name="T26" fmla="*/ 7 w 112"/>
                    <a:gd name="T27" fmla="*/ 1 h 28"/>
                    <a:gd name="T28" fmla="*/ 3 w 112"/>
                    <a:gd name="T29" fmla="*/ 0 h 28"/>
                    <a:gd name="T30" fmla="*/ 0 w 112"/>
                    <a:gd name="T31" fmla="*/ 0 h 28"/>
                    <a:gd name="T32" fmla="*/ 0 w 112"/>
                    <a:gd name="T33" fmla="*/ 0 h 28"/>
                    <a:gd name="T34" fmla="*/ 76 w 112"/>
                    <a:gd name="T35" fmla="*/ 19 h 28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</a:cxnLst>
                  <a:rect l="0" t="0" r="r" b="b"/>
                  <a:pathLst>
                    <a:path w="112" h="28">
                      <a:moveTo>
                        <a:pt x="76" y="19"/>
                      </a:moveTo>
                      <a:lnTo>
                        <a:pt x="88" y="22"/>
                      </a:lnTo>
                      <a:lnTo>
                        <a:pt x="99" y="24"/>
                      </a:lnTo>
                      <a:lnTo>
                        <a:pt x="112" y="28"/>
                      </a:lnTo>
                      <a:lnTo>
                        <a:pt x="110" y="28"/>
                      </a:lnTo>
                      <a:lnTo>
                        <a:pt x="108" y="27"/>
                      </a:lnTo>
                      <a:lnTo>
                        <a:pt x="100" y="24"/>
                      </a:lnTo>
                      <a:lnTo>
                        <a:pt x="88" y="22"/>
                      </a:lnTo>
                      <a:lnTo>
                        <a:pt x="71" y="17"/>
                      </a:lnTo>
                      <a:lnTo>
                        <a:pt x="46" y="10"/>
                      </a:lnTo>
                      <a:lnTo>
                        <a:pt x="49" y="11"/>
                      </a:lnTo>
                      <a:lnTo>
                        <a:pt x="17" y="4"/>
                      </a:lnTo>
                      <a:lnTo>
                        <a:pt x="12" y="2"/>
                      </a:lnTo>
                      <a:lnTo>
                        <a:pt x="7" y="1"/>
                      </a:lnTo>
                      <a:lnTo>
                        <a:pt x="3" y="0"/>
                      </a:lnTo>
                      <a:lnTo>
                        <a:pt x="0" y="0"/>
                      </a:lnTo>
                      <a:lnTo>
                        <a:pt x="0" y="0"/>
                      </a:lnTo>
                      <a:lnTo>
                        <a:pt x="76" y="19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BABABA"/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31" name="Freeform 236"/>
                <p:cNvSpPr>
                  <a:spLocks/>
                </p:cNvSpPr>
                <p:nvPr/>
              </p:nvSpPr>
              <p:spPr bwMode="auto">
                <a:xfrm flipH="1">
                  <a:off x="1005058" y="1825790"/>
                  <a:ext cx="32491" cy="9349"/>
                </a:xfrm>
                <a:custGeom>
                  <a:avLst/>
                  <a:gdLst>
                    <a:gd name="T0" fmla="*/ 39 w 60"/>
                    <a:gd name="T1" fmla="*/ 13 h 17"/>
                    <a:gd name="T2" fmla="*/ 44 w 60"/>
                    <a:gd name="T3" fmla="*/ 14 h 17"/>
                    <a:gd name="T4" fmla="*/ 48 w 60"/>
                    <a:gd name="T5" fmla="*/ 16 h 17"/>
                    <a:gd name="T6" fmla="*/ 50 w 60"/>
                    <a:gd name="T7" fmla="*/ 16 h 17"/>
                    <a:gd name="T8" fmla="*/ 52 w 60"/>
                    <a:gd name="T9" fmla="*/ 16 h 17"/>
                    <a:gd name="T10" fmla="*/ 52 w 60"/>
                    <a:gd name="T11" fmla="*/ 16 h 17"/>
                    <a:gd name="T12" fmla="*/ 53 w 60"/>
                    <a:gd name="T13" fmla="*/ 16 h 17"/>
                    <a:gd name="T14" fmla="*/ 53 w 60"/>
                    <a:gd name="T15" fmla="*/ 16 h 17"/>
                    <a:gd name="T16" fmla="*/ 53 w 60"/>
                    <a:gd name="T17" fmla="*/ 16 h 17"/>
                    <a:gd name="T18" fmla="*/ 53 w 60"/>
                    <a:gd name="T19" fmla="*/ 16 h 17"/>
                    <a:gd name="T20" fmla="*/ 55 w 60"/>
                    <a:gd name="T21" fmla="*/ 16 h 17"/>
                    <a:gd name="T22" fmla="*/ 56 w 60"/>
                    <a:gd name="T23" fmla="*/ 16 h 17"/>
                    <a:gd name="T24" fmla="*/ 60 w 60"/>
                    <a:gd name="T25" fmla="*/ 17 h 17"/>
                    <a:gd name="T26" fmla="*/ 38 w 60"/>
                    <a:gd name="T27" fmla="*/ 10 h 17"/>
                    <a:gd name="T28" fmla="*/ 22 w 60"/>
                    <a:gd name="T29" fmla="*/ 6 h 17"/>
                    <a:gd name="T30" fmla="*/ 12 w 60"/>
                    <a:gd name="T31" fmla="*/ 4 h 17"/>
                    <a:gd name="T32" fmla="*/ 5 w 60"/>
                    <a:gd name="T33" fmla="*/ 1 h 17"/>
                    <a:gd name="T34" fmla="*/ 1 w 60"/>
                    <a:gd name="T35" fmla="*/ 1 h 17"/>
                    <a:gd name="T36" fmla="*/ 0 w 60"/>
                    <a:gd name="T37" fmla="*/ 0 h 17"/>
                    <a:gd name="T38" fmla="*/ 0 w 60"/>
                    <a:gd name="T39" fmla="*/ 1 h 17"/>
                    <a:gd name="T40" fmla="*/ 4 w 60"/>
                    <a:gd name="T41" fmla="*/ 2 h 17"/>
                    <a:gd name="T42" fmla="*/ 13 w 60"/>
                    <a:gd name="T43" fmla="*/ 5 h 17"/>
                    <a:gd name="T44" fmla="*/ 23 w 60"/>
                    <a:gd name="T45" fmla="*/ 8 h 17"/>
                    <a:gd name="T46" fmla="*/ 33 w 60"/>
                    <a:gd name="T47" fmla="*/ 10 h 17"/>
                    <a:gd name="T48" fmla="*/ 39 w 60"/>
                    <a:gd name="T49" fmla="*/ 13 h 17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</a:cxnLst>
                  <a:rect l="0" t="0" r="r" b="b"/>
                  <a:pathLst>
                    <a:path w="60" h="17">
                      <a:moveTo>
                        <a:pt x="39" y="13"/>
                      </a:moveTo>
                      <a:lnTo>
                        <a:pt x="44" y="14"/>
                      </a:lnTo>
                      <a:lnTo>
                        <a:pt x="48" y="16"/>
                      </a:lnTo>
                      <a:lnTo>
                        <a:pt x="50" y="16"/>
                      </a:lnTo>
                      <a:lnTo>
                        <a:pt x="52" y="16"/>
                      </a:lnTo>
                      <a:lnTo>
                        <a:pt x="52" y="16"/>
                      </a:lnTo>
                      <a:lnTo>
                        <a:pt x="53" y="16"/>
                      </a:lnTo>
                      <a:lnTo>
                        <a:pt x="53" y="16"/>
                      </a:lnTo>
                      <a:lnTo>
                        <a:pt x="53" y="16"/>
                      </a:lnTo>
                      <a:lnTo>
                        <a:pt x="53" y="16"/>
                      </a:lnTo>
                      <a:lnTo>
                        <a:pt x="55" y="16"/>
                      </a:lnTo>
                      <a:lnTo>
                        <a:pt x="56" y="16"/>
                      </a:lnTo>
                      <a:lnTo>
                        <a:pt x="60" y="17"/>
                      </a:lnTo>
                      <a:lnTo>
                        <a:pt x="38" y="10"/>
                      </a:lnTo>
                      <a:lnTo>
                        <a:pt x="22" y="6"/>
                      </a:lnTo>
                      <a:lnTo>
                        <a:pt x="12" y="4"/>
                      </a:lnTo>
                      <a:lnTo>
                        <a:pt x="5" y="1"/>
                      </a:lnTo>
                      <a:lnTo>
                        <a:pt x="1" y="1"/>
                      </a:lnTo>
                      <a:lnTo>
                        <a:pt x="0" y="0"/>
                      </a:lnTo>
                      <a:lnTo>
                        <a:pt x="0" y="1"/>
                      </a:lnTo>
                      <a:lnTo>
                        <a:pt x="4" y="2"/>
                      </a:lnTo>
                      <a:lnTo>
                        <a:pt x="13" y="5"/>
                      </a:lnTo>
                      <a:lnTo>
                        <a:pt x="23" y="8"/>
                      </a:lnTo>
                      <a:lnTo>
                        <a:pt x="33" y="10"/>
                      </a:lnTo>
                      <a:lnTo>
                        <a:pt x="39" y="13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BABABA"/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32" name="Freeform 264"/>
                <p:cNvSpPr>
                  <a:spLocks/>
                </p:cNvSpPr>
                <p:nvPr/>
              </p:nvSpPr>
              <p:spPr bwMode="auto">
                <a:xfrm flipH="1">
                  <a:off x="212803" y="2718826"/>
                  <a:ext cx="18412" cy="71487"/>
                </a:xfrm>
                <a:custGeom>
                  <a:avLst/>
                  <a:gdLst>
                    <a:gd name="T0" fmla="*/ 1 w 34"/>
                    <a:gd name="T1" fmla="*/ 7 h 130"/>
                    <a:gd name="T2" fmla="*/ 7 w 34"/>
                    <a:gd name="T3" fmla="*/ 37 h 130"/>
                    <a:gd name="T4" fmla="*/ 14 w 34"/>
                    <a:gd name="T5" fmla="*/ 62 h 130"/>
                    <a:gd name="T6" fmla="*/ 18 w 34"/>
                    <a:gd name="T7" fmla="*/ 82 h 130"/>
                    <a:gd name="T8" fmla="*/ 22 w 34"/>
                    <a:gd name="T9" fmla="*/ 97 h 130"/>
                    <a:gd name="T10" fmla="*/ 24 w 34"/>
                    <a:gd name="T11" fmla="*/ 108 h 130"/>
                    <a:gd name="T12" fmla="*/ 27 w 34"/>
                    <a:gd name="T13" fmla="*/ 116 h 130"/>
                    <a:gd name="T14" fmla="*/ 28 w 34"/>
                    <a:gd name="T15" fmla="*/ 121 h 130"/>
                    <a:gd name="T16" fmla="*/ 30 w 34"/>
                    <a:gd name="T17" fmla="*/ 125 h 130"/>
                    <a:gd name="T18" fmla="*/ 31 w 34"/>
                    <a:gd name="T19" fmla="*/ 127 h 130"/>
                    <a:gd name="T20" fmla="*/ 34 w 34"/>
                    <a:gd name="T21" fmla="*/ 130 h 130"/>
                    <a:gd name="T22" fmla="*/ 30 w 34"/>
                    <a:gd name="T23" fmla="*/ 104 h 130"/>
                    <a:gd name="T24" fmla="*/ 26 w 34"/>
                    <a:gd name="T25" fmla="*/ 79 h 130"/>
                    <a:gd name="T26" fmla="*/ 21 w 34"/>
                    <a:gd name="T27" fmla="*/ 54 h 130"/>
                    <a:gd name="T28" fmla="*/ 15 w 34"/>
                    <a:gd name="T29" fmla="*/ 33 h 130"/>
                    <a:gd name="T30" fmla="*/ 10 w 34"/>
                    <a:gd name="T31" fmla="*/ 16 h 130"/>
                    <a:gd name="T32" fmla="*/ 5 w 34"/>
                    <a:gd name="T33" fmla="*/ 4 h 130"/>
                    <a:gd name="T34" fmla="*/ 0 w 34"/>
                    <a:gd name="T35" fmla="*/ 0 h 130"/>
                    <a:gd name="T36" fmla="*/ 0 w 34"/>
                    <a:gd name="T37" fmla="*/ 4 h 130"/>
                    <a:gd name="T38" fmla="*/ 1 w 34"/>
                    <a:gd name="T39" fmla="*/ 7 h 130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</a:cxnLst>
                  <a:rect l="0" t="0" r="r" b="b"/>
                  <a:pathLst>
                    <a:path w="34" h="130">
                      <a:moveTo>
                        <a:pt x="1" y="7"/>
                      </a:moveTo>
                      <a:lnTo>
                        <a:pt x="7" y="37"/>
                      </a:lnTo>
                      <a:lnTo>
                        <a:pt x="14" y="62"/>
                      </a:lnTo>
                      <a:lnTo>
                        <a:pt x="18" y="82"/>
                      </a:lnTo>
                      <a:lnTo>
                        <a:pt x="22" y="97"/>
                      </a:lnTo>
                      <a:lnTo>
                        <a:pt x="24" y="108"/>
                      </a:lnTo>
                      <a:lnTo>
                        <a:pt x="27" y="116"/>
                      </a:lnTo>
                      <a:lnTo>
                        <a:pt x="28" y="121"/>
                      </a:lnTo>
                      <a:lnTo>
                        <a:pt x="30" y="125"/>
                      </a:lnTo>
                      <a:lnTo>
                        <a:pt x="31" y="127"/>
                      </a:lnTo>
                      <a:lnTo>
                        <a:pt x="34" y="130"/>
                      </a:lnTo>
                      <a:lnTo>
                        <a:pt x="30" y="104"/>
                      </a:lnTo>
                      <a:lnTo>
                        <a:pt x="26" y="79"/>
                      </a:lnTo>
                      <a:lnTo>
                        <a:pt x="21" y="54"/>
                      </a:lnTo>
                      <a:lnTo>
                        <a:pt x="15" y="33"/>
                      </a:lnTo>
                      <a:lnTo>
                        <a:pt x="10" y="16"/>
                      </a:lnTo>
                      <a:lnTo>
                        <a:pt x="5" y="4"/>
                      </a:lnTo>
                      <a:lnTo>
                        <a:pt x="0" y="0"/>
                      </a:lnTo>
                      <a:lnTo>
                        <a:pt x="0" y="4"/>
                      </a:lnTo>
                      <a:lnTo>
                        <a:pt x="1" y="7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BABABA"/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33" name="Freeform 275"/>
                <p:cNvSpPr>
                  <a:spLocks/>
                </p:cNvSpPr>
                <p:nvPr/>
              </p:nvSpPr>
              <p:spPr bwMode="auto">
                <a:xfrm flipH="1">
                  <a:off x="2444982" y="3324265"/>
                  <a:ext cx="8665" cy="26395"/>
                </a:xfrm>
                <a:custGeom>
                  <a:avLst/>
                  <a:gdLst>
                    <a:gd name="T0" fmla="*/ 13 w 16"/>
                    <a:gd name="T1" fmla="*/ 46 h 48"/>
                    <a:gd name="T2" fmla="*/ 13 w 16"/>
                    <a:gd name="T3" fmla="*/ 46 h 48"/>
                    <a:gd name="T4" fmla="*/ 13 w 16"/>
                    <a:gd name="T5" fmla="*/ 46 h 48"/>
                    <a:gd name="T6" fmla="*/ 13 w 16"/>
                    <a:gd name="T7" fmla="*/ 46 h 48"/>
                    <a:gd name="T8" fmla="*/ 13 w 16"/>
                    <a:gd name="T9" fmla="*/ 48 h 48"/>
                    <a:gd name="T10" fmla="*/ 14 w 16"/>
                    <a:gd name="T11" fmla="*/ 48 h 48"/>
                    <a:gd name="T12" fmla="*/ 14 w 16"/>
                    <a:gd name="T13" fmla="*/ 48 h 48"/>
                    <a:gd name="T14" fmla="*/ 14 w 16"/>
                    <a:gd name="T15" fmla="*/ 48 h 48"/>
                    <a:gd name="T16" fmla="*/ 14 w 16"/>
                    <a:gd name="T17" fmla="*/ 48 h 48"/>
                    <a:gd name="T18" fmla="*/ 14 w 16"/>
                    <a:gd name="T19" fmla="*/ 48 h 48"/>
                    <a:gd name="T20" fmla="*/ 14 w 16"/>
                    <a:gd name="T21" fmla="*/ 48 h 48"/>
                    <a:gd name="T22" fmla="*/ 14 w 16"/>
                    <a:gd name="T23" fmla="*/ 48 h 48"/>
                    <a:gd name="T24" fmla="*/ 16 w 16"/>
                    <a:gd name="T25" fmla="*/ 48 h 48"/>
                    <a:gd name="T26" fmla="*/ 16 w 16"/>
                    <a:gd name="T27" fmla="*/ 48 h 48"/>
                    <a:gd name="T28" fmla="*/ 16 w 16"/>
                    <a:gd name="T29" fmla="*/ 48 h 48"/>
                    <a:gd name="T30" fmla="*/ 16 w 16"/>
                    <a:gd name="T31" fmla="*/ 48 h 48"/>
                    <a:gd name="T32" fmla="*/ 0 w 16"/>
                    <a:gd name="T33" fmla="*/ 0 h 48"/>
                    <a:gd name="T34" fmla="*/ 1 w 16"/>
                    <a:gd name="T35" fmla="*/ 10 h 48"/>
                    <a:gd name="T36" fmla="*/ 5 w 16"/>
                    <a:gd name="T37" fmla="*/ 25 h 48"/>
                    <a:gd name="T38" fmla="*/ 13 w 16"/>
                    <a:gd name="T39" fmla="*/ 46 h 48"/>
                    <a:gd name="T40" fmla="*/ 13 w 16"/>
                    <a:gd name="T41" fmla="*/ 46 h 48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</a:cxnLst>
                  <a:rect l="0" t="0" r="r" b="b"/>
                  <a:pathLst>
                    <a:path w="16" h="48">
                      <a:moveTo>
                        <a:pt x="13" y="46"/>
                      </a:moveTo>
                      <a:lnTo>
                        <a:pt x="13" y="46"/>
                      </a:lnTo>
                      <a:lnTo>
                        <a:pt x="13" y="46"/>
                      </a:lnTo>
                      <a:lnTo>
                        <a:pt x="13" y="46"/>
                      </a:lnTo>
                      <a:lnTo>
                        <a:pt x="13" y="48"/>
                      </a:lnTo>
                      <a:lnTo>
                        <a:pt x="14" y="48"/>
                      </a:lnTo>
                      <a:lnTo>
                        <a:pt x="14" y="48"/>
                      </a:lnTo>
                      <a:lnTo>
                        <a:pt x="14" y="48"/>
                      </a:lnTo>
                      <a:lnTo>
                        <a:pt x="14" y="48"/>
                      </a:lnTo>
                      <a:lnTo>
                        <a:pt x="14" y="48"/>
                      </a:lnTo>
                      <a:lnTo>
                        <a:pt x="14" y="48"/>
                      </a:lnTo>
                      <a:lnTo>
                        <a:pt x="14" y="48"/>
                      </a:lnTo>
                      <a:lnTo>
                        <a:pt x="16" y="48"/>
                      </a:lnTo>
                      <a:lnTo>
                        <a:pt x="16" y="48"/>
                      </a:lnTo>
                      <a:lnTo>
                        <a:pt x="16" y="48"/>
                      </a:lnTo>
                      <a:lnTo>
                        <a:pt x="16" y="48"/>
                      </a:lnTo>
                      <a:lnTo>
                        <a:pt x="0" y="0"/>
                      </a:lnTo>
                      <a:lnTo>
                        <a:pt x="1" y="10"/>
                      </a:lnTo>
                      <a:lnTo>
                        <a:pt x="5" y="25"/>
                      </a:lnTo>
                      <a:lnTo>
                        <a:pt x="13" y="46"/>
                      </a:lnTo>
                      <a:lnTo>
                        <a:pt x="13" y="46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BABABA"/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34" name="Freeform 311"/>
                <p:cNvSpPr>
                  <a:spLocks/>
                </p:cNvSpPr>
                <p:nvPr/>
              </p:nvSpPr>
              <p:spPr bwMode="auto">
                <a:xfrm flipH="1">
                  <a:off x="1867172" y="2107338"/>
                  <a:ext cx="8665" cy="10448"/>
                </a:xfrm>
                <a:custGeom>
                  <a:avLst/>
                  <a:gdLst>
                    <a:gd name="T0" fmla="*/ 0 w 16"/>
                    <a:gd name="T1" fmla="*/ 13 h 19"/>
                    <a:gd name="T2" fmla="*/ 3 w 16"/>
                    <a:gd name="T3" fmla="*/ 14 h 19"/>
                    <a:gd name="T4" fmla="*/ 4 w 16"/>
                    <a:gd name="T5" fmla="*/ 15 h 19"/>
                    <a:gd name="T6" fmla="*/ 5 w 16"/>
                    <a:gd name="T7" fmla="*/ 17 h 19"/>
                    <a:gd name="T8" fmla="*/ 4 w 16"/>
                    <a:gd name="T9" fmla="*/ 19 h 19"/>
                    <a:gd name="T10" fmla="*/ 8 w 16"/>
                    <a:gd name="T11" fmla="*/ 17 h 19"/>
                    <a:gd name="T12" fmla="*/ 9 w 16"/>
                    <a:gd name="T13" fmla="*/ 14 h 19"/>
                    <a:gd name="T14" fmla="*/ 11 w 16"/>
                    <a:gd name="T15" fmla="*/ 10 h 19"/>
                    <a:gd name="T16" fmla="*/ 12 w 16"/>
                    <a:gd name="T17" fmla="*/ 6 h 19"/>
                    <a:gd name="T18" fmla="*/ 13 w 16"/>
                    <a:gd name="T19" fmla="*/ 2 h 19"/>
                    <a:gd name="T20" fmla="*/ 16 w 16"/>
                    <a:gd name="T21" fmla="*/ 0 h 19"/>
                    <a:gd name="T22" fmla="*/ 12 w 16"/>
                    <a:gd name="T23" fmla="*/ 1 h 19"/>
                    <a:gd name="T24" fmla="*/ 8 w 16"/>
                    <a:gd name="T25" fmla="*/ 5 h 19"/>
                    <a:gd name="T26" fmla="*/ 4 w 16"/>
                    <a:gd name="T27" fmla="*/ 9 h 19"/>
                    <a:gd name="T28" fmla="*/ 0 w 16"/>
                    <a:gd name="T29" fmla="*/ 13 h 19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</a:cxnLst>
                  <a:rect l="0" t="0" r="r" b="b"/>
                  <a:pathLst>
                    <a:path w="16" h="19">
                      <a:moveTo>
                        <a:pt x="0" y="13"/>
                      </a:moveTo>
                      <a:lnTo>
                        <a:pt x="3" y="14"/>
                      </a:lnTo>
                      <a:lnTo>
                        <a:pt x="4" y="15"/>
                      </a:lnTo>
                      <a:lnTo>
                        <a:pt x="5" y="17"/>
                      </a:lnTo>
                      <a:lnTo>
                        <a:pt x="4" y="19"/>
                      </a:lnTo>
                      <a:lnTo>
                        <a:pt x="8" y="17"/>
                      </a:lnTo>
                      <a:lnTo>
                        <a:pt x="9" y="14"/>
                      </a:lnTo>
                      <a:lnTo>
                        <a:pt x="11" y="10"/>
                      </a:lnTo>
                      <a:lnTo>
                        <a:pt x="12" y="6"/>
                      </a:lnTo>
                      <a:lnTo>
                        <a:pt x="13" y="2"/>
                      </a:lnTo>
                      <a:lnTo>
                        <a:pt x="16" y="0"/>
                      </a:lnTo>
                      <a:lnTo>
                        <a:pt x="12" y="1"/>
                      </a:lnTo>
                      <a:lnTo>
                        <a:pt x="8" y="5"/>
                      </a:lnTo>
                      <a:lnTo>
                        <a:pt x="4" y="9"/>
                      </a:lnTo>
                      <a:lnTo>
                        <a:pt x="0" y="13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noFill/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35" name="Freeform 312"/>
                <p:cNvSpPr>
                  <a:spLocks/>
                </p:cNvSpPr>
                <p:nvPr/>
              </p:nvSpPr>
              <p:spPr bwMode="auto">
                <a:xfrm flipH="1">
                  <a:off x="1888832" y="2123835"/>
                  <a:ext cx="9748" cy="9349"/>
                </a:xfrm>
                <a:custGeom>
                  <a:avLst/>
                  <a:gdLst>
                    <a:gd name="T0" fmla="*/ 0 w 18"/>
                    <a:gd name="T1" fmla="*/ 16 h 17"/>
                    <a:gd name="T2" fmla="*/ 4 w 18"/>
                    <a:gd name="T3" fmla="*/ 14 h 17"/>
                    <a:gd name="T4" fmla="*/ 9 w 18"/>
                    <a:gd name="T5" fmla="*/ 13 h 17"/>
                    <a:gd name="T6" fmla="*/ 13 w 18"/>
                    <a:gd name="T7" fmla="*/ 10 h 17"/>
                    <a:gd name="T8" fmla="*/ 16 w 18"/>
                    <a:gd name="T9" fmla="*/ 6 h 17"/>
                    <a:gd name="T10" fmla="*/ 18 w 18"/>
                    <a:gd name="T11" fmla="*/ 4 h 17"/>
                    <a:gd name="T12" fmla="*/ 18 w 18"/>
                    <a:gd name="T13" fmla="*/ 0 h 17"/>
                    <a:gd name="T14" fmla="*/ 12 w 18"/>
                    <a:gd name="T15" fmla="*/ 4 h 17"/>
                    <a:gd name="T16" fmla="*/ 7 w 18"/>
                    <a:gd name="T17" fmla="*/ 9 h 17"/>
                    <a:gd name="T18" fmla="*/ 0 w 18"/>
                    <a:gd name="T19" fmla="*/ 17 h 17"/>
                    <a:gd name="T20" fmla="*/ 0 w 18"/>
                    <a:gd name="T21" fmla="*/ 16 h 17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</a:cxnLst>
                  <a:rect l="0" t="0" r="r" b="b"/>
                  <a:pathLst>
                    <a:path w="18" h="17">
                      <a:moveTo>
                        <a:pt x="0" y="16"/>
                      </a:moveTo>
                      <a:lnTo>
                        <a:pt x="4" y="14"/>
                      </a:lnTo>
                      <a:lnTo>
                        <a:pt x="9" y="13"/>
                      </a:lnTo>
                      <a:lnTo>
                        <a:pt x="13" y="10"/>
                      </a:lnTo>
                      <a:lnTo>
                        <a:pt x="16" y="6"/>
                      </a:lnTo>
                      <a:lnTo>
                        <a:pt x="18" y="4"/>
                      </a:lnTo>
                      <a:lnTo>
                        <a:pt x="18" y="0"/>
                      </a:lnTo>
                      <a:lnTo>
                        <a:pt x="12" y="4"/>
                      </a:lnTo>
                      <a:lnTo>
                        <a:pt x="7" y="9"/>
                      </a:lnTo>
                      <a:lnTo>
                        <a:pt x="0" y="17"/>
                      </a:lnTo>
                      <a:lnTo>
                        <a:pt x="0" y="16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noFill/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36" name="Freeform 317"/>
                <p:cNvSpPr>
                  <a:spLocks/>
                </p:cNvSpPr>
                <p:nvPr/>
              </p:nvSpPr>
              <p:spPr bwMode="auto">
                <a:xfrm flipH="1">
                  <a:off x="1052713" y="1815891"/>
                  <a:ext cx="22744" cy="5499"/>
                </a:xfrm>
                <a:custGeom>
                  <a:avLst/>
                  <a:gdLst>
                    <a:gd name="T0" fmla="*/ 32 w 42"/>
                    <a:gd name="T1" fmla="*/ 7 h 10"/>
                    <a:gd name="T2" fmla="*/ 42 w 42"/>
                    <a:gd name="T3" fmla="*/ 10 h 10"/>
                    <a:gd name="T4" fmla="*/ 0 w 42"/>
                    <a:gd name="T5" fmla="*/ 0 h 10"/>
                    <a:gd name="T6" fmla="*/ 32 w 42"/>
                    <a:gd name="T7" fmla="*/ 7 h 10"/>
                    <a:gd name="T8" fmla="*/ 32 w 42"/>
                    <a:gd name="T9" fmla="*/ 7 h 10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</a:cxnLst>
                  <a:rect l="0" t="0" r="r" b="b"/>
                  <a:pathLst>
                    <a:path w="42" h="10">
                      <a:moveTo>
                        <a:pt x="32" y="7"/>
                      </a:moveTo>
                      <a:lnTo>
                        <a:pt x="42" y="10"/>
                      </a:lnTo>
                      <a:lnTo>
                        <a:pt x="0" y="0"/>
                      </a:lnTo>
                      <a:lnTo>
                        <a:pt x="32" y="7"/>
                      </a:lnTo>
                      <a:lnTo>
                        <a:pt x="32" y="7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BABABA"/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37" name="Freeform 6"/>
                <p:cNvSpPr>
                  <a:spLocks noEditPoints="1"/>
                </p:cNvSpPr>
                <p:nvPr/>
              </p:nvSpPr>
              <p:spPr bwMode="auto">
                <a:xfrm flipH="1">
                  <a:off x="279585" y="1989162"/>
                  <a:ext cx="1027413" cy="2031720"/>
                </a:xfrm>
                <a:custGeom>
                  <a:avLst/>
                  <a:gdLst>
                    <a:gd name="T0" fmla="*/ 126 w 1894"/>
                    <a:gd name="T1" fmla="*/ 3742 h 3770"/>
                    <a:gd name="T2" fmla="*/ 372 w 1894"/>
                    <a:gd name="T3" fmla="*/ 3662 h 3770"/>
                    <a:gd name="T4" fmla="*/ 608 w 1894"/>
                    <a:gd name="T5" fmla="*/ 3552 h 3770"/>
                    <a:gd name="T6" fmla="*/ 829 w 1894"/>
                    <a:gd name="T7" fmla="*/ 3414 h 3770"/>
                    <a:gd name="T8" fmla="*/ 1034 w 1894"/>
                    <a:gd name="T9" fmla="*/ 3253 h 3770"/>
                    <a:gd name="T10" fmla="*/ 1223 w 1894"/>
                    <a:gd name="T11" fmla="*/ 3071 h 3770"/>
                    <a:gd name="T12" fmla="*/ 1392 w 1894"/>
                    <a:gd name="T13" fmla="*/ 2868 h 3770"/>
                    <a:gd name="T14" fmla="*/ 1540 w 1894"/>
                    <a:gd name="T15" fmla="*/ 2650 h 3770"/>
                    <a:gd name="T16" fmla="*/ 1472 w 1894"/>
                    <a:gd name="T17" fmla="*/ 2764 h 3770"/>
                    <a:gd name="T18" fmla="*/ 1312 w 1894"/>
                    <a:gd name="T19" fmla="*/ 2973 h 3770"/>
                    <a:gd name="T20" fmla="*/ 1133 w 1894"/>
                    <a:gd name="T21" fmla="*/ 3167 h 3770"/>
                    <a:gd name="T22" fmla="*/ 935 w 1894"/>
                    <a:gd name="T23" fmla="*/ 3338 h 3770"/>
                    <a:gd name="T24" fmla="*/ 720 w 1894"/>
                    <a:gd name="T25" fmla="*/ 3488 h 3770"/>
                    <a:gd name="T26" fmla="*/ 492 w 1894"/>
                    <a:gd name="T27" fmla="*/ 3611 h 3770"/>
                    <a:gd name="T28" fmla="*/ 252 w 1894"/>
                    <a:gd name="T29" fmla="*/ 3706 h 3770"/>
                    <a:gd name="T30" fmla="*/ 0 w 1894"/>
                    <a:gd name="T31" fmla="*/ 3770 h 3770"/>
                    <a:gd name="T32" fmla="*/ 1608 w 1894"/>
                    <a:gd name="T33" fmla="*/ 2532 h 3770"/>
                    <a:gd name="T34" fmla="*/ 1719 w 1894"/>
                    <a:gd name="T35" fmla="*/ 2295 h 3770"/>
                    <a:gd name="T36" fmla="*/ 1804 w 1894"/>
                    <a:gd name="T37" fmla="*/ 2046 h 3770"/>
                    <a:gd name="T38" fmla="*/ 1767 w 1894"/>
                    <a:gd name="T39" fmla="*/ 2173 h 3770"/>
                    <a:gd name="T40" fmla="*/ 1669 w 1894"/>
                    <a:gd name="T41" fmla="*/ 2417 h 3770"/>
                    <a:gd name="T42" fmla="*/ 1545 w 1894"/>
                    <a:gd name="T43" fmla="*/ 2648 h 3770"/>
                    <a:gd name="T44" fmla="*/ 1496 w 1894"/>
                    <a:gd name="T45" fmla="*/ 274 h 3770"/>
                    <a:gd name="T46" fmla="*/ 1356 w 1894"/>
                    <a:gd name="T47" fmla="*/ 126 h 3770"/>
                    <a:gd name="T48" fmla="*/ 1199 w 1894"/>
                    <a:gd name="T49" fmla="*/ 0 h 3770"/>
                    <a:gd name="T50" fmla="*/ 1286 w 1894"/>
                    <a:gd name="T51" fmla="*/ 64 h 3770"/>
                    <a:gd name="T52" fmla="*/ 1435 w 1894"/>
                    <a:gd name="T53" fmla="*/ 202 h 3770"/>
                    <a:gd name="T54" fmla="*/ 1564 w 1894"/>
                    <a:gd name="T55" fmla="*/ 359 h 3770"/>
                    <a:gd name="T56" fmla="*/ 1676 w 1894"/>
                    <a:gd name="T57" fmla="*/ 534 h 3770"/>
                    <a:gd name="T58" fmla="*/ 1766 w 1894"/>
                    <a:gd name="T59" fmla="*/ 727 h 3770"/>
                    <a:gd name="T60" fmla="*/ 1833 w 1894"/>
                    <a:gd name="T61" fmla="*/ 935 h 3770"/>
                    <a:gd name="T62" fmla="*/ 1876 w 1894"/>
                    <a:gd name="T63" fmla="*/ 1157 h 3770"/>
                    <a:gd name="T64" fmla="*/ 1894 w 1894"/>
                    <a:gd name="T65" fmla="*/ 1393 h 3770"/>
                    <a:gd name="T66" fmla="*/ 1882 w 1894"/>
                    <a:gd name="T67" fmla="*/ 1657 h 3770"/>
                    <a:gd name="T68" fmla="*/ 1841 w 1894"/>
                    <a:gd name="T69" fmla="*/ 1917 h 3770"/>
                    <a:gd name="T70" fmla="*/ 1805 w 1894"/>
                    <a:gd name="T71" fmla="*/ 2042 h 3770"/>
                    <a:gd name="T72" fmla="*/ 1862 w 1894"/>
                    <a:gd name="T73" fmla="*/ 1786 h 3770"/>
                    <a:gd name="T74" fmla="*/ 1889 w 1894"/>
                    <a:gd name="T75" fmla="*/ 1524 h 3770"/>
                    <a:gd name="T76" fmla="*/ 1894 w 1894"/>
                    <a:gd name="T77" fmla="*/ 1394 h 3770"/>
                    <a:gd name="T78" fmla="*/ 1894 w 1894"/>
                    <a:gd name="T79" fmla="*/ 1390 h 3770"/>
                    <a:gd name="T80" fmla="*/ 1886 w 1894"/>
                    <a:gd name="T81" fmla="*/ 1279 h 3770"/>
                    <a:gd name="T82" fmla="*/ 1860 w 1894"/>
                    <a:gd name="T83" fmla="*/ 1070 h 3770"/>
                    <a:gd name="T84" fmla="*/ 1813 w 1894"/>
                    <a:gd name="T85" fmla="*/ 871 h 3770"/>
                    <a:gd name="T86" fmla="*/ 1784 w 1894"/>
                    <a:gd name="T87" fmla="*/ 778 h 3770"/>
                    <a:gd name="T88" fmla="*/ 1780 w 1894"/>
                    <a:gd name="T89" fmla="*/ 772 h 3770"/>
                    <a:gd name="T90" fmla="*/ 1704 w 1894"/>
                    <a:gd name="T91" fmla="*/ 593 h 3770"/>
                    <a:gd name="T92" fmla="*/ 1610 w 1894"/>
                    <a:gd name="T93" fmla="*/ 427 h 3770"/>
                    <a:gd name="T94" fmla="*/ 1499 w 1894"/>
                    <a:gd name="T95" fmla="*/ 276 h 3770"/>
                    <a:gd name="T96" fmla="*/ 1498 w 1894"/>
                    <a:gd name="T97" fmla="*/ 274 h 3770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  <a:cxn ang="0">
                      <a:pos x="T86" y="T87"/>
                    </a:cxn>
                    <a:cxn ang="0">
                      <a:pos x="T88" y="T89"/>
                    </a:cxn>
                    <a:cxn ang="0">
                      <a:pos x="T90" y="T91"/>
                    </a:cxn>
                    <a:cxn ang="0">
                      <a:pos x="T92" y="T93"/>
                    </a:cxn>
                    <a:cxn ang="0">
                      <a:pos x="T94" y="T95"/>
                    </a:cxn>
                    <a:cxn ang="0">
                      <a:pos x="T96" y="T97"/>
                    </a:cxn>
                  </a:cxnLst>
                  <a:rect l="0" t="0" r="r" b="b"/>
                  <a:pathLst>
                    <a:path w="1894" h="3770">
                      <a:moveTo>
                        <a:pt x="0" y="3770"/>
                      </a:moveTo>
                      <a:lnTo>
                        <a:pt x="126" y="3742"/>
                      </a:lnTo>
                      <a:lnTo>
                        <a:pt x="250" y="3705"/>
                      </a:lnTo>
                      <a:lnTo>
                        <a:pt x="372" y="3662"/>
                      </a:lnTo>
                      <a:lnTo>
                        <a:pt x="491" y="3609"/>
                      </a:lnTo>
                      <a:lnTo>
                        <a:pt x="608" y="3552"/>
                      </a:lnTo>
                      <a:lnTo>
                        <a:pt x="719" y="3486"/>
                      </a:lnTo>
                      <a:lnTo>
                        <a:pt x="829" y="3414"/>
                      </a:lnTo>
                      <a:lnTo>
                        <a:pt x="934" y="3337"/>
                      </a:lnTo>
                      <a:lnTo>
                        <a:pt x="1034" y="3253"/>
                      </a:lnTo>
                      <a:lnTo>
                        <a:pt x="1131" y="3166"/>
                      </a:lnTo>
                      <a:lnTo>
                        <a:pt x="1223" y="3071"/>
                      </a:lnTo>
                      <a:lnTo>
                        <a:pt x="1311" y="2972"/>
                      </a:lnTo>
                      <a:lnTo>
                        <a:pt x="1392" y="2868"/>
                      </a:lnTo>
                      <a:lnTo>
                        <a:pt x="1469" y="2761"/>
                      </a:lnTo>
                      <a:lnTo>
                        <a:pt x="1540" y="2650"/>
                      </a:lnTo>
                      <a:lnTo>
                        <a:pt x="1542" y="2652"/>
                      </a:lnTo>
                      <a:lnTo>
                        <a:pt x="1472" y="2764"/>
                      </a:lnTo>
                      <a:lnTo>
                        <a:pt x="1394" y="2871"/>
                      </a:lnTo>
                      <a:lnTo>
                        <a:pt x="1312" y="2973"/>
                      </a:lnTo>
                      <a:lnTo>
                        <a:pt x="1225" y="3073"/>
                      </a:lnTo>
                      <a:lnTo>
                        <a:pt x="1133" y="3167"/>
                      </a:lnTo>
                      <a:lnTo>
                        <a:pt x="1036" y="3255"/>
                      </a:lnTo>
                      <a:lnTo>
                        <a:pt x="935" y="3338"/>
                      </a:lnTo>
                      <a:lnTo>
                        <a:pt x="830" y="3416"/>
                      </a:lnTo>
                      <a:lnTo>
                        <a:pt x="720" y="3488"/>
                      </a:lnTo>
                      <a:lnTo>
                        <a:pt x="608" y="3552"/>
                      </a:lnTo>
                      <a:lnTo>
                        <a:pt x="492" y="3611"/>
                      </a:lnTo>
                      <a:lnTo>
                        <a:pt x="373" y="3662"/>
                      </a:lnTo>
                      <a:lnTo>
                        <a:pt x="252" y="3706"/>
                      </a:lnTo>
                      <a:lnTo>
                        <a:pt x="126" y="3742"/>
                      </a:lnTo>
                      <a:lnTo>
                        <a:pt x="0" y="3770"/>
                      </a:lnTo>
                      <a:close/>
                      <a:moveTo>
                        <a:pt x="1542" y="2646"/>
                      </a:moveTo>
                      <a:lnTo>
                        <a:pt x="1608" y="2532"/>
                      </a:lnTo>
                      <a:lnTo>
                        <a:pt x="1667" y="2415"/>
                      </a:lnTo>
                      <a:lnTo>
                        <a:pt x="1719" y="2295"/>
                      </a:lnTo>
                      <a:lnTo>
                        <a:pt x="1765" y="2172"/>
                      </a:lnTo>
                      <a:lnTo>
                        <a:pt x="1804" y="2046"/>
                      </a:lnTo>
                      <a:lnTo>
                        <a:pt x="1807" y="2049"/>
                      </a:lnTo>
                      <a:lnTo>
                        <a:pt x="1767" y="2173"/>
                      </a:lnTo>
                      <a:lnTo>
                        <a:pt x="1721" y="2296"/>
                      </a:lnTo>
                      <a:lnTo>
                        <a:pt x="1669" y="2417"/>
                      </a:lnTo>
                      <a:lnTo>
                        <a:pt x="1610" y="2535"/>
                      </a:lnTo>
                      <a:lnTo>
                        <a:pt x="1545" y="2648"/>
                      </a:lnTo>
                      <a:lnTo>
                        <a:pt x="1542" y="2646"/>
                      </a:lnTo>
                      <a:close/>
                      <a:moveTo>
                        <a:pt x="1496" y="274"/>
                      </a:moveTo>
                      <a:lnTo>
                        <a:pt x="1428" y="198"/>
                      </a:lnTo>
                      <a:lnTo>
                        <a:pt x="1356" y="126"/>
                      </a:lnTo>
                      <a:lnTo>
                        <a:pt x="1280" y="60"/>
                      </a:lnTo>
                      <a:lnTo>
                        <a:pt x="1199" y="0"/>
                      </a:lnTo>
                      <a:lnTo>
                        <a:pt x="1206" y="4"/>
                      </a:lnTo>
                      <a:lnTo>
                        <a:pt x="1286" y="64"/>
                      </a:lnTo>
                      <a:lnTo>
                        <a:pt x="1363" y="131"/>
                      </a:lnTo>
                      <a:lnTo>
                        <a:pt x="1435" y="202"/>
                      </a:lnTo>
                      <a:lnTo>
                        <a:pt x="1502" y="279"/>
                      </a:lnTo>
                      <a:lnTo>
                        <a:pt x="1564" y="359"/>
                      </a:lnTo>
                      <a:lnTo>
                        <a:pt x="1623" y="445"/>
                      </a:lnTo>
                      <a:lnTo>
                        <a:pt x="1676" y="534"/>
                      </a:lnTo>
                      <a:lnTo>
                        <a:pt x="1723" y="628"/>
                      </a:lnTo>
                      <a:lnTo>
                        <a:pt x="1766" y="727"/>
                      </a:lnTo>
                      <a:lnTo>
                        <a:pt x="1803" y="829"/>
                      </a:lnTo>
                      <a:lnTo>
                        <a:pt x="1833" y="935"/>
                      </a:lnTo>
                      <a:lnTo>
                        <a:pt x="1858" y="1045"/>
                      </a:lnTo>
                      <a:lnTo>
                        <a:pt x="1876" y="1157"/>
                      </a:lnTo>
                      <a:lnTo>
                        <a:pt x="1889" y="1274"/>
                      </a:lnTo>
                      <a:lnTo>
                        <a:pt x="1894" y="1393"/>
                      </a:lnTo>
                      <a:lnTo>
                        <a:pt x="1893" y="1525"/>
                      </a:lnTo>
                      <a:lnTo>
                        <a:pt x="1882" y="1657"/>
                      </a:lnTo>
                      <a:lnTo>
                        <a:pt x="1865" y="1787"/>
                      </a:lnTo>
                      <a:lnTo>
                        <a:pt x="1841" y="1917"/>
                      </a:lnTo>
                      <a:lnTo>
                        <a:pt x="1808" y="2044"/>
                      </a:lnTo>
                      <a:lnTo>
                        <a:pt x="1805" y="2042"/>
                      </a:lnTo>
                      <a:lnTo>
                        <a:pt x="1837" y="1915"/>
                      </a:lnTo>
                      <a:lnTo>
                        <a:pt x="1862" y="1786"/>
                      </a:lnTo>
                      <a:lnTo>
                        <a:pt x="1880" y="1656"/>
                      </a:lnTo>
                      <a:lnTo>
                        <a:pt x="1889" y="1524"/>
                      </a:lnTo>
                      <a:lnTo>
                        <a:pt x="1892" y="1393"/>
                      </a:lnTo>
                      <a:lnTo>
                        <a:pt x="1894" y="1394"/>
                      </a:lnTo>
                      <a:lnTo>
                        <a:pt x="1894" y="1393"/>
                      </a:lnTo>
                      <a:lnTo>
                        <a:pt x="1894" y="1390"/>
                      </a:lnTo>
                      <a:lnTo>
                        <a:pt x="1890" y="1388"/>
                      </a:lnTo>
                      <a:lnTo>
                        <a:pt x="1886" y="1279"/>
                      </a:lnTo>
                      <a:lnTo>
                        <a:pt x="1876" y="1173"/>
                      </a:lnTo>
                      <a:lnTo>
                        <a:pt x="1860" y="1070"/>
                      </a:lnTo>
                      <a:lnTo>
                        <a:pt x="1839" y="969"/>
                      </a:lnTo>
                      <a:lnTo>
                        <a:pt x="1813" y="871"/>
                      </a:lnTo>
                      <a:lnTo>
                        <a:pt x="1782" y="776"/>
                      </a:lnTo>
                      <a:lnTo>
                        <a:pt x="1784" y="778"/>
                      </a:lnTo>
                      <a:lnTo>
                        <a:pt x="1783" y="774"/>
                      </a:lnTo>
                      <a:lnTo>
                        <a:pt x="1780" y="772"/>
                      </a:lnTo>
                      <a:lnTo>
                        <a:pt x="1745" y="681"/>
                      </a:lnTo>
                      <a:lnTo>
                        <a:pt x="1704" y="593"/>
                      </a:lnTo>
                      <a:lnTo>
                        <a:pt x="1659" y="508"/>
                      </a:lnTo>
                      <a:lnTo>
                        <a:pt x="1610" y="427"/>
                      </a:lnTo>
                      <a:lnTo>
                        <a:pt x="1557" y="350"/>
                      </a:lnTo>
                      <a:lnTo>
                        <a:pt x="1499" y="276"/>
                      </a:lnTo>
                      <a:lnTo>
                        <a:pt x="1500" y="278"/>
                      </a:lnTo>
                      <a:lnTo>
                        <a:pt x="1498" y="274"/>
                      </a:lnTo>
                      <a:lnTo>
                        <a:pt x="1496" y="274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38" name="Freeform 7"/>
                <p:cNvSpPr>
                  <a:spLocks noEditPoints="1"/>
                </p:cNvSpPr>
                <p:nvPr/>
              </p:nvSpPr>
              <p:spPr bwMode="auto">
                <a:xfrm flipH="1">
                  <a:off x="681545" y="1804852"/>
                  <a:ext cx="625452" cy="2216029"/>
                </a:xfrm>
                <a:custGeom>
                  <a:avLst/>
                  <a:gdLst>
                    <a:gd name="T0" fmla="*/ 0 w 1153"/>
                    <a:gd name="T1" fmla="*/ 4112 h 4112"/>
                    <a:gd name="T2" fmla="*/ 0 w 1153"/>
                    <a:gd name="T3" fmla="*/ 4112 h 4112"/>
                    <a:gd name="T4" fmla="*/ 80 w 1153"/>
                    <a:gd name="T5" fmla="*/ 4064 h 4112"/>
                    <a:gd name="T6" fmla="*/ 229 w 1153"/>
                    <a:gd name="T7" fmla="*/ 3946 h 4112"/>
                    <a:gd name="T8" fmla="*/ 372 w 1153"/>
                    <a:gd name="T9" fmla="*/ 3802 h 4112"/>
                    <a:gd name="T10" fmla="*/ 304 w 1153"/>
                    <a:gd name="T11" fmla="*/ 3878 h 4112"/>
                    <a:gd name="T12" fmla="*/ 156 w 1153"/>
                    <a:gd name="T13" fmla="*/ 4009 h 4112"/>
                    <a:gd name="T14" fmla="*/ 3 w 1153"/>
                    <a:gd name="T15" fmla="*/ 4111 h 4112"/>
                    <a:gd name="T16" fmla="*/ 375 w 1153"/>
                    <a:gd name="T17" fmla="*/ 3799 h 4112"/>
                    <a:gd name="T18" fmla="*/ 510 w 1153"/>
                    <a:gd name="T19" fmla="*/ 3631 h 4112"/>
                    <a:gd name="T20" fmla="*/ 634 w 1153"/>
                    <a:gd name="T21" fmla="*/ 3439 h 4112"/>
                    <a:gd name="T22" fmla="*/ 695 w 1153"/>
                    <a:gd name="T23" fmla="*/ 3339 h 4112"/>
                    <a:gd name="T24" fmla="*/ 575 w 1153"/>
                    <a:gd name="T25" fmla="*/ 3539 h 4112"/>
                    <a:gd name="T26" fmla="*/ 445 w 1153"/>
                    <a:gd name="T27" fmla="*/ 3718 h 4112"/>
                    <a:gd name="T28" fmla="*/ 375 w 1153"/>
                    <a:gd name="T29" fmla="*/ 3799 h 4112"/>
                    <a:gd name="T30" fmla="*/ 750 w 1153"/>
                    <a:gd name="T31" fmla="*/ 3226 h 4112"/>
                    <a:gd name="T32" fmla="*/ 851 w 1153"/>
                    <a:gd name="T33" fmla="*/ 3001 h 4112"/>
                    <a:gd name="T34" fmla="*/ 940 w 1153"/>
                    <a:gd name="T35" fmla="*/ 2760 h 4112"/>
                    <a:gd name="T36" fmla="*/ 902 w 1153"/>
                    <a:gd name="T37" fmla="*/ 2883 h 4112"/>
                    <a:gd name="T38" fmla="*/ 807 w 1153"/>
                    <a:gd name="T39" fmla="*/ 3116 h 4112"/>
                    <a:gd name="T40" fmla="*/ 698 w 1153"/>
                    <a:gd name="T41" fmla="*/ 3335 h 4112"/>
                    <a:gd name="T42" fmla="*/ 941 w 1153"/>
                    <a:gd name="T43" fmla="*/ 2756 h 4112"/>
                    <a:gd name="T44" fmla="*/ 1033 w 1153"/>
                    <a:gd name="T45" fmla="*/ 2442 h 4112"/>
                    <a:gd name="T46" fmla="*/ 1098 w 1153"/>
                    <a:gd name="T47" fmla="*/ 2116 h 4112"/>
                    <a:gd name="T48" fmla="*/ 1074 w 1153"/>
                    <a:gd name="T49" fmla="*/ 2281 h 4112"/>
                    <a:gd name="T50" fmla="*/ 995 w 1153"/>
                    <a:gd name="T51" fmla="*/ 2602 h 4112"/>
                    <a:gd name="T52" fmla="*/ 941 w 1153"/>
                    <a:gd name="T53" fmla="*/ 2756 h 4112"/>
                    <a:gd name="T54" fmla="*/ 1122 w 1153"/>
                    <a:gd name="T55" fmla="*/ 1946 h 4112"/>
                    <a:gd name="T56" fmla="*/ 1147 w 1153"/>
                    <a:gd name="T57" fmla="*/ 1613 h 4112"/>
                    <a:gd name="T58" fmla="*/ 1153 w 1153"/>
                    <a:gd name="T59" fmla="*/ 1448 h 4112"/>
                    <a:gd name="T60" fmla="*/ 1144 w 1153"/>
                    <a:gd name="T61" fmla="*/ 1781 h 4112"/>
                    <a:gd name="T62" fmla="*/ 1105 w 1153"/>
                    <a:gd name="T63" fmla="*/ 2113 h 4112"/>
                    <a:gd name="T64" fmla="*/ 1148 w 1153"/>
                    <a:gd name="T65" fmla="*/ 1443 h 4112"/>
                    <a:gd name="T66" fmla="*/ 1134 w 1153"/>
                    <a:gd name="T67" fmla="*/ 1189 h 4112"/>
                    <a:gd name="T68" fmla="*/ 1100 w 1153"/>
                    <a:gd name="T69" fmla="*/ 955 h 4112"/>
                    <a:gd name="T70" fmla="*/ 1081 w 1153"/>
                    <a:gd name="T71" fmla="*/ 846 h 4112"/>
                    <a:gd name="T72" fmla="*/ 1125 w 1153"/>
                    <a:gd name="T73" fmla="*/ 1070 h 4112"/>
                    <a:gd name="T74" fmla="*/ 1148 w 1153"/>
                    <a:gd name="T75" fmla="*/ 1315 h 4112"/>
                    <a:gd name="T76" fmla="*/ 1148 w 1153"/>
                    <a:gd name="T77" fmla="*/ 1443 h 4112"/>
                    <a:gd name="T78" fmla="*/ 1049 w 1153"/>
                    <a:gd name="T79" fmla="*/ 739 h 4112"/>
                    <a:gd name="T80" fmla="*/ 981 w 1153"/>
                    <a:gd name="T81" fmla="*/ 550 h 4112"/>
                    <a:gd name="T82" fmla="*/ 900 w 1153"/>
                    <a:gd name="T83" fmla="*/ 387 h 4112"/>
                    <a:gd name="T84" fmla="*/ 947 w 1153"/>
                    <a:gd name="T85" fmla="*/ 466 h 4112"/>
                    <a:gd name="T86" fmla="*/ 1021 w 1153"/>
                    <a:gd name="T87" fmla="*/ 643 h 4112"/>
                    <a:gd name="T88" fmla="*/ 1081 w 1153"/>
                    <a:gd name="T89" fmla="*/ 844 h 4112"/>
                    <a:gd name="T90" fmla="*/ 897 w 1153"/>
                    <a:gd name="T91" fmla="*/ 384 h 4112"/>
                    <a:gd name="T92" fmla="*/ 801 w 1153"/>
                    <a:gd name="T93" fmla="*/ 247 h 4112"/>
                    <a:gd name="T94" fmla="*/ 694 w 1153"/>
                    <a:gd name="T95" fmla="*/ 137 h 4112"/>
                    <a:gd name="T96" fmla="*/ 639 w 1153"/>
                    <a:gd name="T97" fmla="*/ 93 h 4112"/>
                    <a:gd name="T98" fmla="*/ 753 w 1153"/>
                    <a:gd name="T99" fmla="*/ 189 h 4112"/>
                    <a:gd name="T100" fmla="*/ 855 w 1153"/>
                    <a:gd name="T101" fmla="*/ 313 h 4112"/>
                    <a:gd name="T102" fmla="*/ 897 w 1153"/>
                    <a:gd name="T103" fmla="*/ 384 h 4112"/>
                    <a:gd name="T104" fmla="*/ 584 w 1153"/>
                    <a:gd name="T105" fmla="*/ 61 h 4112"/>
                    <a:gd name="T106" fmla="*/ 479 w 1153"/>
                    <a:gd name="T107" fmla="*/ 15 h 4112"/>
                    <a:gd name="T108" fmla="*/ 427 w 1153"/>
                    <a:gd name="T109" fmla="*/ 0 h 4112"/>
                    <a:gd name="T110" fmla="*/ 534 w 1153"/>
                    <a:gd name="T111" fmla="*/ 36 h 4112"/>
                    <a:gd name="T112" fmla="*/ 636 w 1153"/>
                    <a:gd name="T113" fmla="*/ 92 h 4112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  <a:cxn ang="0">
                      <a:pos x="T86" y="T87"/>
                    </a:cxn>
                    <a:cxn ang="0">
                      <a:pos x="T88" y="T89"/>
                    </a:cxn>
                    <a:cxn ang="0">
                      <a:pos x="T90" y="T91"/>
                    </a:cxn>
                    <a:cxn ang="0">
                      <a:pos x="T92" y="T93"/>
                    </a:cxn>
                    <a:cxn ang="0">
                      <a:pos x="T94" y="T95"/>
                    </a:cxn>
                    <a:cxn ang="0">
                      <a:pos x="T96" y="T97"/>
                    </a:cxn>
                    <a:cxn ang="0">
                      <a:pos x="T98" y="T99"/>
                    </a:cxn>
                    <a:cxn ang="0">
                      <a:pos x="T100" y="T101"/>
                    </a:cxn>
                    <a:cxn ang="0">
                      <a:pos x="T102" y="T103"/>
                    </a:cxn>
                    <a:cxn ang="0">
                      <a:pos x="T104" y="T105"/>
                    </a:cxn>
                    <a:cxn ang="0">
                      <a:pos x="T106" y="T107"/>
                    </a:cxn>
                    <a:cxn ang="0">
                      <a:pos x="T108" y="T109"/>
                    </a:cxn>
                    <a:cxn ang="0">
                      <a:pos x="T110" y="T111"/>
                    </a:cxn>
                    <a:cxn ang="0">
                      <a:pos x="T112" y="T113"/>
                    </a:cxn>
                  </a:cxnLst>
                  <a:rect l="0" t="0" r="r" b="b"/>
                  <a:pathLst>
                    <a:path w="1153" h="4112">
                      <a:moveTo>
                        <a:pt x="0" y="4112"/>
                      </a:moveTo>
                      <a:lnTo>
                        <a:pt x="0" y="4112"/>
                      </a:lnTo>
                      <a:lnTo>
                        <a:pt x="0" y="4112"/>
                      </a:lnTo>
                      <a:lnTo>
                        <a:pt x="0" y="4112"/>
                      </a:lnTo>
                      <a:close/>
                      <a:moveTo>
                        <a:pt x="3" y="4111"/>
                      </a:moveTo>
                      <a:lnTo>
                        <a:pt x="80" y="4064"/>
                      </a:lnTo>
                      <a:lnTo>
                        <a:pt x="156" y="4009"/>
                      </a:lnTo>
                      <a:lnTo>
                        <a:pt x="229" y="3946"/>
                      </a:lnTo>
                      <a:lnTo>
                        <a:pt x="303" y="3878"/>
                      </a:lnTo>
                      <a:lnTo>
                        <a:pt x="372" y="3802"/>
                      </a:lnTo>
                      <a:lnTo>
                        <a:pt x="375" y="3803"/>
                      </a:lnTo>
                      <a:lnTo>
                        <a:pt x="304" y="3878"/>
                      </a:lnTo>
                      <a:lnTo>
                        <a:pt x="231" y="3947"/>
                      </a:lnTo>
                      <a:lnTo>
                        <a:pt x="156" y="4009"/>
                      </a:lnTo>
                      <a:lnTo>
                        <a:pt x="80" y="4064"/>
                      </a:lnTo>
                      <a:lnTo>
                        <a:pt x="3" y="4111"/>
                      </a:lnTo>
                      <a:lnTo>
                        <a:pt x="3" y="4111"/>
                      </a:lnTo>
                      <a:close/>
                      <a:moveTo>
                        <a:pt x="375" y="3799"/>
                      </a:moveTo>
                      <a:lnTo>
                        <a:pt x="443" y="3718"/>
                      </a:lnTo>
                      <a:lnTo>
                        <a:pt x="510" y="3631"/>
                      </a:lnTo>
                      <a:lnTo>
                        <a:pt x="572" y="3538"/>
                      </a:lnTo>
                      <a:lnTo>
                        <a:pt x="634" y="3439"/>
                      </a:lnTo>
                      <a:lnTo>
                        <a:pt x="693" y="3337"/>
                      </a:lnTo>
                      <a:lnTo>
                        <a:pt x="695" y="3339"/>
                      </a:lnTo>
                      <a:lnTo>
                        <a:pt x="636" y="3441"/>
                      </a:lnTo>
                      <a:lnTo>
                        <a:pt x="575" y="3539"/>
                      </a:lnTo>
                      <a:lnTo>
                        <a:pt x="511" y="3632"/>
                      </a:lnTo>
                      <a:lnTo>
                        <a:pt x="445" y="3718"/>
                      </a:lnTo>
                      <a:lnTo>
                        <a:pt x="376" y="3801"/>
                      </a:lnTo>
                      <a:lnTo>
                        <a:pt x="375" y="3799"/>
                      </a:lnTo>
                      <a:close/>
                      <a:moveTo>
                        <a:pt x="694" y="3333"/>
                      </a:moveTo>
                      <a:lnTo>
                        <a:pt x="750" y="3226"/>
                      </a:lnTo>
                      <a:lnTo>
                        <a:pt x="803" y="3115"/>
                      </a:lnTo>
                      <a:lnTo>
                        <a:pt x="851" y="3001"/>
                      </a:lnTo>
                      <a:lnTo>
                        <a:pt x="898" y="2882"/>
                      </a:lnTo>
                      <a:lnTo>
                        <a:pt x="940" y="2760"/>
                      </a:lnTo>
                      <a:lnTo>
                        <a:pt x="945" y="2761"/>
                      </a:lnTo>
                      <a:lnTo>
                        <a:pt x="902" y="2883"/>
                      </a:lnTo>
                      <a:lnTo>
                        <a:pt x="855" y="3001"/>
                      </a:lnTo>
                      <a:lnTo>
                        <a:pt x="807" y="3116"/>
                      </a:lnTo>
                      <a:lnTo>
                        <a:pt x="753" y="3227"/>
                      </a:lnTo>
                      <a:lnTo>
                        <a:pt x="698" y="3335"/>
                      </a:lnTo>
                      <a:lnTo>
                        <a:pt x="694" y="3333"/>
                      </a:lnTo>
                      <a:close/>
                      <a:moveTo>
                        <a:pt x="941" y="2756"/>
                      </a:moveTo>
                      <a:lnTo>
                        <a:pt x="990" y="2600"/>
                      </a:lnTo>
                      <a:lnTo>
                        <a:pt x="1033" y="2442"/>
                      </a:lnTo>
                      <a:lnTo>
                        <a:pt x="1070" y="2280"/>
                      </a:lnTo>
                      <a:lnTo>
                        <a:pt x="1098" y="2116"/>
                      </a:lnTo>
                      <a:lnTo>
                        <a:pt x="1104" y="2117"/>
                      </a:lnTo>
                      <a:lnTo>
                        <a:pt x="1074" y="2281"/>
                      </a:lnTo>
                      <a:lnTo>
                        <a:pt x="1037" y="2443"/>
                      </a:lnTo>
                      <a:lnTo>
                        <a:pt x="995" y="2602"/>
                      </a:lnTo>
                      <a:lnTo>
                        <a:pt x="947" y="2757"/>
                      </a:lnTo>
                      <a:lnTo>
                        <a:pt x="941" y="2756"/>
                      </a:lnTo>
                      <a:close/>
                      <a:moveTo>
                        <a:pt x="1100" y="2112"/>
                      </a:moveTo>
                      <a:lnTo>
                        <a:pt x="1122" y="1946"/>
                      </a:lnTo>
                      <a:lnTo>
                        <a:pt x="1139" y="1780"/>
                      </a:lnTo>
                      <a:lnTo>
                        <a:pt x="1147" y="1613"/>
                      </a:lnTo>
                      <a:lnTo>
                        <a:pt x="1148" y="1447"/>
                      </a:lnTo>
                      <a:lnTo>
                        <a:pt x="1153" y="1448"/>
                      </a:lnTo>
                      <a:lnTo>
                        <a:pt x="1152" y="1615"/>
                      </a:lnTo>
                      <a:lnTo>
                        <a:pt x="1144" y="1781"/>
                      </a:lnTo>
                      <a:lnTo>
                        <a:pt x="1127" y="1947"/>
                      </a:lnTo>
                      <a:lnTo>
                        <a:pt x="1105" y="2113"/>
                      </a:lnTo>
                      <a:lnTo>
                        <a:pt x="1100" y="2112"/>
                      </a:lnTo>
                      <a:close/>
                      <a:moveTo>
                        <a:pt x="1148" y="1443"/>
                      </a:moveTo>
                      <a:lnTo>
                        <a:pt x="1143" y="1313"/>
                      </a:lnTo>
                      <a:lnTo>
                        <a:pt x="1134" y="1189"/>
                      </a:lnTo>
                      <a:lnTo>
                        <a:pt x="1119" y="1069"/>
                      </a:lnTo>
                      <a:lnTo>
                        <a:pt x="1100" y="955"/>
                      </a:lnTo>
                      <a:lnTo>
                        <a:pt x="1076" y="845"/>
                      </a:lnTo>
                      <a:lnTo>
                        <a:pt x="1081" y="846"/>
                      </a:lnTo>
                      <a:lnTo>
                        <a:pt x="1105" y="956"/>
                      </a:lnTo>
                      <a:lnTo>
                        <a:pt x="1125" y="1070"/>
                      </a:lnTo>
                      <a:lnTo>
                        <a:pt x="1139" y="1189"/>
                      </a:lnTo>
                      <a:lnTo>
                        <a:pt x="1148" y="1315"/>
                      </a:lnTo>
                      <a:lnTo>
                        <a:pt x="1153" y="1444"/>
                      </a:lnTo>
                      <a:lnTo>
                        <a:pt x="1148" y="1443"/>
                      </a:lnTo>
                      <a:close/>
                      <a:moveTo>
                        <a:pt x="1076" y="842"/>
                      </a:moveTo>
                      <a:lnTo>
                        <a:pt x="1049" y="739"/>
                      </a:lnTo>
                      <a:lnTo>
                        <a:pt x="1016" y="642"/>
                      </a:lnTo>
                      <a:lnTo>
                        <a:pt x="981" y="550"/>
                      </a:lnTo>
                      <a:lnTo>
                        <a:pt x="941" y="465"/>
                      </a:lnTo>
                      <a:lnTo>
                        <a:pt x="900" y="387"/>
                      </a:lnTo>
                      <a:lnTo>
                        <a:pt x="903" y="388"/>
                      </a:lnTo>
                      <a:lnTo>
                        <a:pt x="947" y="466"/>
                      </a:lnTo>
                      <a:lnTo>
                        <a:pt x="986" y="552"/>
                      </a:lnTo>
                      <a:lnTo>
                        <a:pt x="1021" y="643"/>
                      </a:lnTo>
                      <a:lnTo>
                        <a:pt x="1053" y="740"/>
                      </a:lnTo>
                      <a:lnTo>
                        <a:pt x="1081" y="844"/>
                      </a:lnTo>
                      <a:lnTo>
                        <a:pt x="1076" y="842"/>
                      </a:lnTo>
                      <a:close/>
                      <a:moveTo>
                        <a:pt x="897" y="384"/>
                      </a:moveTo>
                      <a:lnTo>
                        <a:pt x="851" y="312"/>
                      </a:lnTo>
                      <a:lnTo>
                        <a:pt x="801" y="247"/>
                      </a:lnTo>
                      <a:lnTo>
                        <a:pt x="749" y="188"/>
                      </a:lnTo>
                      <a:lnTo>
                        <a:pt x="694" y="137"/>
                      </a:lnTo>
                      <a:lnTo>
                        <a:pt x="635" y="93"/>
                      </a:lnTo>
                      <a:lnTo>
                        <a:pt x="639" y="93"/>
                      </a:lnTo>
                      <a:lnTo>
                        <a:pt x="697" y="138"/>
                      </a:lnTo>
                      <a:lnTo>
                        <a:pt x="753" y="189"/>
                      </a:lnTo>
                      <a:lnTo>
                        <a:pt x="805" y="248"/>
                      </a:lnTo>
                      <a:lnTo>
                        <a:pt x="855" y="313"/>
                      </a:lnTo>
                      <a:lnTo>
                        <a:pt x="902" y="385"/>
                      </a:lnTo>
                      <a:lnTo>
                        <a:pt x="897" y="384"/>
                      </a:lnTo>
                      <a:close/>
                      <a:moveTo>
                        <a:pt x="634" y="92"/>
                      </a:moveTo>
                      <a:lnTo>
                        <a:pt x="584" y="61"/>
                      </a:lnTo>
                      <a:lnTo>
                        <a:pt x="532" y="36"/>
                      </a:lnTo>
                      <a:lnTo>
                        <a:pt x="479" y="15"/>
                      </a:lnTo>
                      <a:lnTo>
                        <a:pt x="424" y="0"/>
                      </a:lnTo>
                      <a:lnTo>
                        <a:pt x="427" y="0"/>
                      </a:lnTo>
                      <a:lnTo>
                        <a:pt x="482" y="16"/>
                      </a:lnTo>
                      <a:lnTo>
                        <a:pt x="534" y="36"/>
                      </a:lnTo>
                      <a:lnTo>
                        <a:pt x="587" y="62"/>
                      </a:lnTo>
                      <a:lnTo>
                        <a:pt x="636" y="92"/>
                      </a:lnTo>
                      <a:lnTo>
                        <a:pt x="634" y="92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39" name="Freeform 8"/>
                <p:cNvSpPr>
                  <a:spLocks noEditPoints="1"/>
                </p:cNvSpPr>
                <p:nvPr/>
              </p:nvSpPr>
              <p:spPr bwMode="auto">
                <a:xfrm flipH="1">
                  <a:off x="1238648" y="1778445"/>
                  <a:ext cx="76486" cy="2242436"/>
                </a:xfrm>
                <a:custGeom>
                  <a:avLst/>
                  <a:gdLst>
                    <a:gd name="T0" fmla="*/ 15 w 141"/>
                    <a:gd name="T1" fmla="*/ 4161 h 4161"/>
                    <a:gd name="T2" fmla="*/ 15 w 141"/>
                    <a:gd name="T3" fmla="*/ 4161 h 4161"/>
                    <a:gd name="T4" fmla="*/ 25 w 141"/>
                    <a:gd name="T5" fmla="*/ 4105 h 4161"/>
                    <a:gd name="T6" fmla="*/ 44 w 141"/>
                    <a:gd name="T7" fmla="*/ 3974 h 4161"/>
                    <a:gd name="T8" fmla="*/ 61 w 141"/>
                    <a:gd name="T9" fmla="*/ 3817 h 4161"/>
                    <a:gd name="T10" fmla="*/ 55 w 141"/>
                    <a:gd name="T11" fmla="*/ 3899 h 4161"/>
                    <a:gd name="T12" fmla="*/ 35 w 141"/>
                    <a:gd name="T13" fmla="*/ 4043 h 4161"/>
                    <a:gd name="T14" fmla="*/ 15 w 141"/>
                    <a:gd name="T15" fmla="*/ 4160 h 4161"/>
                    <a:gd name="T16" fmla="*/ 61 w 141"/>
                    <a:gd name="T17" fmla="*/ 3814 h 4161"/>
                    <a:gd name="T18" fmla="*/ 81 w 141"/>
                    <a:gd name="T19" fmla="*/ 3584 h 4161"/>
                    <a:gd name="T20" fmla="*/ 98 w 141"/>
                    <a:gd name="T21" fmla="*/ 3322 h 4161"/>
                    <a:gd name="T22" fmla="*/ 93 w 141"/>
                    <a:gd name="T23" fmla="*/ 3457 h 4161"/>
                    <a:gd name="T24" fmla="*/ 74 w 141"/>
                    <a:gd name="T25" fmla="*/ 3703 h 4161"/>
                    <a:gd name="T26" fmla="*/ 61 w 141"/>
                    <a:gd name="T27" fmla="*/ 3814 h 4161"/>
                    <a:gd name="T28" fmla="*/ 106 w 141"/>
                    <a:gd name="T29" fmla="*/ 3178 h 4161"/>
                    <a:gd name="T30" fmla="*/ 117 w 141"/>
                    <a:gd name="T31" fmla="*/ 2878 h 4161"/>
                    <a:gd name="T32" fmla="*/ 128 w 141"/>
                    <a:gd name="T33" fmla="*/ 2723 h 4161"/>
                    <a:gd name="T34" fmla="*/ 116 w 141"/>
                    <a:gd name="T35" fmla="*/ 3030 h 4161"/>
                    <a:gd name="T36" fmla="*/ 102 w 141"/>
                    <a:gd name="T37" fmla="*/ 3318 h 4161"/>
                    <a:gd name="T38" fmla="*/ 123 w 141"/>
                    <a:gd name="T39" fmla="*/ 2719 h 4161"/>
                    <a:gd name="T40" fmla="*/ 132 w 141"/>
                    <a:gd name="T41" fmla="*/ 2285 h 4161"/>
                    <a:gd name="T42" fmla="*/ 141 w 141"/>
                    <a:gd name="T43" fmla="*/ 2063 h 4161"/>
                    <a:gd name="T44" fmla="*/ 134 w 141"/>
                    <a:gd name="T45" fmla="*/ 2504 h 4161"/>
                    <a:gd name="T46" fmla="*/ 123 w 141"/>
                    <a:gd name="T47" fmla="*/ 2719 h 4161"/>
                    <a:gd name="T48" fmla="*/ 136 w 141"/>
                    <a:gd name="T49" fmla="*/ 1834 h 4161"/>
                    <a:gd name="T50" fmla="*/ 131 w 141"/>
                    <a:gd name="T51" fmla="*/ 1389 h 4161"/>
                    <a:gd name="T52" fmla="*/ 141 w 141"/>
                    <a:gd name="T53" fmla="*/ 1610 h 4161"/>
                    <a:gd name="T54" fmla="*/ 141 w 141"/>
                    <a:gd name="T55" fmla="*/ 2058 h 4161"/>
                    <a:gd name="T56" fmla="*/ 131 w 141"/>
                    <a:gd name="T57" fmla="*/ 1383 h 4161"/>
                    <a:gd name="T58" fmla="*/ 123 w 141"/>
                    <a:gd name="T59" fmla="*/ 1071 h 4161"/>
                    <a:gd name="T60" fmla="*/ 112 w 141"/>
                    <a:gd name="T61" fmla="*/ 792 h 4161"/>
                    <a:gd name="T62" fmla="*/ 124 w 141"/>
                    <a:gd name="T63" fmla="*/ 927 h 4161"/>
                    <a:gd name="T64" fmla="*/ 134 w 141"/>
                    <a:gd name="T65" fmla="*/ 1222 h 4161"/>
                    <a:gd name="T66" fmla="*/ 131 w 141"/>
                    <a:gd name="T67" fmla="*/ 1383 h 4161"/>
                    <a:gd name="T68" fmla="*/ 107 w 141"/>
                    <a:gd name="T69" fmla="*/ 688 h 4161"/>
                    <a:gd name="T70" fmla="*/ 94 w 141"/>
                    <a:gd name="T71" fmla="*/ 505 h 4161"/>
                    <a:gd name="T72" fmla="*/ 81 w 141"/>
                    <a:gd name="T73" fmla="*/ 348 h 4161"/>
                    <a:gd name="T74" fmla="*/ 93 w 141"/>
                    <a:gd name="T75" fmla="*/ 424 h 4161"/>
                    <a:gd name="T76" fmla="*/ 107 w 141"/>
                    <a:gd name="T77" fmla="*/ 593 h 4161"/>
                    <a:gd name="T78" fmla="*/ 117 w 141"/>
                    <a:gd name="T79" fmla="*/ 789 h 4161"/>
                    <a:gd name="T80" fmla="*/ 81 w 141"/>
                    <a:gd name="T81" fmla="*/ 345 h 4161"/>
                    <a:gd name="T82" fmla="*/ 65 w 141"/>
                    <a:gd name="T83" fmla="*/ 217 h 4161"/>
                    <a:gd name="T84" fmla="*/ 48 w 141"/>
                    <a:gd name="T85" fmla="*/ 116 h 4161"/>
                    <a:gd name="T86" fmla="*/ 44 w 141"/>
                    <a:gd name="T87" fmla="*/ 78 h 4161"/>
                    <a:gd name="T88" fmla="*/ 61 w 141"/>
                    <a:gd name="T89" fmla="*/ 163 h 4161"/>
                    <a:gd name="T90" fmla="*/ 78 w 141"/>
                    <a:gd name="T91" fmla="*/ 279 h 4161"/>
                    <a:gd name="T92" fmla="*/ 81 w 141"/>
                    <a:gd name="T93" fmla="*/ 345 h 4161"/>
                    <a:gd name="T94" fmla="*/ 30 w 141"/>
                    <a:gd name="T95" fmla="*/ 43 h 4161"/>
                    <a:gd name="T96" fmla="*/ 10 w 141"/>
                    <a:gd name="T97" fmla="*/ 5 h 4161"/>
                    <a:gd name="T98" fmla="*/ 2 w 141"/>
                    <a:gd name="T99" fmla="*/ 0 h 4161"/>
                    <a:gd name="T100" fmla="*/ 23 w 141"/>
                    <a:gd name="T101" fmla="*/ 19 h 4161"/>
                    <a:gd name="T102" fmla="*/ 43 w 141"/>
                    <a:gd name="T103" fmla="*/ 77 h 4161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  <a:cxn ang="0">
                      <a:pos x="T86" y="T87"/>
                    </a:cxn>
                    <a:cxn ang="0">
                      <a:pos x="T88" y="T89"/>
                    </a:cxn>
                    <a:cxn ang="0">
                      <a:pos x="T90" y="T91"/>
                    </a:cxn>
                    <a:cxn ang="0">
                      <a:pos x="T92" y="T93"/>
                    </a:cxn>
                    <a:cxn ang="0">
                      <a:pos x="T94" y="T95"/>
                    </a:cxn>
                    <a:cxn ang="0">
                      <a:pos x="T96" y="T97"/>
                    </a:cxn>
                    <a:cxn ang="0">
                      <a:pos x="T98" y="T99"/>
                    </a:cxn>
                    <a:cxn ang="0">
                      <a:pos x="T100" y="T101"/>
                    </a:cxn>
                    <a:cxn ang="0">
                      <a:pos x="T102" y="T103"/>
                    </a:cxn>
                  </a:cxnLst>
                  <a:rect l="0" t="0" r="r" b="b"/>
                  <a:pathLst>
                    <a:path w="141" h="4161">
                      <a:moveTo>
                        <a:pt x="15" y="4161"/>
                      </a:moveTo>
                      <a:lnTo>
                        <a:pt x="15" y="4161"/>
                      </a:lnTo>
                      <a:lnTo>
                        <a:pt x="15" y="4161"/>
                      </a:lnTo>
                      <a:lnTo>
                        <a:pt x="15" y="4161"/>
                      </a:lnTo>
                      <a:close/>
                      <a:moveTo>
                        <a:pt x="15" y="4160"/>
                      </a:moveTo>
                      <a:lnTo>
                        <a:pt x="25" y="4105"/>
                      </a:lnTo>
                      <a:lnTo>
                        <a:pt x="35" y="4043"/>
                      </a:lnTo>
                      <a:lnTo>
                        <a:pt x="44" y="3974"/>
                      </a:lnTo>
                      <a:lnTo>
                        <a:pt x="52" y="3899"/>
                      </a:lnTo>
                      <a:lnTo>
                        <a:pt x="61" y="3817"/>
                      </a:lnTo>
                      <a:lnTo>
                        <a:pt x="64" y="3817"/>
                      </a:lnTo>
                      <a:lnTo>
                        <a:pt x="55" y="3899"/>
                      </a:lnTo>
                      <a:lnTo>
                        <a:pt x="45" y="3974"/>
                      </a:lnTo>
                      <a:lnTo>
                        <a:pt x="35" y="4043"/>
                      </a:lnTo>
                      <a:lnTo>
                        <a:pt x="26" y="4105"/>
                      </a:lnTo>
                      <a:lnTo>
                        <a:pt x="15" y="4160"/>
                      </a:lnTo>
                      <a:lnTo>
                        <a:pt x="15" y="4160"/>
                      </a:lnTo>
                      <a:close/>
                      <a:moveTo>
                        <a:pt x="61" y="3814"/>
                      </a:moveTo>
                      <a:lnTo>
                        <a:pt x="72" y="3703"/>
                      </a:lnTo>
                      <a:lnTo>
                        <a:pt x="81" y="3584"/>
                      </a:lnTo>
                      <a:lnTo>
                        <a:pt x="90" y="3457"/>
                      </a:lnTo>
                      <a:lnTo>
                        <a:pt x="98" y="3322"/>
                      </a:lnTo>
                      <a:lnTo>
                        <a:pt x="102" y="3322"/>
                      </a:lnTo>
                      <a:lnTo>
                        <a:pt x="93" y="3457"/>
                      </a:lnTo>
                      <a:lnTo>
                        <a:pt x="83" y="3584"/>
                      </a:lnTo>
                      <a:lnTo>
                        <a:pt x="74" y="3703"/>
                      </a:lnTo>
                      <a:lnTo>
                        <a:pt x="64" y="3814"/>
                      </a:lnTo>
                      <a:lnTo>
                        <a:pt x="61" y="3814"/>
                      </a:lnTo>
                      <a:close/>
                      <a:moveTo>
                        <a:pt x="98" y="3318"/>
                      </a:moveTo>
                      <a:lnTo>
                        <a:pt x="106" y="3178"/>
                      </a:lnTo>
                      <a:lnTo>
                        <a:pt x="112" y="3030"/>
                      </a:lnTo>
                      <a:lnTo>
                        <a:pt x="117" y="2878"/>
                      </a:lnTo>
                      <a:lnTo>
                        <a:pt x="123" y="2723"/>
                      </a:lnTo>
                      <a:lnTo>
                        <a:pt x="128" y="2723"/>
                      </a:lnTo>
                      <a:lnTo>
                        <a:pt x="123" y="2878"/>
                      </a:lnTo>
                      <a:lnTo>
                        <a:pt x="116" y="3030"/>
                      </a:lnTo>
                      <a:lnTo>
                        <a:pt x="110" y="3178"/>
                      </a:lnTo>
                      <a:lnTo>
                        <a:pt x="102" y="3318"/>
                      </a:lnTo>
                      <a:lnTo>
                        <a:pt x="98" y="3318"/>
                      </a:lnTo>
                      <a:close/>
                      <a:moveTo>
                        <a:pt x="123" y="2719"/>
                      </a:moveTo>
                      <a:lnTo>
                        <a:pt x="128" y="2504"/>
                      </a:lnTo>
                      <a:lnTo>
                        <a:pt x="132" y="2285"/>
                      </a:lnTo>
                      <a:lnTo>
                        <a:pt x="134" y="2063"/>
                      </a:lnTo>
                      <a:lnTo>
                        <a:pt x="141" y="2063"/>
                      </a:lnTo>
                      <a:lnTo>
                        <a:pt x="138" y="2285"/>
                      </a:lnTo>
                      <a:lnTo>
                        <a:pt x="134" y="2504"/>
                      </a:lnTo>
                      <a:lnTo>
                        <a:pt x="128" y="2719"/>
                      </a:lnTo>
                      <a:lnTo>
                        <a:pt x="123" y="2719"/>
                      </a:lnTo>
                      <a:close/>
                      <a:moveTo>
                        <a:pt x="134" y="2058"/>
                      </a:moveTo>
                      <a:lnTo>
                        <a:pt x="136" y="1834"/>
                      </a:lnTo>
                      <a:lnTo>
                        <a:pt x="134" y="1610"/>
                      </a:lnTo>
                      <a:lnTo>
                        <a:pt x="131" y="1389"/>
                      </a:lnTo>
                      <a:lnTo>
                        <a:pt x="137" y="1389"/>
                      </a:lnTo>
                      <a:lnTo>
                        <a:pt x="141" y="1610"/>
                      </a:lnTo>
                      <a:lnTo>
                        <a:pt x="141" y="1834"/>
                      </a:lnTo>
                      <a:lnTo>
                        <a:pt x="141" y="2058"/>
                      </a:lnTo>
                      <a:lnTo>
                        <a:pt x="134" y="2058"/>
                      </a:lnTo>
                      <a:close/>
                      <a:moveTo>
                        <a:pt x="131" y="1383"/>
                      </a:moveTo>
                      <a:lnTo>
                        <a:pt x="128" y="1222"/>
                      </a:lnTo>
                      <a:lnTo>
                        <a:pt x="123" y="1071"/>
                      </a:lnTo>
                      <a:lnTo>
                        <a:pt x="117" y="927"/>
                      </a:lnTo>
                      <a:lnTo>
                        <a:pt x="112" y="792"/>
                      </a:lnTo>
                      <a:lnTo>
                        <a:pt x="117" y="792"/>
                      </a:lnTo>
                      <a:lnTo>
                        <a:pt x="124" y="927"/>
                      </a:lnTo>
                      <a:lnTo>
                        <a:pt x="129" y="1071"/>
                      </a:lnTo>
                      <a:lnTo>
                        <a:pt x="134" y="1222"/>
                      </a:lnTo>
                      <a:lnTo>
                        <a:pt x="137" y="1385"/>
                      </a:lnTo>
                      <a:lnTo>
                        <a:pt x="131" y="1383"/>
                      </a:lnTo>
                      <a:close/>
                      <a:moveTo>
                        <a:pt x="112" y="789"/>
                      </a:moveTo>
                      <a:lnTo>
                        <a:pt x="107" y="688"/>
                      </a:lnTo>
                      <a:lnTo>
                        <a:pt x="100" y="593"/>
                      </a:lnTo>
                      <a:lnTo>
                        <a:pt x="94" y="505"/>
                      </a:lnTo>
                      <a:lnTo>
                        <a:pt x="87" y="424"/>
                      </a:lnTo>
                      <a:lnTo>
                        <a:pt x="81" y="348"/>
                      </a:lnTo>
                      <a:lnTo>
                        <a:pt x="86" y="348"/>
                      </a:lnTo>
                      <a:lnTo>
                        <a:pt x="93" y="424"/>
                      </a:lnTo>
                      <a:lnTo>
                        <a:pt x="100" y="505"/>
                      </a:lnTo>
                      <a:lnTo>
                        <a:pt x="107" y="593"/>
                      </a:lnTo>
                      <a:lnTo>
                        <a:pt x="112" y="688"/>
                      </a:lnTo>
                      <a:lnTo>
                        <a:pt x="117" y="789"/>
                      </a:lnTo>
                      <a:lnTo>
                        <a:pt x="112" y="789"/>
                      </a:lnTo>
                      <a:close/>
                      <a:moveTo>
                        <a:pt x="81" y="345"/>
                      </a:moveTo>
                      <a:lnTo>
                        <a:pt x="73" y="279"/>
                      </a:lnTo>
                      <a:lnTo>
                        <a:pt x="65" y="217"/>
                      </a:lnTo>
                      <a:lnTo>
                        <a:pt x="57" y="163"/>
                      </a:lnTo>
                      <a:lnTo>
                        <a:pt x="48" y="116"/>
                      </a:lnTo>
                      <a:lnTo>
                        <a:pt x="40" y="78"/>
                      </a:lnTo>
                      <a:lnTo>
                        <a:pt x="44" y="78"/>
                      </a:lnTo>
                      <a:lnTo>
                        <a:pt x="53" y="116"/>
                      </a:lnTo>
                      <a:lnTo>
                        <a:pt x="61" y="163"/>
                      </a:lnTo>
                      <a:lnTo>
                        <a:pt x="70" y="217"/>
                      </a:lnTo>
                      <a:lnTo>
                        <a:pt x="78" y="279"/>
                      </a:lnTo>
                      <a:lnTo>
                        <a:pt x="86" y="345"/>
                      </a:lnTo>
                      <a:lnTo>
                        <a:pt x="81" y="345"/>
                      </a:lnTo>
                      <a:close/>
                      <a:moveTo>
                        <a:pt x="40" y="77"/>
                      </a:moveTo>
                      <a:lnTo>
                        <a:pt x="30" y="43"/>
                      </a:lnTo>
                      <a:lnTo>
                        <a:pt x="21" y="19"/>
                      </a:lnTo>
                      <a:lnTo>
                        <a:pt x="10" y="5"/>
                      </a:lnTo>
                      <a:lnTo>
                        <a:pt x="0" y="0"/>
                      </a:lnTo>
                      <a:lnTo>
                        <a:pt x="2" y="0"/>
                      </a:lnTo>
                      <a:lnTo>
                        <a:pt x="13" y="5"/>
                      </a:lnTo>
                      <a:lnTo>
                        <a:pt x="23" y="19"/>
                      </a:lnTo>
                      <a:lnTo>
                        <a:pt x="34" y="43"/>
                      </a:lnTo>
                      <a:lnTo>
                        <a:pt x="43" y="77"/>
                      </a:lnTo>
                      <a:lnTo>
                        <a:pt x="40" y="77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40" name="Freeform 9"/>
                <p:cNvSpPr>
                  <a:spLocks noEditPoints="1"/>
                </p:cNvSpPr>
                <p:nvPr/>
              </p:nvSpPr>
              <p:spPr bwMode="auto">
                <a:xfrm flipH="1">
                  <a:off x="1306998" y="1797846"/>
                  <a:ext cx="534862" cy="2223035"/>
                </a:xfrm>
                <a:custGeom>
                  <a:avLst/>
                  <a:gdLst>
                    <a:gd name="T0" fmla="*/ 985 w 986"/>
                    <a:gd name="T1" fmla="*/ 4125 h 4125"/>
                    <a:gd name="T2" fmla="*/ 921 w 986"/>
                    <a:gd name="T3" fmla="*/ 4076 h 4125"/>
                    <a:gd name="T4" fmla="*/ 742 w 986"/>
                    <a:gd name="T5" fmla="*/ 3887 h 4125"/>
                    <a:gd name="T6" fmla="*/ 685 w 986"/>
                    <a:gd name="T7" fmla="*/ 3811 h 4125"/>
                    <a:gd name="T8" fmla="*/ 861 w 986"/>
                    <a:gd name="T9" fmla="*/ 4019 h 4125"/>
                    <a:gd name="T10" fmla="*/ 984 w 986"/>
                    <a:gd name="T11" fmla="*/ 4124 h 4125"/>
                    <a:gd name="T12" fmla="*/ 570 w 986"/>
                    <a:gd name="T13" fmla="*/ 3638 h 4125"/>
                    <a:gd name="T14" fmla="*/ 417 w 986"/>
                    <a:gd name="T15" fmla="*/ 3342 h 4125"/>
                    <a:gd name="T16" fmla="*/ 471 w 986"/>
                    <a:gd name="T17" fmla="*/ 3445 h 4125"/>
                    <a:gd name="T18" fmla="*/ 628 w 986"/>
                    <a:gd name="T19" fmla="*/ 3726 h 4125"/>
                    <a:gd name="T20" fmla="*/ 681 w 986"/>
                    <a:gd name="T21" fmla="*/ 3809 h 4125"/>
                    <a:gd name="T22" fmla="*/ 303 w 986"/>
                    <a:gd name="T23" fmla="*/ 3061 h 4125"/>
                    <a:gd name="T24" fmla="*/ 209 w 986"/>
                    <a:gd name="T25" fmla="*/ 2761 h 4125"/>
                    <a:gd name="T26" fmla="*/ 307 w 986"/>
                    <a:gd name="T27" fmla="*/ 3061 h 4125"/>
                    <a:gd name="T28" fmla="*/ 420 w 986"/>
                    <a:gd name="T29" fmla="*/ 3339 h 4125"/>
                    <a:gd name="T30" fmla="*/ 160 w 986"/>
                    <a:gd name="T31" fmla="*/ 2602 h 4125"/>
                    <a:gd name="T32" fmla="*/ 60 w 986"/>
                    <a:gd name="T33" fmla="*/ 2116 h 4125"/>
                    <a:gd name="T34" fmla="*/ 94 w 986"/>
                    <a:gd name="T35" fmla="*/ 2279 h 4125"/>
                    <a:gd name="T36" fmla="*/ 208 w 986"/>
                    <a:gd name="T37" fmla="*/ 2757 h 4125"/>
                    <a:gd name="T38" fmla="*/ 58 w 986"/>
                    <a:gd name="T39" fmla="*/ 2112 h 4125"/>
                    <a:gd name="T40" fmla="*/ 6 w 986"/>
                    <a:gd name="T41" fmla="*/ 1612 h 4125"/>
                    <a:gd name="T42" fmla="*/ 6 w 986"/>
                    <a:gd name="T43" fmla="*/ 1446 h 4125"/>
                    <a:gd name="T44" fmla="*/ 41 w 986"/>
                    <a:gd name="T45" fmla="*/ 1944 h 4125"/>
                    <a:gd name="T46" fmla="*/ 58 w 986"/>
                    <a:gd name="T47" fmla="*/ 2112 h 4125"/>
                    <a:gd name="T48" fmla="*/ 3 w 986"/>
                    <a:gd name="T49" fmla="*/ 1188 h 4125"/>
                    <a:gd name="T50" fmla="*/ 36 w 986"/>
                    <a:gd name="T51" fmla="*/ 845 h 4125"/>
                    <a:gd name="T52" fmla="*/ 27 w 986"/>
                    <a:gd name="T53" fmla="*/ 952 h 4125"/>
                    <a:gd name="T54" fmla="*/ 5 w 986"/>
                    <a:gd name="T55" fmla="*/ 1311 h 4125"/>
                    <a:gd name="T56" fmla="*/ 0 w 986"/>
                    <a:gd name="T57" fmla="*/ 1442 h 4125"/>
                    <a:gd name="T58" fmla="*/ 77 w 986"/>
                    <a:gd name="T59" fmla="*/ 642 h 4125"/>
                    <a:gd name="T60" fmla="*/ 162 w 986"/>
                    <a:gd name="T61" fmla="*/ 388 h 4125"/>
                    <a:gd name="T62" fmla="*/ 136 w 986"/>
                    <a:gd name="T63" fmla="*/ 465 h 4125"/>
                    <a:gd name="T64" fmla="*/ 61 w 986"/>
                    <a:gd name="T65" fmla="*/ 737 h 4125"/>
                    <a:gd name="T66" fmla="*/ 37 w 986"/>
                    <a:gd name="T67" fmla="*/ 842 h 4125"/>
                    <a:gd name="T68" fmla="*/ 232 w 986"/>
                    <a:gd name="T69" fmla="*/ 249 h 4125"/>
                    <a:gd name="T70" fmla="*/ 359 w 986"/>
                    <a:gd name="T71" fmla="*/ 97 h 4125"/>
                    <a:gd name="T72" fmla="*/ 319 w 986"/>
                    <a:gd name="T73" fmla="*/ 140 h 4125"/>
                    <a:gd name="T74" fmla="*/ 201 w 986"/>
                    <a:gd name="T75" fmla="*/ 313 h 4125"/>
                    <a:gd name="T76" fmla="*/ 162 w 986"/>
                    <a:gd name="T77" fmla="*/ 385 h 4125"/>
                    <a:gd name="T78" fmla="*/ 450 w 986"/>
                    <a:gd name="T79" fmla="*/ 34 h 4125"/>
                    <a:gd name="T80" fmla="*/ 551 w 986"/>
                    <a:gd name="T81" fmla="*/ 0 h 4125"/>
                    <a:gd name="T82" fmla="*/ 454 w 986"/>
                    <a:gd name="T83" fmla="*/ 34 h 4125"/>
                    <a:gd name="T84" fmla="*/ 363 w 986"/>
                    <a:gd name="T85" fmla="*/ 96 h 4125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</a:cxnLst>
                  <a:rect l="0" t="0" r="r" b="b"/>
                  <a:pathLst>
                    <a:path w="986" h="4125">
                      <a:moveTo>
                        <a:pt x="986" y="4125"/>
                      </a:moveTo>
                      <a:lnTo>
                        <a:pt x="985" y="4125"/>
                      </a:lnTo>
                      <a:lnTo>
                        <a:pt x="985" y="4125"/>
                      </a:lnTo>
                      <a:lnTo>
                        <a:pt x="986" y="4125"/>
                      </a:lnTo>
                      <a:close/>
                      <a:moveTo>
                        <a:pt x="984" y="4124"/>
                      </a:moveTo>
                      <a:lnTo>
                        <a:pt x="921" y="4076"/>
                      </a:lnTo>
                      <a:lnTo>
                        <a:pt x="861" y="4019"/>
                      </a:lnTo>
                      <a:lnTo>
                        <a:pt x="801" y="3956"/>
                      </a:lnTo>
                      <a:lnTo>
                        <a:pt x="742" y="3887"/>
                      </a:lnTo>
                      <a:lnTo>
                        <a:pt x="684" y="3811"/>
                      </a:lnTo>
                      <a:lnTo>
                        <a:pt x="685" y="3811"/>
                      </a:lnTo>
                      <a:lnTo>
                        <a:pt x="685" y="3811"/>
                      </a:lnTo>
                      <a:lnTo>
                        <a:pt x="743" y="3887"/>
                      </a:lnTo>
                      <a:lnTo>
                        <a:pt x="802" y="3956"/>
                      </a:lnTo>
                      <a:lnTo>
                        <a:pt x="861" y="4019"/>
                      </a:lnTo>
                      <a:lnTo>
                        <a:pt x="922" y="4076"/>
                      </a:lnTo>
                      <a:lnTo>
                        <a:pt x="984" y="4124"/>
                      </a:lnTo>
                      <a:lnTo>
                        <a:pt x="984" y="4124"/>
                      </a:lnTo>
                      <a:close/>
                      <a:moveTo>
                        <a:pt x="681" y="3809"/>
                      </a:moveTo>
                      <a:lnTo>
                        <a:pt x="625" y="3726"/>
                      </a:lnTo>
                      <a:lnTo>
                        <a:pt x="570" y="3638"/>
                      </a:lnTo>
                      <a:lnTo>
                        <a:pt x="518" y="3544"/>
                      </a:lnTo>
                      <a:lnTo>
                        <a:pt x="467" y="3446"/>
                      </a:lnTo>
                      <a:lnTo>
                        <a:pt x="417" y="3342"/>
                      </a:lnTo>
                      <a:lnTo>
                        <a:pt x="421" y="3341"/>
                      </a:lnTo>
                      <a:lnTo>
                        <a:pt x="421" y="3341"/>
                      </a:lnTo>
                      <a:lnTo>
                        <a:pt x="471" y="3445"/>
                      </a:lnTo>
                      <a:lnTo>
                        <a:pt x="520" y="3544"/>
                      </a:lnTo>
                      <a:lnTo>
                        <a:pt x="574" y="3637"/>
                      </a:lnTo>
                      <a:lnTo>
                        <a:pt x="628" y="3726"/>
                      </a:lnTo>
                      <a:lnTo>
                        <a:pt x="684" y="3809"/>
                      </a:lnTo>
                      <a:lnTo>
                        <a:pt x="684" y="3809"/>
                      </a:lnTo>
                      <a:lnTo>
                        <a:pt x="681" y="3809"/>
                      </a:lnTo>
                      <a:close/>
                      <a:moveTo>
                        <a:pt x="416" y="3339"/>
                      </a:moveTo>
                      <a:lnTo>
                        <a:pt x="358" y="3202"/>
                      </a:lnTo>
                      <a:lnTo>
                        <a:pt x="303" y="3061"/>
                      </a:lnTo>
                      <a:lnTo>
                        <a:pt x="251" y="2914"/>
                      </a:lnTo>
                      <a:lnTo>
                        <a:pt x="204" y="2763"/>
                      </a:lnTo>
                      <a:lnTo>
                        <a:pt x="209" y="2761"/>
                      </a:lnTo>
                      <a:lnTo>
                        <a:pt x="209" y="2761"/>
                      </a:lnTo>
                      <a:lnTo>
                        <a:pt x="256" y="2913"/>
                      </a:lnTo>
                      <a:lnTo>
                        <a:pt x="307" y="3061"/>
                      </a:lnTo>
                      <a:lnTo>
                        <a:pt x="362" y="3202"/>
                      </a:lnTo>
                      <a:lnTo>
                        <a:pt x="420" y="3337"/>
                      </a:lnTo>
                      <a:lnTo>
                        <a:pt x="420" y="3339"/>
                      </a:lnTo>
                      <a:lnTo>
                        <a:pt x="416" y="3339"/>
                      </a:lnTo>
                      <a:close/>
                      <a:moveTo>
                        <a:pt x="202" y="2759"/>
                      </a:moveTo>
                      <a:lnTo>
                        <a:pt x="160" y="2602"/>
                      </a:lnTo>
                      <a:lnTo>
                        <a:pt x="121" y="2442"/>
                      </a:lnTo>
                      <a:lnTo>
                        <a:pt x="89" y="2279"/>
                      </a:lnTo>
                      <a:lnTo>
                        <a:pt x="60" y="2116"/>
                      </a:lnTo>
                      <a:lnTo>
                        <a:pt x="65" y="2115"/>
                      </a:lnTo>
                      <a:lnTo>
                        <a:pt x="65" y="2115"/>
                      </a:lnTo>
                      <a:lnTo>
                        <a:pt x="94" y="2279"/>
                      </a:lnTo>
                      <a:lnTo>
                        <a:pt x="128" y="2442"/>
                      </a:lnTo>
                      <a:lnTo>
                        <a:pt x="166" y="2602"/>
                      </a:lnTo>
                      <a:lnTo>
                        <a:pt x="208" y="2757"/>
                      </a:lnTo>
                      <a:lnTo>
                        <a:pt x="208" y="2757"/>
                      </a:lnTo>
                      <a:lnTo>
                        <a:pt x="202" y="2759"/>
                      </a:lnTo>
                      <a:close/>
                      <a:moveTo>
                        <a:pt x="58" y="2112"/>
                      </a:moveTo>
                      <a:lnTo>
                        <a:pt x="35" y="1946"/>
                      </a:lnTo>
                      <a:lnTo>
                        <a:pt x="18" y="1779"/>
                      </a:lnTo>
                      <a:lnTo>
                        <a:pt x="6" y="1612"/>
                      </a:lnTo>
                      <a:lnTo>
                        <a:pt x="0" y="1447"/>
                      </a:lnTo>
                      <a:lnTo>
                        <a:pt x="6" y="1446"/>
                      </a:lnTo>
                      <a:lnTo>
                        <a:pt x="6" y="1446"/>
                      </a:lnTo>
                      <a:lnTo>
                        <a:pt x="11" y="1612"/>
                      </a:lnTo>
                      <a:lnTo>
                        <a:pt x="24" y="1778"/>
                      </a:lnTo>
                      <a:lnTo>
                        <a:pt x="41" y="1944"/>
                      </a:lnTo>
                      <a:lnTo>
                        <a:pt x="65" y="2111"/>
                      </a:lnTo>
                      <a:lnTo>
                        <a:pt x="65" y="2111"/>
                      </a:lnTo>
                      <a:lnTo>
                        <a:pt x="58" y="2112"/>
                      </a:lnTo>
                      <a:close/>
                      <a:moveTo>
                        <a:pt x="0" y="1442"/>
                      </a:moveTo>
                      <a:lnTo>
                        <a:pt x="0" y="1312"/>
                      </a:lnTo>
                      <a:lnTo>
                        <a:pt x="3" y="1188"/>
                      </a:lnTo>
                      <a:lnTo>
                        <a:pt x="10" y="1069"/>
                      </a:lnTo>
                      <a:lnTo>
                        <a:pt x="22" y="953"/>
                      </a:lnTo>
                      <a:lnTo>
                        <a:pt x="36" y="845"/>
                      </a:lnTo>
                      <a:lnTo>
                        <a:pt x="43" y="845"/>
                      </a:lnTo>
                      <a:lnTo>
                        <a:pt x="43" y="843"/>
                      </a:lnTo>
                      <a:lnTo>
                        <a:pt x="27" y="952"/>
                      </a:lnTo>
                      <a:lnTo>
                        <a:pt x="17" y="1067"/>
                      </a:lnTo>
                      <a:lnTo>
                        <a:pt x="9" y="1186"/>
                      </a:lnTo>
                      <a:lnTo>
                        <a:pt x="5" y="1311"/>
                      </a:lnTo>
                      <a:lnTo>
                        <a:pt x="6" y="1440"/>
                      </a:lnTo>
                      <a:lnTo>
                        <a:pt x="6" y="1440"/>
                      </a:lnTo>
                      <a:lnTo>
                        <a:pt x="0" y="1442"/>
                      </a:lnTo>
                      <a:close/>
                      <a:moveTo>
                        <a:pt x="37" y="842"/>
                      </a:moveTo>
                      <a:lnTo>
                        <a:pt x="56" y="739"/>
                      </a:lnTo>
                      <a:lnTo>
                        <a:pt x="77" y="642"/>
                      </a:lnTo>
                      <a:lnTo>
                        <a:pt x="102" y="551"/>
                      </a:lnTo>
                      <a:lnTo>
                        <a:pt x="130" y="466"/>
                      </a:lnTo>
                      <a:lnTo>
                        <a:pt x="162" y="388"/>
                      </a:lnTo>
                      <a:lnTo>
                        <a:pt x="166" y="388"/>
                      </a:lnTo>
                      <a:lnTo>
                        <a:pt x="166" y="388"/>
                      </a:lnTo>
                      <a:lnTo>
                        <a:pt x="136" y="465"/>
                      </a:lnTo>
                      <a:lnTo>
                        <a:pt x="107" y="550"/>
                      </a:lnTo>
                      <a:lnTo>
                        <a:pt x="83" y="641"/>
                      </a:lnTo>
                      <a:lnTo>
                        <a:pt x="61" y="737"/>
                      </a:lnTo>
                      <a:lnTo>
                        <a:pt x="43" y="841"/>
                      </a:lnTo>
                      <a:lnTo>
                        <a:pt x="43" y="841"/>
                      </a:lnTo>
                      <a:lnTo>
                        <a:pt x="37" y="842"/>
                      </a:lnTo>
                      <a:close/>
                      <a:moveTo>
                        <a:pt x="162" y="385"/>
                      </a:moveTo>
                      <a:lnTo>
                        <a:pt x="196" y="315"/>
                      </a:lnTo>
                      <a:lnTo>
                        <a:pt x="232" y="249"/>
                      </a:lnTo>
                      <a:lnTo>
                        <a:pt x="273" y="191"/>
                      </a:lnTo>
                      <a:lnTo>
                        <a:pt x="315" y="140"/>
                      </a:lnTo>
                      <a:lnTo>
                        <a:pt x="359" y="97"/>
                      </a:lnTo>
                      <a:lnTo>
                        <a:pt x="362" y="97"/>
                      </a:lnTo>
                      <a:lnTo>
                        <a:pt x="362" y="97"/>
                      </a:lnTo>
                      <a:lnTo>
                        <a:pt x="319" y="140"/>
                      </a:lnTo>
                      <a:lnTo>
                        <a:pt x="277" y="191"/>
                      </a:lnTo>
                      <a:lnTo>
                        <a:pt x="238" y="249"/>
                      </a:lnTo>
                      <a:lnTo>
                        <a:pt x="201" y="313"/>
                      </a:lnTo>
                      <a:lnTo>
                        <a:pt x="167" y="385"/>
                      </a:lnTo>
                      <a:lnTo>
                        <a:pt x="167" y="385"/>
                      </a:lnTo>
                      <a:lnTo>
                        <a:pt x="162" y="385"/>
                      </a:lnTo>
                      <a:close/>
                      <a:moveTo>
                        <a:pt x="361" y="96"/>
                      </a:moveTo>
                      <a:lnTo>
                        <a:pt x="404" y="62"/>
                      </a:lnTo>
                      <a:lnTo>
                        <a:pt x="450" y="34"/>
                      </a:lnTo>
                      <a:lnTo>
                        <a:pt x="498" y="15"/>
                      </a:lnTo>
                      <a:lnTo>
                        <a:pt x="548" y="2"/>
                      </a:lnTo>
                      <a:lnTo>
                        <a:pt x="551" y="0"/>
                      </a:lnTo>
                      <a:lnTo>
                        <a:pt x="551" y="0"/>
                      </a:lnTo>
                      <a:lnTo>
                        <a:pt x="501" y="13"/>
                      </a:lnTo>
                      <a:lnTo>
                        <a:pt x="454" y="34"/>
                      </a:lnTo>
                      <a:lnTo>
                        <a:pt x="408" y="62"/>
                      </a:lnTo>
                      <a:lnTo>
                        <a:pt x="365" y="96"/>
                      </a:lnTo>
                      <a:lnTo>
                        <a:pt x="363" y="96"/>
                      </a:lnTo>
                      <a:lnTo>
                        <a:pt x="361" y="96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41" name="Freeform 10"/>
                <p:cNvSpPr>
                  <a:spLocks noEditPoints="1"/>
                </p:cNvSpPr>
                <p:nvPr/>
              </p:nvSpPr>
              <p:spPr bwMode="auto">
                <a:xfrm flipH="1">
                  <a:off x="1306998" y="1925031"/>
                  <a:ext cx="992154" cy="2095852"/>
                </a:xfrm>
                <a:custGeom>
                  <a:avLst/>
                  <a:gdLst>
                    <a:gd name="T0" fmla="*/ 1828 w 1829"/>
                    <a:gd name="T1" fmla="*/ 3889 h 3889"/>
                    <a:gd name="T2" fmla="*/ 1824 w 1829"/>
                    <a:gd name="T3" fmla="*/ 3888 h 3889"/>
                    <a:gd name="T4" fmla="*/ 1592 w 1829"/>
                    <a:gd name="T5" fmla="*/ 3820 h 3889"/>
                    <a:gd name="T6" fmla="*/ 1369 w 1829"/>
                    <a:gd name="T7" fmla="*/ 3722 h 3889"/>
                    <a:gd name="T8" fmla="*/ 1261 w 1829"/>
                    <a:gd name="T9" fmla="*/ 3662 h 3889"/>
                    <a:gd name="T10" fmla="*/ 1480 w 1829"/>
                    <a:gd name="T11" fmla="*/ 3774 h 3889"/>
                    <a:gd name="T12" fmla="*/ 1708 w 1829"/>
                    <a:gd name="T13" fmla="*/ 3858 h 3889"/>
                    <a:gd name="T14" fmla="*/ 1824 w 1829"/>
                    <a:gd name="T15" fmla="*/ 3888 h 3889"/>
                    <a:gd name="T16" fmla="*/ 1151 w 1829"/>
                    <a:gd name="T17" fmla="*/ 3593 h 3889"/>
                    <a:gd name="T18" fmla="*/ 950 w 1829"/>
                    <a:gd name="T19" fmla="*/ 3443 h 3889"/>
                    <a:gd name="T20" fmla="*/ 763 w 1829"/>
                    <a:gd name="T21" fmla="*/ 3269 h 3889"/>
                    <a:gd name="T22" fmla="*/ 857 w 1829"/>
                    <a:gd name="T23" fmla="*/ 3358 h 3889"/>
                    <a:gd name="T24" fmla="*/ 1051 w 1829"/>
                    <a:gd name="T25" fmla="*/ 3520 h 3889"/>
                    <a:gd name="T26" fmla="*/ 1257 w 1829"/>
                    <a:gd name="T27" fmla="*/ 3660 h 3889"/>
                    <a:gd name="T28" fmla="*/ 760 w 1829"/>
                    <a:gd name="T29" fmla="*/ 3266 h 3889"/>
                    <a:gd name="T30" fmla="*/ 589 w 1829"/>
                    <a:gd name="T31" fmla="*/ 3072 h 3889"/>
                    <a:gd name="T32" fmla="*/ 437 w 1829"/>
                    <a:gd name="T33" fmla="*/ 2860 h 3889"/>
                    <a:gd name="T34" fmla="*/ 370 w 1829"/>
                    <a:gd name="T35" fmla="*/ 2748 h 3889"/>
                    <a:gd name="T36" fmla="*/ 513 w 1829"/>
                    <a:gd name="T37" fmla="*/ 2968 h 3889"/>
                    <a:gd name="T38" fmla="*/ 675 w 1829"/>
                    <a:gd name="T39" fmla="*/ 3171 h 3889"/>
                    <a:gd name="T40" fmla="*/ 760 w 1829"/>
                    <a:gd name="T41" fmla="*/ 3266 h 3889"/>
                    <a:gd name="T42" fmla="*/ 301 w 1829"/>
                    <a:gd name="T43" fmla="*/ 2630 h 3889"/>
                    <a:gd name="T44" fmla="*/ 191 w 1829"/>
                    <a:gd name="T45" fmla="*/ 2392 h 3889"/>
                    <a:gd name="T46" fmla="*/ 103 w 1829"/>
                    <a:gd name="T47" fmla="*/ 2142 h 3889"/>
                    <a:gd name="T48" fmla="*/ 146 w 1829"/>
                    <a:gd name="T49" fmla="*/ 2266 h 3889"/>
                    <a:gd name="T50" fmla="*/ 246 w 1829"/>
                    <a:gd name="T51" fmla="*/ 2511 h 3889"/>
                    <a:gd name="T52" fmla="*/ 367 w 1829"/>
                    <a:gd name="T53" fmla="*/ 2744 h 3889"/>
                    <a:gd name="T54" fmla="*/ 102 w 1829"/>
                    <a:gd name="T55" fmla="*/ 2138 h 3889"/>
                    <a:gd name="T56" fmla="*/ 40 w 1829"/>
                    <a:gd name="T57" fmla="*/ 1881 h 3889"/>
                    <a:gd name="T58" fmla="*/ 6 w 1829"/>
                    <a:gd name="T59" fmla="*/ 1619 h 3889"/>
                    <a:gd name="T60" fmla="*/ 4 w 1829"/>
                    <a:gd name="T61" fmla="*/ 1485 h 3889"/>
                    <a:gd name="T62" fmla="*/ 23 w 1829"/>
                    <a:gd name="T63" fmla="*/ 1749 h 3889"/>
                    <a:gd name="T64" fmla="*/ 70 w 1829"/>
                    <a:gd name="T65" fmla="*/ 2008 h 3889"/>
                    <a:gd name="T66" fmla="*/ 102 w 1829"/>
                    <a:gd name="T67" fmla="*/ 2138 h 3889"/>
                    <a:gd name="T68" fmla="*/ 1 w 1829"/>
                    <a:gd name="T69" fmla="*/ 1373 h 3889"/>
                    <a:gd name="T70" fmla="*/ 18 w 1829"/>
                    <a:gd name="T71" fmla="*/ 1164 h 3889"/>
                    <a:gd name="T72" fmla="*/ 55 w 1829"/>
                    <a:gd name="T73" fmla="*/ 966 h 3889"/>
                    <a:gd name="T74" fmla="*/ 83 w 1829"/>
                    <a:gd name="T75" fmla="*/ 869 h 3889"/>
                    <a:gd name="T76" fmla="*/ 36 w 1829"/>
                    <a:gd name="T77" fmla="*/ 1062 h 3889"/>
                    <a:gd name="T78" fmla="*/ 10 w 1829"/>
                    <a:gd name="T79" fmla="*/ 1266 h 3889"/>
                    <a:gd name="T80" fmla="*/ 4 w 1829"/>
                    <a:gd name="T81" fmla="*/ 1481 h 3889"/>
                    <a:gd name="T82" fmla="*/ 81 w 1829"/>
                    <a:gd name="T83" fmla="*/ 868 h 3889"/>
                    <a:gd name="T84" fmla="*/ 145 w 1829"/>
                    <a:gd name="T85" fmla="*/ 690 h 3889"/>
                    <a:gd name="T86" fmla="*/ 226 w 1829"/>
                    <a:gd name="T87" fmla="*/ 525 h 3889"/>
                    <a:gd name="T88" fmla="*/ 324 w 1829"/>
                    <a:gd name="T89" fmla="*/ 376 h 3889"/>
                    <a:gd name="T90" fmla="*/ 276 w 1829"/>
                    <a:gd name="T91" fmla="*/ 446 h 3889"/>
                    <a:gd name="T92" fmla="*/ 187 w 1829"/>
                    <a:gd name="T93" fmla="*/ 603 h 3889"/>
                    <a:gd name="T94" fmla="*/ 113 w 1829"/>
                    <a:gd name="T95" fmla="*/ 775 h 3889"/>
                    <a:gd name="T96" fmla="*/ 81 w 1829"/>
                    <a:gd name="T97" fmla="*/ 868 h 3889"/>
                    <a:gd name="T98" fmla="*/ 380 w 1829"/>
                    <a:gd name="T99" fmla="*/ 304 h 3889"/>
                    <a:gd name="T100" fmla="*/ 500 w 1829"/>
                    <a:gd name="T101" fmla="*/ 179 h 3889"/>
                    <a:gd name="T102" fmla="*/ 632 w 1829"/>
                    <a:gd name="T103" fmla="*/ 72 h 3889"/>
                    <a:gd name="T104" fmla="*/ 705 w 1829"/>
                    <a:gd name="T105" fmla="*/ 24 h 3889"/>
                    <a:gd name="T106" fmla="*/ 566 w 1829"/>
                    <a:gd name="T107" fmla="*/ 122 h 3889"/>
                    <a:gd name="T108" fmla="*/ 441 w 1829"/>
                    <a:gd name="T109" fmla="*/ 238 h 3889"/>
                    <a:gd name="T110" fmla="*/ 328 w 1829"/>
                    <a:gd name="T111" fmla="*/ 370 h 3889"/>
                    <a:gd name="T112" fmla="*/ 706 w 1829"/>
                    <a:gd name="T113" fmla="*/ 24 h 3889"/>
                    <a:gd name="T114" fmla="*/ 747 w 1829"/>
                    <a:gd name="T115" fmla="*/ 0 h 3889"/>
                    <a:gd name="T116" fmla="*/ 706 w 1829"/>
                    <a:gd name="T117" fmla="*/ 24 h 3889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  <a:cxn ang="0">
                      <a:pos x="T86" y="T87"/>
                    </a:cxn>
                    <a:cxn ang="0">
                      <a:pos x="T88" y="T89"/>
                    </a:cxn>
                    <a:cxn ang="0">
                      <a:pos x="T90" y="T91"/>
                    </a:cxn>
                    <a:cxn ang="0">
                      <a:pos x="T92" y="T93"/>
                    </a:cxn>
                    <a:cxn ang="0">
                      <a:pos x="T94" y="T95"/>
                    </a:cxn>
                    <a:cxn ang="0">
                      <a:pos x="T96" y="T97"/>
                    </a:cxn>
                    <a:cxn ang="0">
                      <a:pos x="T98" y="T99"/>
                    </a:cxn>
                    <a:cxn ang="0">
                      <a:pos x="T100" y="T101"/>
                    </a:cxn>
                    <a:cxn ang="0">
                      <a:pos x="T102" y="T103"/>
                    </a:cxn>
                    <a:cxn ang="0">
                      <a:pos x="T104" y="T105"/>
                    </a:cxn>
                    <a:cxn ang="0">
                      <a:pos x="T106" y="T107"/>
                    </a:cxn>
                    <a:cxn ang="0">
                      <a:pos x="T108" y="T109"/>
                    </a:cxn>
                    <a:cxn ang="0">
                      <a:pos x="T110" y="T111"/>
                    </a:cxn>
                    <a:cxn ang="0">
                      <a:pos x="T112" y="T113"/>
                    </a:cxn>
                    <a:cxn ang="0">
                      <a:pos x="T114" y="T115"/>
                    </a:cxn>
                    <a:cxn ang="0">
                      <a:pos x="T116" y="T117"/>
                    </a:cxn>
                  </a:cxnLst>
                  <a:rect l="0" t="0" r="r" b="b"/>
                  <a:pathLst>
                    <a:path w="1829" h="3889">
                      <a:moveTo>
                        <a:pt x="1829" y="3889"/>
                      </a:moveTo>
                      <a:lnTo>
                        <a:pt x="1828" y="3889"/>
                      </a:lnTo>
                      <a:lnTo>
                        <a:pt x="1829" y="3889"/>
                      </a:lnTo>
                      <a:close/>
                      <a:moveTo>
                        <a:pt x="1824" y="3888"/>
                      </a:moveTo>
                      <a:lnTo>
                        <a:pt x="1708" y="3858"/>
                      </a:lnTo>
                      <a:lnTo>
                        <a:pt x="1592" y="3820"/>
                      </a:lnTo>
                      <a:lnTo>
                        <a:pt x="1479" y="3774"/>
                      </a:lnTo>
                      <a:lnTo>
                        <a:pt x="1369" y="3722"/>
                      </a:lnTo>
                      <a:lnTo>
                        <a:pt x="1260" y="3663"/>
                      </a:lnTo>
                      <a:lnTo>
                        <a:pt x="1261" y="3662"/>
                      </a:lnTo>
                      <a:lnTo>
                        <a:pt x="1369" y="3722"/>
                      </a:lnTo>
                      <a:lnTo>
                        <a:pt x="1480" y="3774"/>
                      </a:lnTo>
                      <a:lnTo>
                        <a:pt x="1592" y="3820"/>
                      </a:lnTo>
                      <a:lnTo>
                        <a:pt x="1708" y="3858"/>
                      </a:lnTo>
                      <a:lnTo>
                        <a:pt x="1824" y="3888"/>
                      </a:lnTo>
                      <a:lnTo>
                        <a:pt x="1824" y="3888"/>
                      </a:lnTo>
                      <a:close/>
                      <a:moveTo>
                        <a:pt x="1256" y="3660"/>
                      </a:moveTo>
                      <a:lnTo>
                        <a:pt x="1151" y="3593"/>
                      </a:lnTo>
                      <a:lnTo>
                        <a:pt x="1049" y="3521"/>
                      </a:lnTo>
                      <a:lnTo>
                        <a:pt x="950" y="3443"/>
                      </a:lnTo>
                      <a:lnTo>
                        <a:pt x="854" y="3359"/>
                      </a:lnTo>
                      <a:lnTo>
                        <a:pt x="763" y="3269"/>
                      </a:lnTo>
                      <a:lnTo>
                        <a:pt x="765" y="3269"/>
                      </a:lnTo>
                      <a:lnTo>
                        <a:pt x="857" y="3358"/>
                      </a:lnTo>
                      <a:lnTo>
                        <a:pt x="951" y="3442"/>
                      </a:lnTo>
                      <a:lnTo>
                        <a:pt x="1051" y="3520"/>
                      </a:lnTo>
                      <a:lnTo>
                        <a:pt x="1153" y="3593"/>
                      </a:lnTo>
                      <a:lnTo>
                        <a:pt x="1257" y="3660"/>
                      </a:lnTo>
                      <a:lnTo>
                        <a:pt x="1256" y="3660"/>
                      </a:lnTo>
                      <a:close/>
                      <a:moveTo>
                        <a:pt x="760" y="3266"/>
                      </a:moveTo>
                      <a:lnTo>
                        <a:pt x="672" y="3172"/>
                      </a:lnTo>
                      <a:lnTo>
                        <a:pt x="589" y="3072"/>
                      </a:lnTo>
                      <a:lnTo>
                        <a:pt x="510" y="2969"/>
                      </a:lnTo>
                      <a:lnTo>
                        <a:pt x="437" y="2860"/>
                      </a:lnTo>
                      <a:lnTo>
                        <a:pt x="367" y="2749"/>
                      </a:lnTo>
                      <a:lnTo>
                        <a:pt x="370" y="2748"/>
                      </a:lnTo>
                      <a:lnTo>
                        <a:pt x="439" y="2859"/>
                      </a:lnTo>
                      <a:lnTo>
                        <a:pt x="513" y="2968"/>
                      </a:lnTo>
                      <a:lnTo>
                        <a:pt x="591" y="3071"/>
                      </a:lnTo>
                      <a:lnTo>
                        <a:pt x="675" y="3171"/>
                      </a:lnTo>
                      <a:lnTo>
                        <a:pt x="763" y="3265"/>
                      </a:lnTo>
                      <a:lnTo>
                        <a:pt x="760" y="3266"/>
                      </a:lnTo>
                      <a:close/>
                      <a:moveTo>
                        <a:pt x="365" y="2745"/>
                      </a:moveTo>
                      <a:lnTo>
                        <a:pt x="301" y="2630"/>
                      </a:lnTo>
                      <a:lnTo>
                        <a:pt x="243" y="2512"/>
                      </a:lnTo>
                      <a:lnTo>
                        <a:pt x="191" y="2392"/>
                      </a:lnTo>
                      <a:lnTo>
                        <a:pt x="144" y="2267"/>
                      </a:lnTo>
                      <a:lnTo>
                        <a:pt x="103" y="2142"/>
                      </a:lnTo>
                      <a:lnTo>
                        <a:pt x="106" y="2140"/>
                      </a:lnTo>
                      <a:lnTo>
                        <a:pt x="146" y="2266"/>
                      </a:lnTo>
                      <a:lnTo>
                        <a:pt x="193" y="2389"/>
                      </a:lnTo>
                      <a:lnTo>
                        <a:pt x="246" y="2511"/>
                      </a:lnTo>
                      <a:lnTo>
                        <a:pt x="305" y="2629"/>
                      </a:lnTo>
                      <a:lnTo>
                        <a:pt x="367" y="2744"/>
                      </a:lnTo>
                      <a:lnTo>
                        <a:pt x="365" y="2745"/>
                      </a:lnTo>
                      <a:close/>
                      <a:moveTo>
                        <a:pt x="102" y="2138"/>
                      </a:moveTo>
                      <a:lnTo>
                        <a:pt x="68" y="2011"/>
                      </a:lnTo>
                      <a:lnTo>
                        <a:pt x="40" y="1881"/>
                      </a:lnTo>
                      <a:lnTo>
                        <a:pt x="19" y="1750"/>
                      </a:lnTo>
                      <a:lnTo>
                        <a:pt x="6" y="1619"/>
                      </a:lnTo>
                      <a:lnTo>
                        <a:pt x="0" y="1487"/>
                      </a:lnTo>
                      <a:lnTo>
                        <a:pt x="4" y="1485"/>
                      </a:lnTo>
                      <a:lnTo>
                        <a:pt x="10" y="1617"/>
                      </a:lnTo>
                      <a:lnTo>
                        <a:pt x="23" y="1749"/>
                      </a:lnTo>
                      <a:lnTo>
                        <a:pt x="44" y="1879"/>
                      </a:lnTo>
                      <a:lnTo>
                        <a:pt x="70" y="2008"/>
                      </a:lnTo>
                      <a:lnTo>
                        <a:pt x="104" y="2136"/>
                      </a:lnTo>
                      <a:lnTo>
                        <a:pt x="102" y="2138"/>
                      </a:lnTo>
                      <a:close/>
                      <a:moveTo>
                        <a:pt x="0" y="1483"/>
                      </a:moveTo>
                      <a:lnTo>
                        <a:pt x="1" y="1373"/>
                      </a:lnTo>
                      <a:lnTo>
                        <a:pt x="6" y="1267"/>
                      </a:lnTo>
                      <a:lnTo>
                        <a:pt x="18" y="1164"/>
                      </a:lnTo>
                      <a:lnTo>
                        <a:pt x="34" y="1063"/>
                      </a:lnTo>
                      <a:lnTo>
                        <a:pt x="55" y="966"/>
                      </a:lnTo>
                      <a:lnTo>
                        <a:pt x="79" y="872"/>
                      </a:lnTo>
                      <a:lnTo>
                        <a:pt x="83" y="869"/>
                      </a:lnTo>
                      <a:lnTo>
                        <a:pt x="57" y="963"/>
                      </a:lnTo>
                      <a:lnTo>
                        <a:pt x="36" y="1062"/>
                      </a:lnTo>
                      <a:lnTo>
                        <a:pt x="21" y="1162"/>
                      </a:lnTo>
                      <a:lnTo>
                        <a:pt x="10" y="1266"/>
                      </a:lnTo>
                      <a:lnTo>
                        <a:pt x="4" y="1372"/>
                      </a:lnTo>
                      <a:lnTo>
                        <a:pt x="4" y="1481"/>
                      </a:lnTo>
                      <a:lnTo>
                        <a:pt x="0" y="1483"/>
                      </a:lnTo>
                      <a:close/>
                      <a:moveTo>
                        <a:pt x="81" y="868"/>
                      </a:moveTo>
                      <a:lnTo>
                        <a:pt x="111" y="778"/>
                      </a:lnTo>
                      <a:lnTo>
                        <a:pt x="145" y="690"/>
                      </a:lnTo>
                      <a:lnTo>
                        <a:pt x="184" y="605"/>
                      </a:lnTo>
                      <a:lnTo>
                        <a:pt x="226" y="525"/>
                      </a:lnTo>
                      <a:lnTo>
                        <a:pt x="273" y="448"/>
                      </a:lnTo>
                      <a:lnTo>
                        <a:pt x="324" y="376"/>
                      </a:lnTo>
                      <a:lnTo>
                        <a:pt x="327" y="374"/>
                      </a:lnTo>
                      <a:lnTo>
                        <a:pt x="276" y="446"/>
                      </a:lnTo>
                      <a:lnTo>
                        <a:pt x="230" y="524"/>
                      </a:lnTo>
                      <a:lnTo>
                        <a:pt x="187" y="603"/>
                      </a:lnTo>
                      <a:lnTo>
                        <a:pt x="149" y="687"/>
                      </a:lnTo>
                      <a:lnTo>
                        <a:pt x="113" y="775"/>
                      </a:lnTo>
                      <a:lnTo>
                        <a:pt x="83" y="867"/>
                      </a:lnTo>
                      <a:lnTo>
                        <a:pt x="81" y="868"/>
                      </a:lnTo>
                      <a:close/>
                      <a:moveTo>
                        <a:pt x="326" y="373"/>
                      </a:moveTo>
                      <a:lnTo>
                        <a:pt x="380" y="304"/>
                      </a:lnTo>
                      <a:lnTo>
                        <a:pt x="438" y="240"/>
                      </a:lnTo>
                      <a:lnTo>
                        <a:pt x="500" y="179"/>
                      </a:lnTo>
                      <a:lnTo>
                        <a:pt x="565" y="123"/>
                      </a:lnTo>
                      <a:lnTo>
                        <a:pt x="632" y="72"/>
                      </a:lnTo>
                      <a:lnTo>
                        <a:pt x="704" y="25"/>
                      </a:lnTo>
                      <a:lnTo>
                        <a:pt x="705" y="24"/>
                      </a:lnTo>
                      <a:lnTo>
                        <a:pt x="634" y="71"/>
                      </a:lnTo>
                      <a:lnTo>
                        <a:pt x="566" y="122"/>
                      </a:lnTo>
                      <a:lnTo>
                        <a:pt x="502" y="178"/>
                      </a:lnTo>
                      <a:lnTo>
                        <a:pt x="441" y="238"/>
                      </a:lnTo>
                      <a:lnTo>
                        <a:pt x="383" y="302"/>
                      </a:lnTo>
                      <a:lnTo>
                        <a:pt x="328" y="370"/>
                      </a:lnTo>
                      <a:lnTo>
                        <a:pt x="326" y="373"/>
                      </a:lnTo>
                      <a:close/>
                      <a:moveTo>
                        <a:pt x="706" y="24"/>
                      </a:moveTo>
                      <a:lnTo>
                        <a:pt x="742" y="3"/>
                      </a:lnTo>
                      <a:lnTo>
                        <a:pt x="747" y="0"/>
                      </a:lnTo>
                      <a:lnTo>
                        <a:pt x="709" y="22"/>
                      </a:lnTo>
                      <a:lnTo>
                        <a:pt x="706" y="24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42" name="Freeform 11"/>
                <p:cNvSpPr>
                  <a:spLocks noEditPoints="1"/>
                </p:cNvSpPr>
                <p:nvPr/>
              </p:nvSpPr>
              <p:spPr bwMode="auto">
                <a:xfrm flipH="1">
                  <a:off x="1306998" y="2695683"/>
                  <a:ext cx="1183098" cy="1325199"/>
                </a:xfrm>
                <a:custGeom>
                  <a:avLst/>
                  <a:gdLst>
                    <a:gd name="T0" fmla="*/ 2180 w 2181"/>
                    <a:gd name="T1" fmla="*/ 2459 h 2459"/>
                    <a:gd name="T2" fmla="*/ 2175 w 2181"/>
                    <a:gd name="T3" fmla="*/ 2459 h 2459"/>
                    <a:gd name="T4" fmla="*/ 1943 w 2181"/>
                    <a:gd name="T5" fmla="*/ 2445 h 2459"/>
                    <a:gd name="T6" fmla="*/ 1718 w 2181"/>
                    <a:gd name="T7" fmla="*/ 2408 h 2459"/>
                    <a:gd name="T8" fmla="*/ 1501 w 2181"/>
                    <a:gd name="T9" fmla="*/ 2349 h 2459"/>
                    <a:gd name="T10" fmla="*/ 1608 w 2181"/>
                    <a:gd name="T11" fmla="*/ 2381 h 2459"/>
                    <a:gd name="T12" fmla="*/ 1829 w 2181"/>
                    <a:gd name="T13" fmla="*/ 2429 h 2459"/>
                    <a:gd name="T14" fmla="*/ 2058 w 2181"/>
                    <a:gd name="T15" fmla="*/ 2455 h 2459"/>
                    <a:gd name="T16" fmla="*/ 2175 w 2181"/>
                    <a:gd name="T17" fmla="*/ 2459 h 2459"/>
                    <a:gd name="T18" fmla="*/ 1391 w 2181"/>
                    <a:gd name="T19" fmla="*/ 2311 h 2459"/>
                    <a:gd name="T20" fmla="*/ 1189 w 2181"/>
                    <a:gd name="T21" fmla="*/ 2224 h 2459"/>
                    <a:gd name="T22" fmla="*/ 998 w 2181"/>
                    <a:gd name="T23" fmla="*/ 2118 h 2459"/>
                    <a:gd name="T24" fmla="*/ 908 w 2181"/>
                    <a:gd name="T25" fmla="*/ 2057 h 2459"/>
                    <a:gd name="T26" fmla="*/ 1092 w 2181"/>
                    <a:gd name="T27" fmla="*/ 2173 h 2459"/>
                    <a:gd name="T28" fmla="*/ 1289 w 2181"/>
                    <a:gd name="T29" fmla="*/ 2269 h 2459"/>
                    <a:gd name="T30" fmla="*/ 1497 w 2181"/>
                    <a:gd name="T31" fmla="*/ 2348 h 2459"/>
                    <a:gd name="T32" fmla="*/ 904 w 2181"/>
                    <a:gd name="T33" fmla="*/ 2056 h 2459"/>
                    <a:gd name="T34" fmla="*/ 732 w 2181"/>
                    <a:gd name="T35" fmla="*/ 1925 h 2459"/>
                    <a:gd name="T36" fmla="*/ 575 w 2181"/>
                    <a:gd name="T37" fmla="*/ 1779 h 2459"/>
                    <a:gd name="T38" fmla="*/ 435 w 2181"/>
                    <a:gd name="T39" fmla="*/ 1619 h 2459"/>
                    <a:gd name="T40" fmla="*/ 503 w 2181"/>
                    <a:gd name="T41" fmla="*/ 1699 h 2459"/>
                    <a:gd name="T42" fmla="*/ 653 w 2181"/>
                    <a:gd name="T43" fmla="*/ 1852 h 2459"/>
                    <a:gd name="T44" fmla="*/ 816 w 2181"/>
                    <a:gd name="T45" fmla="*/ 1991 h 2459"/>
                    <a:gd name="T46" fmla="*/ 904 w 2181"/>
                    <a:gd name="T47" fmla="*/ 2056 h 2459"/>
                    <a:gd name="T48" fmla="*/ 369 w 2181"/>
                    <a:gd name="T49" fmla="*/ 1531 h 2459"/>
                    <a:gd name="T50" fmla="*/ 255 w 2181"/>
                    <a:gd name="T51" fmla="*/ 1352 h 2459"/>
                    <a:gd name="T52" fmla="*/ 161 w 2181"/>
                    <a:gd name="T53" fmla="*/ 1163 h 2459"/>
                    <a:gd name="T54" fmla="*/ 121 w 2181"/>
                    <a:gd name="T55" fmla="*/ 1063 h 2459"/>
                    <a:gd name="T56" fmla="*/ 206 w 2181"/>
                    <a:gd name="T57" fmla="*/ 1256 h 2459"/>
                    <a:gd name="T58" fmla="*/ 310 w 2181"/>
                    <a:gd name="T59" fmla="*/ 1441 h 2459"/>
                    <a:gd name="T60" fmla="*/ 433 w 2181"/>
                    <a:gd name="T61" fmla="*/ 1614 h 2459"/>
                    <a:gd name="T62" fmla="*/ 120 w 2181"/>
                    <a:gd name="T63" fmla="*/ 1061 h 2459"/>
                    <a:gd name="T64" fmla="*/ 57 w 2181"/>
                    <a:gd name="T65" fmla="*/ 857 h 2459"/>
                    <a:gd name="T66" fmla="*/ 17 w 2181"/>
                    <a:gd name="T67" fmla="*/ 646 h 2459"/>
                    <a:gd name="T68" fmla="*/ 1 w 2181"/>
                    <a:gd name="T69" fmla="*/ 429 h 2459"/>
                    <a:gd name="T70" fmla="*/ 6 w 2181"/>
                    <a:gd name="T71" fmla="*/ 536 h 2459"/>
                    <a:gd name="T72" fmla="*/ 35 w 2181"/>
                    <a:gd name="T73" fmla="*/ 750 h 2459"/>
                    <a:gd name="T74" fmla="*/ 86 w 2181"/>
                    <a:gd name="T75" fmla="*/ 958 h 2459"/>
                    <a:gd name="T76" fmla="*/ 120 w 2181"/>
                    <a:gd name="T77" fmla="*/ 1061 h 2459"/>
                    <a:gd name="T78" fmla="*/ 1 w 2181"/>
                    <a:gd name="T79" fmla="*/ 320 h 2459"/>
                    <a:gd name="T80" fmla="*/ 20 w 2181"/>
                    <a:gd name="T81" fmla="*/ 116 h 2459"/>
                    <a:gd name="T82" fmla="*/ 41 w 2181"/>
                    <a:gd name="T83" fmla="*/ 0 h 2459"/>
                    <a:gd name="T84" fmla="*/ 9 w 2181"/>
                    <a:gd name="T85" fmla="*/ 208 h 2459"/>
                    <a:gd name="T86" fmla="*/ 1 w 2181"/>
                    <a:gd name="T87" fmla="*/ 422 h 2459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  <a:cxn ang="0">
                      <a:pos x="T86" y="T87"/>
                    </a:cxn>
                  </a:cxnLst>
                  <a:rect l="0" t="0" r="r" b="b"/>
                  <a:pathLst>
                    <a:path w="2181" h="2459">
                      <a:moveTo>
                        <a:pt x="2181" y="2459"/>
                      </a:moveTo>
                      <a:lnTo>
                        <a:pt x="2180" y="2459"/>
                      </a:lnTo>
                      <a:lnTo>
                        <a:pt x="2181" y="2459"/>
                      </a:lnTo>
                      <a:close/>
                      <a:moveTo>
                        <a:pt x="2175" y="2459"/>
                      </a:moveTo>
                      <a:lnTo>
                        <a:pt x="2058" y="2455"/>
                      </a:lnTo>
                      <a:lnTo>
                        <a:pt x="1943" y="2445"/>
                      </a:lnTo>
                      <a:lnTo>
                        <a:pt x="1829" y="2429"/>
                      </a:lnTo>
                      <a:lnTo>
                        <a:pt x="1718" y="2408"/>
                      </a:lnTo>
                      <a:lnTo>
                        <a:pt x="1608" y="2382"/>
                      </a:lnTo>
                      <a:lnTo>
                        <a:pt x="1501" y="2349"/>
                      </a:lnTo>
                      <a:lnTo>
                        <a:pt x="1501" y="2349"/>
                      </a:lnTo>
                      <a:lnTo>
                        <a:pt x="1608" y="2381"/>
                      </a:lnTo>
                      <a:lnTo>
                        <a:pt x="1718" y="2407"/>
                      </a:lnTo>
                      <a:lnTo>
                        <a:pt x="1829" y="2429"/>
                      </a:lnTo>
                      <a:lnTo>
                        <a:pt x="1943" y="2445"/>
                      </a:lnTo>
                      <a:lnTo>
                        <a:pt x="2058" y="2455"/>
                      </a:lnTo>
                      <a:lnTo>
                        <a:pt x="2175" y="2459"/>
                      </a:lnTo>
                      <a:lnTo>
                        <a:pt x="2175" y="2459"/>
                      </a:lnTo>
                      <a:close/>
                      <a:moveTo>
                        <a:pt x="1497" y="2348"/>
                      </a:moveTo>
                      <a:lnTo>
                        <a:pt x="1391" y="2311"/>
                      </a:lnTo>
                      <a:lnTo>
                        <a:pt x="1289" y="2271"/>
                      </a:lnTo>
                      <a:lnTo>
                        <a:pt x="1189" y="2224"/>
                      </a:lnTo>
                      <a:lnTo>
                        <a:pt x="1092" y="2174"/>
                      </a:lnTo>
                      <a:lnTo>
                        <a:pt x="998" y="2118"/>
                      </a:lnTo>
                      <a:lnTo>
                        <a:pt x="908" y="2059"/>
                      </a:lnTo>
                      <a:lnTo>
                        <a:pt x="908" y="2057"/>
                      </a:lnTo>
                      <a:lnTo>
                        <a:pt x="998" y="2116"/>
                      </a:lnTo>
                      <a:lnTo>
                        <a:pt x="1092" y="2173"/>
                      </a:lnTo>
                      <a:lnTo>
                        <a:pt x="1189" y="2222"/>
                      </a:lnTo>
                      <a:lnTo>
                        <a:pt x="1289" y="2269"/>
                      </a:lnTo>
                      <a:lnTo>
                        <a:pt x="1392" y="2311"/>
                      </a:lnTo>
                      <a:lnTo>
                        <a:pt x="1497" y="2348"/>
                      </a:lnTo>
                      <a:lnTo>
                        <a:pt x="1497" y="2348"/>
                      </a:lnTo>
                      <a:close/>
                      <a:moveTo>
                        <a:pt x="904" y="2056"/>
                      </a:moveTo>
                      <a:lnTo>
                        <a:pt x="816" y="1993"/>
                      </a:lnTo>
                      <a:lnTo>
                        <a:pt x="732" y="1925"/>
                      </a:lnTo>
                      <a:lnTo>
                        <a:pt x="653" y="1855"/>
                      </a:lnTo>
                      <a:lnTo>
                        <a:pt x="575" y="1779"/>
                      </a:lnTo>
                      <a:lnTo>
                        <a:pt x="503" y="1701"/>
                      </a:lnTo>
                      <a:lnTo>
                        <a:pt x="435" y="1619"/>
                      </a:lnTo>
                      <a:lnTo>
                        <a:pt x="435" y="1618"/>
                      </a:lnTo>
                      <a:lnTo>
                        <a:pt x="503" y="1699"/>
                      </a:lnTo>
                      <a:lnTo>
                        <a:pt x="577" y="1777"/>
                      </a:lnTo>
                      <a:lnTo>
                        <a:pt x="653" y="1852"/>
                      </a:lnTo>
                      <a:lnTo>
                        <a:pt x="732" y="1924"/>
                      </a:lnTo>
                      <a:lnTo>
                        <a:pt x="816" y="1991"/>
                      </a:lnTo>
                      <a:lnTo>
                        <a:pt x="904" y="2055"/>
                      </a:lnTo>
                      <a:lnTo>
                        <a:pt x="904" y="2056"/>
                      </a:lnTo>
                      <a:close/>
                      <a:moveTo>
                        <a:pt x="433" y="1616"/>
                      </a:moveTo>
                      <a:lnTo>
                        <a:pt x="369" y="1531"/>
                      </a:lnTo>
                      <a:lnTo>
                        <a:pt x="310" y="1443"/>
                      </a:lnTo>
                      <a:lnTo>
                        <a:pt x="255" y="1352"/>
                      </a:lnTo>
                      <a:lnTo>
                        <a:pt x="205" y="1259"/>
                      </a:lnTo>
                      <a:lnTo>
                        <a:pt x="161" y="1163"/>
                      </a:lnTo>
                      <a:lnTo>
                        <a:pt x="121" y="1065"/>
                      </a:lnTo>
                      <a:lnTo>
                        <a:pt x="121" y="1063"/>
                      </a:lnTo>
                      <a:lnTo>
                        <a:pt x="162" y="1161"/>
                      </a:lnTo>
                      <a:lnTo>
                        <a:pt x="206" y="1256"/>
                      </a:lnTo>
                      <a:lnTo>
                        <a:pt x="256" y="1351"/>
                      </a:lnTo>
                      <a:lnTo>
                        <a:pt x="310" y="1441"/>
                      </a:lnTo>
                      <a:lnTo>
                        <a:pt x="370" y="1529"/>
                      </a:lnTo>
                      <a:lnTo>
                        <a:pt x="433" y="1614"/>
                      </a:lnTo>
                      <a:lnTo>
                        <a:pt x="433" y="1616"/>
                      </a:lnTo>
                      <a:close/>
                      <a:moveTo>
                        <a:pt x="120" y="1061"/>
                      </a:moveTo>
                      <a:lnTo>
                        <a:pt x="86" y="960"/>
                      </a:lnTo>
                      <a:lnTo>
                        <a:pt x="57" y="857"/>
                      </a:lnTo>
                      <a:lnTo>
                        <a:pt x="34" y="752"/>
                      </a:lnTo>
                      <a:lnTo>
                        <a:pt x="17" y="646"/>
                      </a:lnTo>
                      <a:lnTo>
                        <a:pt x="5" y="538"/>
                      </a:lnTo>
                      <a:lnTo>
                        <a:pt x="1" y="429"/>
                      </a:lnTo>
                      <a:lnTo>
                        <a:pt x="1" y="426"/>
                      </a:lnTo>
                      <a:lnTo>
                        <a:pt x="6" y="536"/>
                      </a:lnTo>
                      <a:lnTo>
                        <a:pt x="17" y="644"/>
                      </a:lnTo>
                      <a:lnTo>
                        <a:pt x="35" y="750"/>
                      </a:lnTo>
                      <a:lnTo>
                        <a:pt x="57" y="854"/>
                      </a:lnTo>
                      <a:lnTo>
                        <a:pt x="86" y="958"/>
                      </a:lnTo>
                      <a:lnTo>
                        <a:pt x="120" y="1059"/>
                      </a:lnTo>
                      <a:lnTo>
                        <a:pt x="120" y="1061"/>
                      </a:lnTo>
                      <a:close/>
                      <a:moveTo>
                        <a:pt x="0" y="424"/>
                      </a:moveTo>
                      <a:lnTo>
                        <a:pt x="1" y="320"/>
                      </a:lnTo>
                      <a:lnTo>
                        <a:pt x="9" y="217"/>
                      </a:lnTo>
                      <a:lnTo>
                        <a:pt x="20" y="116"/>
                      </a:lnTo>
                      <a:lnTo>
                        <a:pt x="38" y="17"/>
                      </a:lnTo>
                      <a:lnTo>
                        <a:pt x="41" y="0"/>
                      </a:lnTo>
                      <a:lnTo>
                        <a:pt x="23" y="103"/>
                      </a:lnTo>
                      <a:lnTo>
                        <a:pt x="9" y="208"/>
                      </a:lnTo>
                      <a:lnTo>
                        <a:pt x="2" y="314"/>
                      </a:lnTo>
                      <a:lnTo>
                        <a:pt x="1" y="422"/>
                      </a:lnTo>
                      <a:lnTo>
                        <a:pt x="0" y="424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43" name="Freeform 12"/>
                <p:cNvSpPr>
                  <a:spLocks noEditPoints="1"/>
                </p:cNvSpPr>
                <p:nvPr/>
              </p:nvSpPr>
              <p:spPr bwMode="auto">
                <a:xfrm flipH="1">
                  <a:off x="1306998" y="3881302"/>
                  <a:ext cx="696514" cy="157365"/>
                </a:xfrm>
                <a:custGeom>
                  <a:avLst/>
                  <a:gdLst>
                    <a:gd name="T0" fmla="*/ 1284 w 1284"/>
                    <a:gd name="T1" fmla="*/ 259 h 292"/>
                    <a:gd name="T2" fmla="*/ 1283 w 1284"/>
                    <a:gd name="T3" fmla="*/ 259 h 292"/>
                    <a:gd name="T4" fmla="*/ 1284 w 1284"/>
                    <a:gd name="T5" fmla="*/ 259 h 292"/>
                    <a:gd name="T6" fmla="*/ 1279 w 1284"/>
                    <a:gd name="T7" fmla="*/ 261 h 292"/>
                    <a:gd name="T8" fmla="*/ 1174 w 1284"/>
                    <a:gd name="T9" fmla="*/ 278 h 292"/>
                    <a:gd name="T10" fmla="*/ 1070 w 1284"/>
                    <a:gd name="T11" fmla="*/ 288 h 292"/>
                    <a:gd name="T12" fmla="*/ 968 w 1284"/>
                    <a:gd name="T13" fmla="*/ 292 h 292"/>
                    <a:gd name="T14" fmla="*/ 867 w 1284"/>
                    <a:gd name="T15" fmla="*/ 292 h 292"/>
                    <a:gd name="T16" fmla="*/ 769 w 1284"/>
                    <a:gd name="T17" fmla="*/ 285 h 292"/>
                    <a:gd name="T18" fmla="*/ 672 w 1284"/>
                    <a:gd name="T19" fmla="*/ 272 h 292"/>
                    <a:gd name="T20" fmla="*/ 671 w 1284"/>
                    <a:gd name="T21" fmla="*/ 272 h 292"/>
                    <a:gd name="T22" fmla="*/ 671 w 1284"/>
                    <a:gd name="T23" fmla="*/ 272 h 292"/>
                    <a:gd name="T24" fmla="*/ 767 w 1284"/>
                    <a:gd name="T25" fmla="*/ 284 h 292"/>
                    <a:gd name="T26" fmla="*/ 867 w 1284"/>
                    <a:gd name="T27" fmla="*/ 291 h 292"/>
                    <a:gd name="T28" fmla="*/ 968 w 1284"/>
                    <a:gd name="T29" fmla="*/ 292 h 292"/>
                    <a:gd name="T30" fmla="*/ 1070 w 1284"/>
                    <a:gd name="T31" fmla="*/ 288 h 292"/>
                    <a:gd name="T32" fmla="*/ 1173 w 1284"/>
                    <a:gd name="T33" fmla="*/ 276 h 292"/>
                    <a:gd name="T34" fmla="*/ 1279 w 1284"/>
                    <a:gd name="T35" fmla="*/ 261 h 292"/>
                    <a:gd name="T36" fmla="*/ 1279 w 1284"/>
                    <a:gd name="T37" fmla="*/ 261 h 292"/>
                    <a:gd name="T38" fmla="*/ 1279 w 1284"/>
                    <a:gd name="T39" fmla="*/ 261 h 292"/>
                    <a:gd name="T40" fmla="*/ 668 w 1284"/>
                    <a:gd name="T41" fmla="*/ 272 h 292"/>
                    <a:gd name="T42" fmla="*/ 574 w 1284"/>
                    <a:gd name="T43" fmla="*/ 254 h 292"/>
                    <a:gd name="T44" fmla="*/ 481 w 1284"/>
                    <a:gd name="T45" fmla="*/ 231 h 292"/>
                    <a:gd name="T46" fmla="*/ 390 w 1284"/>
                    <a:gd name="T47" fmla="*/ 203 h 292"/>
                    <a:gd name="T48" fmla="*/ 304 w 1284"/>
                    <a:gd name="T49" fmla="*/ 169 h 292"/>
                    <a:gd name="T50" fmla="*/ 219 w 1284"/>
                    <a:gd name="T51" fmla="*/ 131 h 292"/>
                    <a:gd name="T52" fmla="*/ 137 w 1284"/>
                    <a:gd name="T53" fmla="*/ 88 h 292"/>
                    <a:gd name="T54" fmla="*/ 137 w 1284"/>
                    <a:gd name="T55" fmla="*/ 88 h 292"/>
                    <a:gd name="T56" fmla="*/ 135 w 1284"/>
                    <a:gd name="T57" fmla="*/ 87 h 292"/>
                    <a:gd name="T58" fmla="*/ 218 w 1284"/>
                    <a:gd name="T59" fmla="*/ 130 h 292"/>
                    <a:gd name="T60" fmla="*/ 301 w 1284"/>
                    <a:gd name="T61" fmla="*/ 168 h 292"/>
                    <a:gd name="T62" fmla="*/ 389 w 1284"/>
                    <a:gd name="T63" fmla="*/ 202 h 292"/>
                    <a:gd name="T64" fmla="*/ 479 w 1284"/>
                    <a:gd name="T65" fmla="*/ 231 h 292"/>
                    <a:gd name="T66" fmla="*/ 572 w 1284"/>
                    <a:gd name="T67" fmla="*/ 254 h 292"/>
                    <a:gd name="T68" fmla="*/ 667 w 1284"/>
                    <a:gd name="T69" fmla="*/ 271 h 292"/>
                    <a:gd name="T70" fmla="*/ 668 w 1284"/>
                    <a:gd name="T71" fmla="*/ 271 h 292"/>
                    <a:gd name="T72" fmla="*/ 668 w 1284"/>
                    <a:gd name="T73" fmla="*/ 272 h 292"/>
                    <a:gd name="T74" fmla="*/ 134 w 1284"/>
                    <a:gd name="T75" fmla="*/ 87 h 292"/>
                    <a:gd name="T76" fmla="*/ 70 w 1284"/>
                    <a:gd name="T77" fmla="*/ 47 h 292"/>
                    <a:gd name="T78" fmla="*/ 7 w 1284"/>
                    <a:gd name="T79" fmla="*/ 5 h 292"/>
                    <a:gd name="T80" fmla="*/ 4 w 1284"/>
                    <a:gd name="T81" fmla="*/ 3 h 292"/>
                    <a:gd name="T82" fmla="*/ 0 w 1284"/>
                    <a:gd name="T83" fmla="*/ 0 h 292"/>
                    <a:gd name="T84" fmla="*/ 65 w 1284"/>
                    <a:gd name="T85" fmla="*/ 45 h 292"/>
                    <a:gd name="T86" fmla="*/ 133 w 1284"/>
                    <a:gd name="T87" fmla="*/ 85 h 292"/>
                    <a:gd name="T88" fmla="*/ 133 w 1284"/>
                    <a:gd name="T89" fmla="*/ 85 h 292"/>
                    <a:gd name="T90" fmla="*/ 134 w 1284"/>
                    <a:gd name="T91" fmla="*/ 87 h 292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  <a:cxn ang="0">
                      <a:pos x="T86" y="T87"/>
                    </a:cxn>
                    <a:cxn ang="0">
                      <a:pos x="T88" y="T89"/>
                    </a:cxn>
                    <a:cxn ang="0">
                      <a:pos x="T90" y="T91"/>
                    </a:cxn>
                  </a:cxnLst>
                  <a:rect l="0" t="0" r="r" b="b"/>
                  <a:pathLst>
                    <a:path w="1284" h="292">
                      <a:moveTo>
                        <a:pt x="1284" y="259"/>
                      </a:moveTo>
                      <a:lnTo>
                        <a:pt x="1283" y="259"/>
                      </a:lnTo>
                      <a:lnTo>
                        <a:pt x="1284" y="259"/>
                      </a:lnTo>
                      <a:close/>
                      <a:moveTo>
                        <a:pt x="1279" y="261"/>
                      </a:moveTo>
                      <a:lnTo>
                        <a:pt x="1174" y="278"/>
                      </a:lnTo>
                      <a:lnTo>
                        <a:pt x="1070" y="288"/>
                      </a:lnTo>
                      <a:lnTo>
                        <a:pt x="968" y="292"/>
                      </a:lnTo>
                      <a:lnTo>
                        <a:pt x="867" y="292"/>
                      </a:lnTo>
                      <a:lnTo>
                        <a:pt x="769" y="285"/>
                      </a:lnTo>
                      <a:lnTo>
                        <a:pt x="672" y="272"/>
                      </a:lnTo>
                      <a:lnTo>
                        <a:pt x="671" y="272"/>
                      </a:lnTo>
                      <a:lnTo>
                        <a:pt x="671" y="272"/>
                      </a:lnTo>
                      <a:lnTo>
                        <a:pt x="767" y="284"/>
                      </a:lnTo>
                      <a:lnTo>
                        <a:pt x="867" y="291"/>
                      </a:lnTo>
                      <a:lnTo>
                        <a:pt x="968" y="292"/>
                      </a:lnTo>
                      <a:lnTo>
                        <a:pt x="1070" y="288"/>
                      </a:lnTo>
                      <a:lnTo>
                        <a:pt x="1173" y="276"/>
                      </a:lnTo>
                      <a:lnTo>
                        <a:pt x="1279" y="261"/>
                      </a:lnTo>
                      <a:lnTo>
                        <a:pt x="1279" y="261"/>
                      </a:lnTo>
                      <a:lnTo>
                        <a:pt x="1279" y="261"/>
                      </a:lnTo>
                      <a:close/>
                      <a:moveTo>
                        <a:pt x="668" y="272"/>
                      </a:moveTo>
                      <a:lnTo>
                        <a:pt x="574" y="254"/>
                      </a:lnTo>
                      <a:lnTo>
                        <a:pt x="481" y="231"/>
                      </a:lnTo>
                      <a:lnTo>
                        <a:pt x="390" y="203"/>
                      </a:lnTo>
                      <a:lnTo>
                        <a:pt x="304" y="169"/>
                      </a:lnTo>
                      <a:lnTo>
                        <a:pt x="219" y="131"/>
                      </a:lnTo>
                      <a:lnTo>
                        <a:pt x="137" y="88"/>
                      </a:lnTo>
                      <a:lnTo>
                        <a:pt x="137" y="88"/>
                      </a:lnTo>
                      <a:lnTo>
                        <a:pt x="135" y="87"/>
                      </a:lnTo>
                      <a:lnTo>
                        <a:pt x="218" y="130"/>
                      </a:lnTo>
                      <a:lnTo>
                        <a:pt x="301" y="168"/>
                      </a:lnTo>
                      <a:lnTo>
                        <a:pt x="389" y="202"/>
                      </a:lnTo>
                      <a:lnTo>
                        <a:pt x="479" y="231"/>
                      </a:lnTo>
                      <a:lnTo>
                        <a:pt x="572" y="254"/>
                      </a:lnTo>
                      <a:lnTo>
                        <a:pt x="667" y="271"/>
                      </a:lnTo>
                      <a:lnTo>
                        <a:pt x="668" y="271"/>
                      </a:lnTo>
                      <a:lnTo>
                        <a:pt x="668" y="272"/>
                      </a:lnTo>
                      <a:close/>
                      <a:moveTo>
                        <a:pt x="134" y="87"/>
                      </a:moveTo>
                      <a:lnTo>
                        <a:pt x="70" y="47"/>
                      </a:lnTo>
                      <a:lnTo>
                        <a:pt x="7" y="5"/>
                      </a:lnTo>
                      <a:lnTo>
                        <a:pt x="4" y="3"/>
                      </a:lnTo>
                      <a:lnTo>
                        <a:pt x="0" y="0"/>
                      </a:lnTo>
                      <a:lnTo>
                        <a:pt x="65" y="45"/>
                      </a:lnTo>
                      <a:lnTo>
                        <a:pt x="133" y="85"/>
                      </a:lnTo>
                      <a:lnTo>
                        <a:pt x="133" y="85"/>
                      </a:lnTo>
                      <a:lnTo>
                        <a:pt x="134" y="87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44" name="Freeform 13"/>
                <p:cNvSpPr>
                  <a:spLocks noEditPoints="1"/>
                </p:cNvSpPr>
                <p:nvPr/>
              </p:nvSpPr>
              <p:spPr bwMode="auto">
                <a:xfrm flipH="1">
                  <a:off x="1306999" y="4020881"/>
                  <a:ext cx="272313" cy="56586"/>
                </a:xfrm>
                <a:custGeom>
                  <a:avLst/>
                  <a:gdLst>
                    <a:gd name="T0" fmla="*/ 502 w 502"/>
                    <a:gd name="T1" fmla="*/ 0 h 105"/>
                    <a:gd name="T2" fmla="*/ 501 w 502"/>
                    <a:gd name="T3" fmla="*/ 0 h 105"/>
                    <a:gd name="T4" fmla="*/ 502 w 502"/>
                    <a:gd name="T5" fmla="*/ 0 h 105"/>
                    <a:gd name="T6" fmla="*/ 498 w 502"/>
                    <a:gd name="T7" fmla="*/ 2 h 105"/>
                    <a:gd name="T8" fmla="*/ 421 w 502"/>
                    <a:gd name="T9" fmla="*/ 40 h 105"/>
                    <a:gd name="T10" fmla="*/ 344 w 502"/>
                    <a:gd name="T11" fmla="*/ 70 h 105"/>
                    <a:gd name="T12" fmla="*/ 269 w 502"/>
                    <a:gd name="T13" fmla="*/ 89 h 105"/>
                    <a:gd name="T14" fmla="*/ 196 w 502"/>
                    <a:gd name="T15" fmla="*/ 101 h 105"/>
                    <a:gd name="T16" fmla="*/ 124 w 502"/>
                    <a:gd name="T17" fmla="*/ 105 h 105"/>
                    <a:gd name="T18" fmla="*/ 123 w 502"/>
                    <a:gd name="T19" fmla="*/ 104 h 105"/>
                    <a:gd name="T20" fmla="*/ 195 w 502"/>
                    <a:gd name="T21" fmla="*/ 101 h 105"/>
                    <a:gd name="T22" fmla="*/ 268 w 502"/>
                    <a:gd name="T23" fmla="*/ 89 h 105"/>
                    <a:gd name="T24" fmla="*/ 344 w 502"/>
                    <a:gd name="T25" fmla="*/ 70 h 105"/>
                    <a:gd name="T26" fmla="*/ 421 w 502"/>
                    <a:gd name="T27" fmla="*/ 40 h 105"/>
                    <a:gd name="T28" fmla="*/ 498 w 502"/>
                    <a:gd name="T29" fmla="*/ 2 h 105"/>
                    <a:gd name="T30" fmla="*/ 498 w 502"/>
                    <a:gd name="T31" fmla="*/ 2 h 105"/>
                    <a:gd name="T32" fmla="*/ 122 w 502"/>
                    <a:gd name="T33" fmla="*/ 105 h 105"/>
                    <a:gd name="T34" fmla="*/ 61 w 502"/>
                    <a:gd name="T35" fmla="*/ 101 h 105"/>
                    <a:gd name="T36" fmla="*/ 2 w 502"/>
                    <a:gd name="T37" fmla="*/ 91 h 105"/>
                    <a:gd name="T38" fmla="*/ 0 w 502"/>
                    <a:gd name="T39" fmla="*/ 91 h 105"/>
                    <a:gd name="T40" fmla="*/ 59 w 502"/>
                    <a:gd name="T41" fmla="*/ 100 h 105"/>
                    <a:gd name="T42" fmla="*/ 120 w 502"/>
                    <a:gd name="T43" fmla="*/ 104 h 105"/>
                    <a:gd name="T44" fmla="*/ 122 w 502"/>
                    <a:gd name="T45" fmla="*/ 105 h 105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</a:cxnLst>
                  <a:rect l="0" t="0" r="r" b="b"/>
                  <a:pathLst>
                    <a:path w="502" h="105">
                      <a:moveTo>
                        <a:pt x="502" y="0"/>
                      </a:moveTo>
                      <a:lnTo>
                        <a:pt x="501" y="0"/>
                      </a:lnTo>
                      <a:lnTo>
                        <a:pt x="502" y="0"/>
                      </a:lnTo>
                      <a:close/>
                      <a:moveTo>
                        <a:pt x="498" y="2"/>
                      </a:moveTo>
                      <a:lnTo>
                        <a:pt x="421" y="40"/>
                      </a:lnTo>
                      <a:lnTo>
                        <a:pt x="344" y="70"/>
                      </a:lnTo>
                      <a:lnTo>
                        <a:pt x="269" y="89"/>
                      </a:lnTo>
                      <a:lnTo>
                        <a:pt x="196" y="101"/>
                      </a:lnTo>
                      <a:lnTo>
                        <a:pt x="124" y="105"/>
                      </a:lnTo>
                      <a:lnTo>
                        <a:pt x="123" y="104"/>
                      </a:lnTo>
                      <a:lnTo>
                        <a:pt x="195" y="101"/>
                      </a:lnTo>
                      <a:lnTo>
                        <a:pt x="268" y="89"/>
                      </a:lnTo>
                      <a:lnTo>
                        <a:pt x="344" y="70"/>
                      </a:lnTo>
                      <a:lnTo>
                        <a:pt x="421" y="40"/>
                      </a:lnTo>
                      <a:lnTo>
                        <a:pt x="498" y="2"/>
                      </a:lnTo>
                      <a:lnTo>
                        <a:pt x="498" y="2"/>
                      </a:lnTo>
                      <a:close/>
                      <a:moveTo>
                        <a:pt x="122" y="105"/>
                      </a:moveTo>
                      <a:lnTo>
                        <a:pt x="61" y="101"/>
                      </a:lnTo>
                      <a:lnTo>
                        <a:pt x="2" y="91"/>
                      </a:lnTo>
                      <a:lnTo>
                        <a:pt x="0" y="91"/>
                      </a:lnTo>
                      <a:lnTo>
                        <a:pt x="59" y="100"/>
                      </a:lnTo>
                      <a:lnTo>
                        <a:pt x="120" y="104"/>
                      </a:lnTo>
                      <a:lnTo>
                        <a:pt x="122" y="105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45" name="Freeform 14"/>
                <p:cNvSpPr>
                  <a:spLocks noEditPoints="1"/>
                </p:cNvSpPr>
                <p:nvPr/>
              </p:nvSpPr>
              <p:spPr bwMode="auto">
                <a:xfrm flipH="1">
                  <a:off x="1306998" y="4020881"/>
                  <a:ext cx="33090" cy="76527"/>
                </a:xfrm>
                <a:custGeom>
                  <a:avLst/>
                  <a:gdLst>
                    <a:gd name="T0" fmla="*/ 61 w 61"/>
                    <a:gd name="T1" fmla="*/ 0 h 142"/>
                    <a:gd name="T2" fmla="*/ 61 w 61"/>
                    <a:gd name="T3" fmla="*/ 0 h 142"/>
                    <a:gd name="T4" fmla="*/ 61 w 61"/>
                    <a:gd name="T5" fmla="*/ 0 h 142"/>
                    <a:gd name="T6" fmla="*/ 60 w 61"/>
                    <a:gd name="T7" fmla="*/ 3 h 142"/>
                    <a:gd name="T8" fmla="*/ 50 w 61"/>
                    <a:gd name="T9" fmla="*/ 47 h 142"/>
                    <a:gd name="T10" fmla="*/ 39 w 61"/>
                    <a:gd name="T11" fmla="*/ 84 h 142"/>
                    <a:gd name="T12" fmla="*/ 30 w 61"/>
                    <a:gd name="T13" fmla="*/ 112 h 142"/>
                    <a:gd name="T14" fmla="*/ 19 w 61"/>
                    <a:gd name="T15" fmla="*/ 130 h 142"/>
                    <a:gd name="T16" fmla="*/ 9 w 61"/>
                    <a:gd name="T17" fmla="*/ 139 h 142"/>
                    <a:gd name="T18" fmla="*/ 6 w 61"/>
                    <a:gd name="T19" fmla="*/ 139 h 142"/>
                    <a:gd name="T20" fmla="*/ 17 w 61"/>
                    <a:gd name="T21" fmla="*/ 130 h 142"/>
                    <a:gd name="T22" fmla="*/ 29 w 61"/>
                    <a:gd name="T23" fmla="*/ 112 h 142"/>
                    <a:gd name="T24" fmla="*/ 39 w 61"/>
                    <a:gd name="T25" fmla="*/ 84 h 142"/>
                    <a:gd name="T26" fmla="*/ 50 w 61"/>
                    <a:gd name="T27" fmla="*/ 47 h 142"/>
                    <a:gd name="T28" fmla="*/ 60 w 61"/>
                    <a:gd name="T29" fmla="*/ 3 h 142"/>
                    <a:gd name="T30" fmla="*/ 60 w 61"/>
                    <a:gd name="T31" fmla="*/ 3 h 142"/>
                    <a:gd name="T32" fmla="*/ 9 w 61"/>
                    <a:gd name="T33" fmla="*/ 139 h 142"/>
                    <a:gd name="T34" fmla="*/ 5 w 61"/>
                    <a:gd name="T35" fmla="*/ 140 h 142"/>
                    <a:gd name="T36" fmla="*/ 2 w 61"/>
                    <a:gd name="T37" fmla="*/ 142 h 142"/>
                    <a:gd name="T38" fmla="*/ 0 w 61"/>
                    <a:gd name="T39" fmla="*/ 142 h 142"/>
                    <a:gd name="T40" fmla="*/ 4 w 61"/>
                    <a:gd name="T41" fmla="*/ 140 h 142"/>
                    <a:gd name="T42" fmla="*/ 6 w 61"/>
                    <a:gd name="T43" fmla="*/ 139 h 142"/>
                    <a:gd name="T44" fmla="*/ 9 w 61"/>
                    <a:gd name="T45" fmla="*/ 139 h 142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</a:cxnLst>
                  <a:rect l="0" t="0" r="r" b="b"/>
                  <a:pathLst>
                    <a:path w="61" h="142">
                      <a:moveTo>
                        <a:pt x="61" y="0"/>
                      </a:moveTo>
                      <a:lnTo>
                        <a:pt x="61" y="0"/>
                      </a:lnTo>
                      <a:lnTo>
                        <a:pt x="61" y="0"/>
                      </a:lnTo>
                      <a:close/>
                      <a:moveTo>
                        <a:pt x="60" y="3"/>
                      </a:moveTo>
                      <a:lnTo>
                        <a:pt x="50" y="47"/>
                      </a:lnTo>
                      <a:lnTo>
                        <a:pt x="39" y="84"/>
                      </a:lnTo>
                      <a:lnTo>
                        <a:pt x="30" y="112"/>
                      </a:lnTo>
                      <a:lnTo>
                        <a:pt x="19" y="130"/>
                      </a:lnTo>
                      <a:lnTo>
                        <a:pt x="9" y="139"/>
                      </a:lnTo>
                      <a:lnTo>
                        <a:pt x="6" y="139"/>
                      </a:lnTo>
                      <a:lnTo>
                        <a:pt x="17" y="130"/>
                      </a:lnTo>
                      <a:lnTo>
                        <a:pt x="29" y="112"/>
                      </a:lnTo>
                      <a:lnTo>
                        <a:pt x="39" y="84"/>
                      </a:lnTo>
                      <a:lnTo>
                        <a:pt x="50" y="47"/>
                      </a:lnTo>
                      <a:lnTo>
                        <a:pt x="60" y="3"/>
                      </a:lnTo>
                      <a:lnTo>
                        <a:pt x="60" y="3"/>
                      </a:lnTo>
                      <a:close/>
                      <a:moveTo>
                        <a:pt x="9" y="139"/>
                      </a:moveTo>
                      <a:lnTo>
                        <a:pt x="5" y="140"/>
                      </a:lnTo>
                      <a:lnTo>
                        <a:pt x="2" y="142"/>
                      </a:lnTo>
                      <a:lnTo>
                        <a:pt x="0" y="142"/>
                      </a:lnTo>
                      <a:lnTo>
                        <a:pt x="4" y="140"/>
                      </a:lnTo>
                      <a:lnTo>
                        <a:pt x="6" y="139"/>
                      </a:lnTo>
                      <a:lnTo>
                        <a:pt x="9" y="139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46" name="Freeform 15"/>
                <p:cNvSpPr>
                  <a:spLocks noEditPoints="1"/>
                </p:cNvSpPr>
                <p:nvPr/>
              </p:nvSpPr>
              <p:spPr bwMode="auto">
                <a:xfrm flipH="1">
                  <a:off x="1110086" y="4020881"/>
                  <a:ext cx="196912" cy="59281"/>
                </a:xfrm>
                <a:custGeom>
                  <a:avLst/>
                  <a:gdLst>
                    <a:gd name="T0" fmla="*/ 0 w 363"/>
                    <a:gd name="T1" fmla="*/ 0 h 110"/>
                    <a:gd name="T2" fmla="*/ 0 w 363"/>
                    <a:gd name="T3" fmla="*/ 0 h 110"/>
                    <a:gd name="T4" fmla="*/ 0 w 363"/>
                    <a:gd name="T5" fmla="*/ 0 h 110"/>
                    <a:gd name="T6" fmla="*/ 2 w 363"/>
                    <a:gd name="T7" fmla="*/ 2 h 110"/>
                    <a:gd name="T8" fmla="*/ 63 w 363"/>
                    <a:gd name="T9" fmla="*/ 41 h 110"/>
                    <a:gd name="T10" fmla="*/ 125 w 363"/>
                    <a:gd name="T11" fmla="*/ 71 h 110"/>
                    <a:gd name="T12" fmla="*/ 184 w 363"/>
                    <a:gd name="T13" fmla="*/ 93 h 110"/>
                    <a:gd name="T14" fmla="*/ 241 w 363"/>
                    <a:gd name="T15" fmla="*/ 105 h 110"/>
                    <a:gd name="T16" fmla="*/ 296 w 363"/>
                    <a:gd name="T17" fmla="*/ 110 h 110"/>
                    <a:gd name="T18" fmla="*/ 296 w 363"/>
                    <a:gd name="T19" fmla="*/ 110 h 110"/>
                    <a:gd name="T20" fmla="*/ 295 w 363"/>
                    <a:gd name="T21" fmla="*/ 110 h 110"/>
                    <a:gd name="T22" fmla="*/ 239 w 363"/>
                    <a:gd name="T23" fmla="*/ 106 h 110"/>
                    <a:gd name="T24" fmla="*/ 182 w 363"/>
                    <a:gd name="T25" fmla="*/ 93 h 110"/>
                    <a:gd name="T26" fmla="*/ 123 w 363"/>
                    <a:gd name="T27" fmla="*/ 72 h 110"/>
                    <a:gd name="T28" fmla="*/ 63 w 363"/>
                    <a:gd name="T29" fmla="*/ 41 h 110"/>
                    <a:gd name="T30" fmla="*/ 2 w 363"/>
                    <a:gd name="T31" fmla="*/ 2 h 110"/>
                    <a:gd name="T32" fmla="*/ 2 w 363"/>
                    <a:gd name="T33" fmla="*/ 2 h 110"/>
                    <a:gd name="T34" fmla="*/ 299 w 363"/>
                    <a:gd name="T35" fmla="*/ 110 h 110"/>
                    <a:gd name="T36" fmla="*/ 332 w 363"/>
                    <a:gd name="T37" fmla="*/ 108 h 110"/>
                    <a:gd name="T38" fmla="*/ 363 w 363"/>
                    <a:gd name="T39" fmla="*/ 104 h 110"/>
                    <a:gd name="T40" fmla="*/ 363 w 363"/>
                    <a:gd name="T41" fmla="*/ 104 h 110"/>
                    <a:gd name="T42" fmla="*/ 360 w 363"/>
                    <a:gd name="T43" fmla="*/ 104 h 110"/>
                    <a:gd name="T44" fmla="*/ 329 w 363"/>
                    <a:gd name="T45" fmla="*/ 109 h 110"/>
                    <a:gd name="T46" fmla="*/ 296 w 363"/>
                    <a:gd name="T47" fmla="*/ 110 h 110"/>
                    <a:gd name="T48" fmla="*/ 299 w 363"/>
                    <a:gd name="T49" fmla="*/ 110 h 110"/>
                    <a:gd name="T50" fmla="*/ 299 w 363"/>
                    <a:gd name="T51" fmla="*/ 110 h 110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</a:cxnLst>
                  <a:rect l="0" t="0" r="r" b="b"/>
                  <a:pathLst>
                    <a:path w="363" h="110">
                      <a:moveTo>
                        <a:pt x="0" y="0"/>
                      </a:moveTo>
                      <a:lnTo>
                        <a:pt x="0" y="0"/>
                      </a:lnTo>
                      <a:lnTo>
                        <a:pt x="0" y="0"/>
                      </a:lnTo>
                      <a:close/>
                      <a:moveTo>
                        <a:pt x="2" y="2"/>
                      </a:moveTo>
                      <a:lnTo>
                        <a:pt x="63" y="41"/>
                      </a:lnTo>
                      <a:lnTo>
                        <a:pt x="125" y="71"/>
                      </a:lnTo>
                      <a:lnTo>
                        <a:pt x="184" y="93"/>
                      </a:lnTo>
                      <a:lnTo>
                        <a:pt x="241" y="105"/>
                      </a:lnTo>
                      <a:lnTo>
                        <a:pt x="296" y="110"/>
                      </a:lnTo>
                      <a:lnTo>
                        <a:pt x="296" y="110"/>
                      </a:lnTo>
                      <a:lnTo>
                        <a:pt x="295" y="110"/>
                      </a:lnTo>
                      <a:lnTo>
                        <a:pt x="239" y="106"/>
                      </a:lnTo>
                      <a:lnTo>
                        <a:pt x="182" y="93"/>
                      </a:lnTo>
                      <a:lnTo>
                        <a:pt x="123" y="72"/>
                      </a:lnTo>
                      <a:lnTo>
                        <a:pt x="63" y="41"/>
                      </a:lnTo>
                      <a:lnTo>
                        <a:pt x="2" y="2"/>
                      </a:lnTo>
                      <a:lnTo>
                        <a:pt x="2" y="2"/>
                      </a:lnTo>
                      <a:close/>
                      <a:moveTo>
                        <a:pt x="299" y="110"/>
                      </a:moveTo>
                      <a:lnTo>
                        <a:pt x="332" y="108"/>
                      </a:lnTo>
                      <a:lnTo>
                        <a:pt x="363" y="104"/>
                      </a:lnTo>
                      <a:lnTo>
                        <a:pt x="363" y="104"/>
                      </a:lnTo>
                      <a:lnTo>
                        <a:pt x="360" y="104"/>
                      </a:lnTo>
                      <a:lnTo>
                        <a:pt x="329" y="109"/>
                      </a:lnTo>
                      <a:lnTo>
                        <a:pt x="296" y="110"/>
                      </a:lnTo>
                      <a:lnTo>
                        <a:pt x="299" y="110"/>
                      </a:lnTo>
                      <a:lnTo>
                        <a:pt x="299" y="110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47" name="Freeform 16"/>
                <p:cNvSpPr>
                  <a:spLocks noEditPoints="1"/>
                </p:cNvSpPr>
                <p:nvPr/>
              </p:nvSpPr>
              <p:spPr bwMode="auto">
                <a:xfrm flipH="1">
                  <a:off x="758575" y="3949745"/>
                  <a:ext cx="548423" cy="92694"/>
                </a:xfrm>
                <a:custGeom>
                  <a:avLst/>
                  <a:gdLst>
                    <a:gd name="T0" fmla="*/ 0 w 1011"/>
                    <a:gd name="T1" fmla="*/ 132 h 172"/>
                    <a:gd name="T2" fmla="*/ 0 w 1011"/>
                    <a:gd name="T3" fmla="*/ 132 h 172"/>
                    <a:gd name="T4" fmla="*/ 0 w 1011"/>
                    <a:gd name="T5" fmla="*/ 132 h 172"/>
                    <a:gd name="T6" fmla="*/ 0 w 1011"/>
                    <a:gd name="T7" fmla="*/ 132 h 172"/>
                    <a:gd name="T8" fmla="*/ 4 w 1011"/>
                    <a:gd name="T9" fmla="*/ 134 h 172"/>
                    <a:gd name="T10" fmla="*/ 102 w 1011"/>
                    <a:gd name="T11" fmla="*/ 152 h 172"/>
                    <a:gd name="T12" fmla="*/ 198 w 1011"/>
                    <a:gd name="T13" fmla="*/ 164 h 172"/>
                    <a:gd name="T14" fmla="*/ 292 w 1011"/>
                    <a:gd name="T15" fmla="*/ 170 h 172"/>
                    <a:gd name="T16" fmla="*/ 385 w 1011"/>
                    <a:gd name="T17" fmla="*/ 170 h 172"/>
                    <a:gd name="T18" fmla="*/ 475 w 1011"/>
                    <a:gd name="T19" fmla="*/ 165 h 172"/>
                    <a:gd name="T20" fmla="*/ 564 w 1011"/>
                    <a:gd name="T21" fmla="*/ 155 h 172"/>
                    <a:gd name="T22" fmla="*/ 563 w 1011"/>
                    <a:gd name="T23" fmla="*/ 156 h 172"/>
                    <a:gd name="T24" fmla="*/ 474 w 1011"/>
                    <a:gd name="T25" fmla="*/ 166 h 172"/>
                    <a:gd name="T26" fmla="*/ 384 w 1011"/>
                    <a:gd name="T27" fmla="*/ 172 h 172"/>
                    <a:gd name="T28" fmla="*/ 291 w 1011"/>
                    <a:gd name="T29" fmla="*/ 170 h 172"/>
                    <a:gd name="T30" fmla="*/ 198 w 1011"/>
                    <a:gd name="T31" fmla="*/ 164 h 172"/>
                    <a:gd name="T32" fmla="*/ 101 w 1011"/>
                    <a:gd name="T33" fmla="*/ 152 h 172"/>
                    <a:gd name="T34" fmla="*/ 4 w 1011"/>
                    <a:gd name="T35" fmla="*/ 134 h 172"/>
                    <a:gd name="T36" fmla="*/ 4 w 1011"/>
                    <a:gd name="T37" fmla="*/ 134 h 172"/>
                    <a:gd name="T38" fmla="*/ 567 w 1011"/>
                    <a:gd name="T39" fmla="*/ 155 h 172"/>
                    <a:gd name="T40" fmla="*/ 663 w 1011"/>
                    <a:gd name="T41" fmla="*/ 136 h 172"/>
                    <a:gd name="T42" fmla="*/ 754 w 1011"/>
                    <a:gd name="T43" fmla="*/ 111 h 172"/>
                    <a:gd name="T44" fmla="*/ 843 w 1011"/>
                    <a:gd name="T45" fmla="*/ 80 h 172"/>
                    <a:gd name="T46" fmla="*/ 928 w 1011"/>
                    <a:gd name="T47" fmla="*/ 43 h 172"/>
                    <a:gd name="T48" fmla="*/ 1011 w 1011"/>
                    <a:gd name="T49" fmla="*/ 0 h 172"/>
                    <a:gd name="T50" fmla="*/ 1006 w 1011"/>
                    <a:gd name="T51" fmla="*/ 4 h 172"/>
                    <a:gd name="T52" fmla="*/ 924 w 1011"/>
                    <a:gd name="T53" fmla="*/ 46 h 172"/>
                    <a:gd name="T54" fmla="*/ 839 w 1011"/>
                    <a:gd name="T55" fmla="*/ 83 h 172"/>
                    <a:gd name="T56" fmla="*/ 750 w 1011"/>
                    <a:gd name="T57" fmla="*/ 113 h 172"/>
                    <a:gd name="T58" fmla="*/ 660 w 1011"/>
                    <a:gd name="T59" fmla="*/ 136 h 172"/>
                    <a:gd name="T60" fmla="*/ 566 w 1011"/>
                    <a:gd name="T61" fmla="*/ 155 h 172"/>
                    <a:gd name="T62" fmla="*/ 567 w 1011"/>
                    <a:gd name="T63" fmla="*/ 155 h 172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</a:cxnLst>
                  <a:rect l="0" t="0" r="r" b="b"/>
                  <a:pathLst>
                    <a:path w="1011" h="172">
                      <a:moveTo>
                        <a:pt x="0" y="132"/>
                      </a:moveTo>
                      <a:lnTo>
                        <a:pt x="0" y="132"/>
                      </a:lnTo>
                      <a:lnTo>
                        <a:pt x="0" y="132"/>
                      </a:lnTo>
                      <a:lnTo>
                        <a:pt x="0" y="132"/>
                      </a:lnTo>
                      <a:close/>
                      <a:moveTo>
                        <a:pt x="4" y="134"/>
                      </a:moveTo>
                      <a:lnTo>
                        <a:pt x="102" y="152"/>
                      </a:lnTo>
                      <a:lnTo>
                        <a:pt x="198" y="164"/>
                      </a:lnTo>
                      <a:lnTo>
                        <a:pt x="292" y="170"/>
                      </a:lnTo>
                      <a:lnTo>
                        <a:pt x="385" y="170"/>
                      </a:lnTo>
                      <a:lnTo>
                        <a:pt x="475" y="165"/>
                      </a:lnTo>
                      <a:lnTo>
                        <a:pt x="564" y="155"/>
                      </a:lnTo>
                      <a:lnTo>
                        <a:pt x="563" y="156"/>
                      </a:lnTo>
                      <a:lnTo>
                        <a:pt x="474" y="166"/>
                      </a:lnTo>
                      <a:lnTo>
                        <a:pt x="384" y="172"/>
                      </a:lnTo>
                      <a:lnTo>
                        <a:pt x="291" y="170"/>
                      </a:lnTo>
                      <a:lnTo>
                        <a:pt x="198" y="164"/>
                      </a:lnTo>
                      <a:lnTo>
                        <a:pt x="101" y="152"/>
                      </a:lnTo>
                      <a:lnTo>
                        <a:pt x="4" y="134"/>
                      </a:lnTo>
                      <a:lnTo>
                        <a:pt x="4" y="134"/>
                      </a:lnTo>
                      <a:close/>
                      <a:moveTo>
                        <a:pt x="567" y="155"/>
                      </a:moveTo>
                      <a:lnTo>
                        <a:pt x="663" y="136"/>
                      </a:lnTo>
                      <a:lnTo>
                        <a:pt x="754" y="111"/>
                      </a:lnTo>
                      <a:lnTo>
                        <a:pt x="843" y="80"/>
                      </a:lnTo>
                      <a:lnTo>
                        <a:pt x="928" y="43"/>
                      </a:lnTo>
                      <a:lnTo>
                        <a:pt x="1011" y="0"/>
                      </a:lnTo>
                      <a:lnTo>
                        <a:pt x="1006" y="4"/>
                      </a:lnTo>
                      <a:lnTo>
                        <a:pt x="924" y="46"/>
                      </a:lnTo>
                      <a:lnTo>
                        <a:pt x="839" y="83"/>
                      </a:lnTo>
                      <a:lnTo>
                        <a:pt x="750" y="113"/>
                      </a:lnTo>
                      <a:lnTo>
                        <a:pt x="660" y="136"/>
                      </a:lnTo>
                      <a:lnTo>
                        <a:pt x="566" y="155"/>
                      </a:lnTo>
                      <a:lnTo>
                        <a:pt x="567" y="155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48" name="Freeform 17"/>
                <p:cNvSpPr>
                  <a:spLocks noEditPoints="1"/>
                </p:cNvSpPr>
                <p:nvPr/>
              </p:nvSpPr>
              <p:spPr bwMode="auto">
                <a:xfrm flipH="1">
                  <a:off x="185739" y="3180170"/>
                  <a:ext cx="1121258" cy="840711"/>
                </a:xfrm>
                <a:custGeom>
                  <a:avLst/>
                  <a:gdLst>
                    <a:gd name="T0" fmla="*/ 0 w 2067"/>
                    <a:gd name="T1" fmla="*/ 1560 h 1560"/>
                    <a:gd name="T2" fmla="*/ 6 w 2067"/>
                    <a:gd name="T3" fmla="*/ 1560 h 1560"/>
                    <a:gd name="T4" fmla="*/ 237 w 2067"/>
                    <a:gd name="T5" fmla="*/ 1551 h 1560"/>
                    <a:gd name="T6" fmla="*/ 461 w 2067"/>
                    <a:gd name="T7" fmla="*/ 1518 h 1560"/>
                    <a:gd name="T8" fmla="*/ 676 w 2067"/>
                    <a:gd name="T9" fmla="*/ 1465 h 1560"/>
                    <a:gd name="T10" fmla="*/ 570 w 2067"/>
                    <a:gd name="T11" fmla="*/ 1495 h 1560"/>
                    <a:gd name="T12" fmla="*/ 350 w 2067"/>
                    <a:gd name="T13" fmla="*/ 1538 h 1560"/>
                    <a:gd name="T14" fmla="*/ 122 w 2067"/>
                    <a:gd name="T15" fmla="*/ 1559 h 1560"/>
                    <a:gd name="T16" fmla="*/ 6 w 2067"/>
                    <a:gd name="T17" fmla="*/ 1560 h 1560"/>
                    <a:gd name="T18" fmla="*/ 784 w 2067"/>
                    <a:gd name="T19" fmla="*/ 1429 h 1560"/>
                    <a:gd name="T20" fmla="*/ 983 w 2067"/>
                    <a:gd name="T21" fmla="*/ 1346 h 1560"/>
                    <a:gd name="T22" fmla="*/ 1170 w 2067"/>
                    <a:gd name="T23" fmla="*/ 1244 h 1560"/>
                    <a:gd name="T24" fmla="*/ 1259 w 2067"/>
                    <a:gd name="T25" fmla="*/ 1187 h 1560"/>
                    <a:gd name="T26" fmla="*/ 1079 w 2067"/>
                    <a:gd name="T27" fmla="*/ 1298 h 1560"/>
                    <a:gd name="T28" fmla="*/ 885 w 2067"/>
                    <a:gd name="T29" fmla="*/ 1391 h 1560"/>
                    <a:gd name="T30" fmla="*/ 680 w 2067"/>
                    <a:gd name="T31" fmla="*/ 1465 h 1560"/>
                    <a:gd name="T32" fmla="*/ 1263 w 2067"/>
                    <a:gd name="T33" fmla="*/ 1185 h 1560"/>
                    <a:gd name="T34" fmla="*/ 1430 w 2067"/>
                    <a:gd name="T35" fmla="*/ 1056 h 1560"/>
                    <a:gd name="T36" fmla="*/ 1580 w 2067"/>
                    <a:gd name="T37" fmla="*/ 914 h 1560"/>
                    <a:gd name="T38" fmla="*/ 1715 w 2067"/>
                    <a:gd name="T39" fmla="*/ 757 h 1560"/>
                    <a:gd name="T40" fmla="*/ 1650 w 2067"/>
                    <a:gd name="T41" fmla="*/ 839 h 1560"/>
                    <a:gd name="T42" fmla="*/ 1507 w 2067"/>
                    <a:gd name="T43" fmla="*/ 988 h 1560"/>
                    <a:gd name="T44" fmla="*/ 1347 w 2067"/>
                    <a:gd name="T45" fmla="*/ 1124 h 1560"/>
                    <a:gd name="T46" fmla="*/ 1263 w 2067"/>
                    <a:gd name="T47" fmla="*/ 1185 h 1560"/>
                    <a:gd name="T48" fmla="*/ 1779 w 2067"/>
                    <a:gd name="T49" fmla="*/ 670 h 1560"/>
                    <a:gd name="T50" fmla="*/ 1886 w 2067"/>
                    <a:gd name="T51" fmla="*/ 493 h 1560"/>
                    <a:gd name="T52" fmla="*/ 1974 w 2067"/>
                    <a:gd name="T53" fmla="*/ 306 h 1560"/>
                    <a:gd name="T54" fmla="*/ 2009 w 2067"/>
                    <a:gd name="T55" fmla="*/ 211 h 1560"/>
                    <a:gd name="T56" fmla="*/ 1932 w 2067"/>
                    <a:gd name="T57" fmla="*/ 403 h 1560"/>
                    <a:gd name="T58" fmla="*/ 1834 w 2067"/>
                    <a:gd name="T59" fmla="*/ 585 h 1560"/>
                    <a:gd name="T60" fmla="*/ 1718 w 2067"/>
                    <a:gd name="T61" fmla="*/ 755 h 1560"/>
                    <a:gd name="T62" fmla="*/ 2011 w 2067"/>
                    <a:gd name="T63" fmla="*/ 204 h 1560"/>
                    <a:gd name="T64" fmla="*/ 2067 w 2067"/>
                    <a:gd name="T65" fmla="*/ 0 h 1560"/>
                    <a:gd name="T66" fmla="*/ 2040 w 2067"/>
                    <a:gd name="T67" fmla="*/ 112 h 1560"/>
                    <a:gd name="T68" fmla="*/ 2011 w 2067"/>
                    <a:gd name="T69" fmla="*/ 204 h 1560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</a:cxnLst>
                  <a:rect l="0" t="0" r="r" b="b"/>
                  <a:pathLst>
                    <a:path w="2067" h="1560">
                      <a:moveTo>
                        <a:pt x="0" y="1560"/>
                      </a:moveTo>
                      <a:lnTo>
                        <a:pt x="0" y="1560"/>
                      </a:lnTo>
                      <a:lnTo>
                        <a:pt x="0" y="1560"/>
                      </a:lnTo>
                      <a:close/>
                      <a:moveTo>
                        <a:pt x="6" y="1560"/>
                      </a:moveTo>
                      <a:lnTo>
                        <a:pt x="122" y="1559"/>
                      </a:lnTo>
                      <a:lnTo>
                        <a:pt x="237" y="1551"/>
                      </a:lnTo>
                      <a:lnTo>
                        <a:pt x="350" y="1538"/>
                      </a:lnTo>
                      <a:lnTo>
                        <a:pt x="461" y="1518"/>
                      </a:lnTo>
                      <a:lnTo>
                        <a:pt x="570" y="1495"/>
                      </a:lnTo>
                      <a:lnTo>
                        <a:pt x="676" y="1465"/>
                      </a:lnTo>
                      <a:lnTo>
                        <a:pt x="676" y="1466"/>
                      </a:lnTo>
                      <a:lnTo>
                        <a:pt x="570" y="1495"/>
                      </a:lnTo>
                      <a:lnTo>
                        <a:pt x="461" y="1520"/>
                      </a:lnTo>
                      <a:lnTo>
                        <a:pt x="350" y="1538"/>
                      </a:lnTo>
                      <a:lnTo>
                        <a:pt x="237" y="1551"/>
                      </a:lnTo>
                      <a:lnTo>
                        <a:pt x="122" y="1559"/>
                      </a:lnTo>
                      <a:lnTo>
                        <a:pt x="6" y="1560"/>
                      </a:lnTo>
                      <a:lnTo>
                        <a:pt x="6" y="1560"/>
                      </a:lnTo>
                      <a:close/>
                      <a:moveTo>
                        <a:pt x="681" y="1463"/>
                      </a:moveTo>
                      <a:lnTo>
                        <a:pt x="784" y="1429"/>
                      </a:lnTo>
                      <a:lnTo>
                        <a:pt x="885" y="1390"/>
                      </a:lnTo>
                      <a:lnTo>
                        <a:pt x="983" y="1346"/>
                      </a:lnTo>
                      <a:lnTo>
                        <a:pt x="1079" y="1297"/>
                      </a:lnTo>
                      <a:lnTo>
                        <a:pt x="1170" y="1244"/>
                      </a:lnTo>
                      <a:lnTo>
                        <a:pt x="1259" y="1186"/>
                      </a:lnTo>
                      <a:lnTo>
                        <a:pt x="1259" y="1187"/>
                      </a:lnTo>
                      <a:lnTo>
                        <a:pt x="1170" y="1245"/>
                      </a:lnTo>
                      <a:lnTo>
                        <a:pt x="1079" y="1298"/>
                      </a:lnTo>
                      <a:lnTo>
                        <a:pt x="983" y="1347"/>
                      </a:lnTo>
                      <a:lnTo>
                        <a:pt x="885" y="1391"/>
                      </a:lnTo>
                      <a:lnTo>
                        <a:pt x="784" y="1431"/>
                      </a:lnTo>
                      <a:lnTo>
                        <a:pt x="680" y="1465"/>
                      </a:lnTo>
                      <a:lnTo>
                        <a:pt x="681" y="1463"/>
                      </a:lnTo>
                      <a:close/>
                      <a:moveTo>
                        <a:pt x="1263" y="1185"/>
                      </a:moveTo>
                      <a:lnTo>
                        <a:pt x="1348" y="1122"/>
                      </a:lnTo>
                      <a:lnTo>
                        <a:pt x="1430" y="1056"/>
                      </a:lnTo>
                      <a:lnTo>
                        <a:pt x="1507" y="987"/>
                      </a:lnTo>
                      <a:lnTo>
                        <a:pt x="1580" y="914"/>
                      </a:lnTo>
                      <a:lnTo>
                        <a:pt x="1651" y="836"/>
                      </a:lnTo>
                      <a:lnTo>
                        <a:pt x="1715" y="757"/>
                      </a:lnTo>
                      <a:lnTo>
                        <a:pt x="1715" y="758"/>
                      </a:lnTo>
                      <a:lnTo>
                        <a:pt x="1650" y="839"/>
                      </a:lnTo>
                      <a:lnTo>
                        <a:pt x="1580" y="915"/>
                      </a:lnTo>
                      <a:lnTo>
                        <a:pt x="1507" y="988"/>
                      </a:lnTo>
                      <a:lnTo>
                        <a:pt x="1430" y="1058"/>
                      </a:lnTo>
                      <a:lnTo>
                        <a:pt x="1347" y="1124"/>
                      </a:lnTo>
                      <a:lnTo>
                        <a:pt x="1262" y="1186"/>
                      </a:lnTo>
                      <a:lnTo>
                        <a:pt x="1263" y="1185"/>
                      </a:lnTo>
                      <a:close/>
                      <a:moveTo>
                        <a:pt x="1718" y="754"/>
                      </a:moveTo>
                      <a:lnTo>
                        <a:pt x="1779" y="670"/>
                      </a:lnTo>
                      <a:lnTo>
                        <a:pt x="1835" y="584"/>
                      </a:lnTo>
                      <a:lnTo>
                        <a:pt x="1886" y="493"/>
                      </a:lnTo>
                      <a:lnTo>
                        <a:pt x="1932" y="400"/>
                      </a:lnTo>
                      <a:lnTo>
                        <a:pt x="1974" y="306"/>
                      </a:lnTo>
                      <a:lnTo>
                        <a:pt x="2009" y="208"/>
                      </a:lnTo>
                      <a:lnTo>
                        <a:pt x="2009" y="211"/>
                      </a:lnTo>
                      <a:lnTo>
                        <a:pt x="1974" y="308"/>
                      </a:lnTo>
                      <a:lnTo>
                        <a:pt x="1932" y="403"/>
                      </a:lnTo>
                      <a:lnTo>
                        <a:pt x="1885" y="496"/>
                      </a:lnTo>
                      <a:lnTo>
                        <a:pt x="1834" y="585"/>
                      </a:lnTo>
                      <a:lnTo>
                        <a:pt x="1778" y="671"/>
                      </a:lnTo>
                      <a:lnTo>
                        <a:pt x="1718" y="755"/>
                      </a:lnTo>
                      <a:lnTo>
                        <a:pt x="1718" y="754"/>
                      </a:lnTo>
                      <a:close/>
                      <a:moveTo>
                        <a:pt x="2011" y="204"/>
                      </a:moveTo>
                      <a:lnTo>
                        <a:pt x="2042" y="103"/>
                      </a:lnTo>
                      <a:lnTo>
                        <a:pt x="2067" y="0"/>
                      </a:lnTo>
                      <a:lnTo>
                        <a:pt x="2064" y="17"/>
                      </a:lnTo>
                      <a:lnTo>
                        <a:pt x="2040" y="112"/>
                      </a:lnTo>
                      <a:lnTo>
                        <a:pt x="2011" y="207"/>
                      </a:lnTo>
                      <a:lnTo>
                        <a:pt x="2011" y="204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49" name="Freeform 18"/>
                <p:cNvSpPr>
                  <a:spLocks noEditPoints="1"/>
                </p:cNvSpPr>
                <p:nvPr/>
              </p:nvSpPr>
              <p:spPr bwMode="auto">
                <a:xfrm flipH="1">
                  <a:off x="276873" y="1993474"/>
                  <a:ext cx="1030126" cy="2027409"/>
                </a:xfrm>
                <a:custGeom>
                  <a:avLst/>
                  <a:gdLst>
                    <a:gd name="T0" fmla="*/ 0 w 1899"/>
                    <a:gd name="T1" fmla="*/ 3762 h 3762"/>
                    <a:gd name="T2" fmla="*/ 4 w 1899"/>
                    <a:gd name="T3" fmla="*/ 3761 h 3762"/>
                    <a:gd name="T4" fmla="*/ 254 w 1899"/>
                    <a:gd name="T5" fmla="*/ 3697 h 3762"/>
                    <a:gd name="T6" fmla="*/ 494 w 1899"/>
                    <a:gd name="T7" fmla="*/ 3603 h 3762"/>
                    <a:gd name="T8" fmla="*/ 610 w 1899"/>
                    <a:gd name="T9" fmla="*/ 3545 h 3762"/>
                    <a:gd name="T10" fmla="*/ 376 w 1899"/>
                    <a:gd name="T11" fmla="*/ 3654 h 3762"/>
                    <a:gd name="T12" fmla="*/ 131 w 1899"/>
                    <a:gd name="T13" fmla="*/ 3734 h 3762"/>
                    <a:gd name="T14" fmla="*/ 4 w 1899"/>
                    <a:gd name="T15" fmla="*/ 3761 h 3762"/>
                    <a:gd name="T16" fmla="*/ 725 w 1899"/>
                    <a:gd name="T17" fmla="*/ 3478 h 3762"/>
                    <a:gd name="T18" fmla="*/ 938 w 1899"/>
                    <a:gd name="T19" fmla="*/ 3330 h 3762"/>
                    <a:gd name="T20" fmla="*/ 1135 w 1899"/>
                    <a:gd name="T21" fmla="*/ 3159 h 3762"/>
                    <a:gd name="T22" fmla="*/ 1040 w 1899"/>
                    <a:gd name="T23" fmla="*/ 3248 h 3762"/>
                    <a:gd name="T24" fmla="*/ 834 w 1899"/>
                    <a:gd name="T25" fmla="*/ 3408 h 3762"/>
                    <a:gd name="T26" fmla="*/ 614 w 1899"/>
                    <a:gd name="T27" fmla="*/ 3544 h 3762"/>
                    <a:gd name="T28" fmla="*/ 1138 w 1899"/>
                    <a:gd name="T29" fmla="*/ 3156 h 3762"/>
                    <a:gd name="T30" fmla="*/ 1317 w 1899"/>
                    <a:gd name="T31" fmla="*/ 2964 h 3762"/>
                    <a:gd name="T32" fmla="*/ 1475 w 1899"/>
                    <a:gd name="T33" fmla="*/ 2754 h 3762"/>
                    <a:gd name="T34" fmla="*/ 1612 w 1899"/>
                    <a:gd name="T35" fmla="*/ 2528 h 3762"/>
                    <a:gd name="T36" fmla="*/ 1724 w 1899"/>
                    <a:gd name="T37" fmla="*/ 2290 h 3762"/>
                    <a:gd name="T38" fmla="*/ 1810 w 1899"/>
                    <a:gd name="T39" fmla="*/ 2040 h 3762"/>
                    <a:gd name="T40" fmla="*/ 1868 w 1899"/>
                    <a:gd name="T41" fmla="*/ 1783 h 3762"/>
                    <a:gd name="T42" fmla="*/ 1896 w 1899"/>
                    <a:gd name="T43" fmla="*/ 1520 h 3762"/>
                    <a:gd name="T44" fmla="*/ 1892 w 1899"/>
                    <a:gd name="T45" fmla="*/ 1268 h 3762"/>
                    <a:gd name="T46" fmla="*/ 1860 w 1899"/>
                    <a:gd name="T47" fmla="*/ 1039 h 3762"/>
                    <a:gd name="T48" fmla="*/ 1805 w 1899"/>
                    <a:gd name="T49" fmla="*/ 825 h 3762"/>
                    <a:gd name="T50" fmla="*/ 1727 w 1899"/>
                    <a:gd name="T51" fmla="*/ 626 h 3762"/>
                    <a:gd name="T52" fmla="*/ 1627 w 1899"/>
                    <a:gd name="T53" fmla="*/ 441 h 3762"/>
                    <a:gd name="T54" fmla="*/ 1507 w 1899"/>
                    <a:gd name="T55" fmla="*/ 275 h 3762"/>
                    <a:gd name="T56" fmla="*/ 1368 w 1899"/>
                    <a:gd name="T57" fmla="*/ 128 h 3762"/>
                    <a:gd name="T58" fmla="*/ 1212 w 1899"/>
                    <a:gd name="T59" fmla="*/ 0 h 3762"/>
                    <a:gd name="T60" fmla="*/ 1297 w 1899"/>
                    <a:gd name="T61" fmla="*/ 65 h 3762"/>
                    <a:gd name="T62" fmla="*/ 1439 w 1899"/>
                    <a:gd name="T63" fmla="*/ 198 h 3762"/>
                    <a:gd name="T64" fmla="*/ 1503 w 1899"/>
                    <a:gd name="T65" fmla="*/ 270 h 3762"/>
                    <a:gd name="T66" fmla="*/ 1506 w 1899"/>
                    <a:gd name="T67" fmla="*/ 274 h 3762"/>
                    <a:gd name="T68" fmla="*/ 1618 w 1899"/>
                    <a:gd name="T69" fmla="*/ 424 h 3762"/>
                    <a:gd name="T70" fmla="*/ 1712 w 1899"/>
                    <a:gd name="T71" fmla="*/ 590 h 3762"/>
                    <a:gd name="T72" fmla="*/ 1790 w 1899"/>
                    <a:gd name="T73" fmla="*/ 770 h 3762"/>
                    <a:gd name="T74" fmla="*/ 1790 w 1899"/>
                    <a:gd name="T75" fmla="*/ 774 h 3762"/>
                    <a:gd name="T76" fmla="*/ 1821 w 1899"/>
                    <a:gd name="T77" fmla="*/ 869 h 3762"/>
                    <a:gd name="T78" fmla="*/ 1868 w 1899"/>
                    <a:gd name="T79" fmla="*/ 1067 h 3762"/>
                    <a:gd name="T80" fmla="*/ 1894 w 1899"/>
                    <a:gd name="T81" fmla="*/ 1278 h 3762"/>
                    <a:gd name="T82" fmla="*/ 1899 w 1899"/>
                    <a:gd name="T83" fmla="*/ 1386 h 3762"/>
                    <a:gd name="T84" fmla="*/ 1899 w 1899"/>
                    <a:gd name="T85" fmla="*/ 1390 h 3762"/>
                    <a:gd name="T86" fmla="*/ 1898 w 1899"/>
                    <a:gd name="T87" fmla="*/ 1524 h 3762"/>
                    <a:gd name="T88" fmla="*/ 1871 w 1899"/>
                    <a:gd name="T89" fmla="*/ 1786 h 3762"/>
                    <a:gd name="T90" fmla="*/ 1813 w 1899"/>
                    <a:gd name="T91" fmla="*/ 2043 h 3762"/>
                    <a:gd name="T92" fmla="*/ 1727 w 1899"/>
                    <a:gd name="T93" fmla="*/ 2292 h 3762"/>
                    <a:gd name="T94" fmla="*/ 1614 w 1899"/>
                    <a:gd name="T95" fmla="*/ 2530 h 3762"/>
                    <a:gd name="T96" fmla="*/ 1478 w 1899"/>
                    <a:gd name="T97" fmla="*/ 2756 h 3762"/>
                    <a:gd name="T98" fmla="*/ 1318 w 1899"/>
                    <a:gd name="T99" fmla="*/ 2965 h 3762"/>
                    <a:gd name="T100" fmla="*/ 1139 w 1899"/>
                    <a:gd name="T101" fmla="*/ 3158 h 3762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  <a:cxn ang="0">
                      <a:pos x="T86" y="T87"/>
                    </a:cxn>
                    <a:cxn ang="0">
                      <a:pos x="T88" y="T89"/>
                    </a:cxn>
                    <a:cxn ang="0">
                      <a:pos x="T90" y="T91"/>
                    </a:cxn>
                    <a:cxn ang="0">
                      <a:pos x="T92" y="T93"/>
                    </a:cxn>
                    <a:cxn ang="0">
                      <a:pos x="T94" y="T95"/>
                    </a:cxn>
                    <a:cxn ang="0">
                      <a:pos x="T96" y="T97"/>
                    </a:cxn>
                    <a:cxn ang="0">
                      <a:pos x="T98" y="T99"/>
                    </a:cxn>
                    <a:cxn ang="0">
                      <a:pos x="T100" y="T101"/>
                    </a:cxn>
                  </a:cxnLst>
                  <a:rect l="0" t="0" r="r" b="b"/>
                  <a:pathLst>
                    <a:path w="1899" h="3762">
                      <a:moveTo>
                        <a:pt x="0" y="3762"/>
                      </a:moveTo>
                      <a:lnTo>
                        <a:pt x="0" y="3762"/>
                      </a:lnTo>
                      <a:lnTo>
                        <a:pt x="0" y="3762"/>
                      </a:lnTo>
                      <a:close/>
                      <a:moveTo>
                        <a:pt x="4" y="3761"/>
                      </a:moveTo>
                      <a:lnTo>
                        <a:pt x="131" y="3734"/>
                      </a:lnTo>
                      <a:lnTo>
                        <a:pt x="254" y="3697"/>
                      </a:lnTo>
                      <a:lnTo>
                        <a:pt x="376" y="3654"/>
                      </a:lnTo>
                      <a:lnTo>
                        <a:pt x="494" y="3603"/>
                      </a:lnTo>
                      <a:lnTo>
                        <a:pt x="609" y="3545"/>
                      </a:lnTo>
                      <a:lnTo>
                        <a:pt x="610" y="3545"/>
                      </a:lnTo>
                      <a:lnTo>
                        <a:pt x="495" y="3603"/>
                      </a:lnTo>
                      <a:lnTo>
                        <a:pt x="376" y="3654"/>
                      </a:lnTo>
                      <a:lnTo>
                        <a:pt x="256" y="3697"/>
                      </a:lnTo>
                      <a:lnTo>
                        <a:pt x="131" y="3734"/>
                      </a:lnTo>
                      <a:lnTo>
                        <a:pt x="4" y="3761"/>
                      </a:lnTo>
                      <a:lnTo>
                        <a:pt x="4" y="3761"/>
                      </a:lnTo>
                      <a:close/>
                      <a:moveTo>
                        <a:pt x="613" y="3542"/>
                      </a:moveTo>
                      <a:lnTo>
                        <a:pt x="725" y="3478"/>
                      </a:lnTo>
                      <a:lnTo>
                        <a:pt x="833" y="3406"/>
                      </a:lnTo>
                      <a:lnTo>
                        <a:pt x="938" y="3330"/>
                      </a:lnTo>
                      <a:lnTo>
                        <a:pt x="1038" y="3248"/>
                      </a:lnTo>
                      <a:lnTo>
                        <a:pt x="1135" y="3159"/>
                      </a:lnTo>
                      <a:lnTo>
                        <a:pt x="1136" y="3160"/>
                      </a:lnTo>
                      <a:lnTo>
                        <a:pt x="1040" y="3248"/>
                      </a:lnTo>
                      <a:lnTo>
                        <a:pt x="939" y="3332"/>
                      </a:lnTo>
                      <a:lnTo>
                        <a:pt x="834" y="3408"/>
                      </a:lnTo>
                      <a:lnTo>
                        <a:pt x="725" y="3478"/>
                      </a:lnTo>
                      <a:lnTo>
                        <a:pt x="614" y="3544"/>
                      </a:lnTo>
                      <a:lnTo>
                        <a:pt x="613" y="3542"/>
                      </a:lnTo>
                      <a:close/>
                      <a:moveTo>
                        <a:pt x="1138" y="3156"/>
                      </a:moveTo>
                      <a:lnTo>
                        <a:pt x="1229" y="3062"/>
                      </a:lnTo>
                      <a:lnTo>
                        <a:pt x="1317" y="2964"/>
                      </a:lnTo>
                      <a:lnTo>
                        <a:pt x="1398" y="2860"/>
                      </a:lnTo>
                      <a:lnTo>
                        <a:pt x="1475" y="2754"/>
                      </a:lnTo>
                      <a:lnTo>
                        <a:pt x="1546" y="2643"/>
                      </a:lnTo>
                      <a:lnTo>
                        <a:pt x="1612" y="2528"/>
                      </a:lnTo>
                      <a:lnTo>
                        <a:pt x="1672" y="2410"/>
                      </a:lnTo>
                      <a:lnTo>
                        <a:pt x="1724" y="2290"/>
                      </a:lnTo>
                      <a:lnTo>
                        <a:pt x="1770" y="2167"/>
                      </a:lnTo>
                      <a:lnTo>
                        <a:pt x="1810" y="2040"/>
                      </a:lnTo>
                      <a:lnTo>
                        <a:pt x="1842" y="1913"/>
                      </a:lnTo>
                      <a:lnTo>
                        <a:pt x="1868" y="1783"/>
                      </a:lnTo>
                      <a:lnTo>
                        <a:pt x="1885" y="1652"/>
                      </a:lnTo>
                      <a:lnTo>
                        <a:pt x="1896" y="1520"/>
                      </a:lnTo>
                      <a:lnTo>
                        <a:pt x="1897" y="1388"/>
                      </a:lnTo>
                      <a:lnTo>
                        <a:pt x="1892" y="1268"/>
                      </a:lnTo>
                      <a:lnTo>
                        <a:pt x="1880" y="1152"/>
                      </a:lnTo>
                      <a:lnTo>
                        <a:pt x="1860" y="1039"/>
                      </a:lnTo>
                      <a:lnTo>
                        <a:pt x="1837" y="931"/>
                      </a:lnTo>
                      <a:lnTo>
                        <a:pt x="1805" y="825"/>
                      </a:lnTo>
                      <a:lnTo>
                        <a:pt x="1769" y="723"/>
                      </a:lnTo>
                      <a:lnTo>
                        <a:pt x="1727" y="626"/>
                      </a:lnTo>
                      <a:lnTo>
                        <a:pt x="1680" y="531"/>
                      </a:lnTo>
                      <a:lnTo>
                        <a:pt x="1627" y="441"/>
                      </a:lnTo>
                      <a:lnTo>
                        <a:pt x="1570" y="356"/>
                      </a:lnTo>
                      <a:lnTo>
                        <a:pt x="1507" y="275"/>
                      </a:lnTo>
                      <a:lnTo>
                        <a:pt x="1440" y="199"/>
                      </a:lnTo>
                      <a:lnTo>
                        <a:pt x="1368" y="128"/>
                      </a:lnTo>
                      <a:lnTo>
                        <a:pt x="1292" y="62"/>
                      </a:lnTo>
                      <a:lnTo>
                        <a:pt x="1212" y="0"/>
                      </a:lnTo>
                      <a:lnTo>
                        <a:pt x="1220" y="7"/>
                      </a:lnTo>
                      <a:lnTo>
                        <a:pt x="1297" y="65"/>
                      </a:lnTo>
                      <a:lnTo>
                        <a:pt x="1369" y="130"/>
                      </a:lnTo>
                      <a:lnTo>
                        <a:pt x="1439" y="198"/>
                      </a:lnTo>
                      <a:lnTo>
                        <a:pt x="1504" y="271"/>
                      </a:lnTo>
                      <a:lnTo>
                        <a:pt x="1503" y="270"/>
                      </a:lnTo>
                      <a:lnTo>
                        <a:pt x="1504" y="272"/>
                      </a:lnTo>
                      <a:lnTo>
                        <a:pt x="1506" y="274"/>
                      </a:lnTo>
                      <a:lnTo>
                        <a:pt x="1564" y="347"/>
                      </a:lnTo>
                      <a:lnTo>
                        <a:pt x="1618" y="424"/>
                      </a:lnTo>
                      <a:lnTo>
                        <a:pt x="1667" y="505"/>
                      </a:lnTo>
                      <a:lnTo>
                        <a:pt x="1712" y="590"/>
                      </a:lnTo>
                      <a:lnTo>
                        <a:pt x="1753" y="678"/>
                      </a:lnTo>
                      <a:lnTo>
                        <a:pt x="1790" y="770"/>
                      </a:lnTo>
                      <a:lnTo>
                        <a:pt x="1788" y="770"/>
                      </a:lnTo>
                      <a:lnTo>
                        <a:pt x="1790" y="774"/>
                      </a:lnTo>
                      <a:lnTo>
                        <a:pt x="1791" y="774"/>
                      </a:lnTo>
                      <a:lnTo>
                        <a:pt x="1821" y="869"/>
                      </a:lnTo>
                      <a:lnTo>
                        <a:pt x="1847" y="966"/>
                      </a:lnTo>
                      <a:lnTo>
                        <a:pt x="1868" y="1067"/>
                      </a:lnTo>
                      <a:lnTo>
                        <a:pt x="1884" y="1172"/>
                      </a:lnTo>
                      <a:lnTo>
                        <a:pt x="1894" y="1278"/>
                      </a:lnTo>
                      <a:lnTo>
                        <a:pt x="1899" y="1386"/>
                      </a:lnTo>
                      <a:lnTo>
                        <a:pt x="1899" y="1386"/>
                      </a:lnTo>
                      <a:lnTo>
                        <a:pt x="1899" y="1389"/>
                      </a:lnTo>
                      <a:lnTo>
                        <a:pt x="1899" y="1390"/>
                      </a:lnTo>
                      <a:lnTo>
                        <a:pt x="1899" y="1390"/>
                      </a:lnTo>
                      <a:lnTo>
                        <a:pt x="1898" y="1524"/>
                      </a:lnTo>
                      <a:lnTo>
                        <a:pt x="1888" y="1655"/>
                      </a:lnTo>
                      <a:lnTo>
                        <a:pt x="1871" y="1786"/>
                      </a:lnTo>
                      <a:lnTo>
                        <a:pt x="1846" y="1915"/>
                      </a:lnTo>
                      <a:lnTo>
                        <a:pt x="1813" y="2043"/>
                      </a:lnTo>
                      <a:lnTo>
                        <a:pt x="1773" y="2169"/>
                      </a:lnTo>
                      <a:lnTo>
                        <a:pt x="1727" y="2292"/>
                      </a:lnTo>
                      <a:lnTo>
                        <a:pt x="1673" y="2413"/>
                      </a:lnTo>
                      <a:lnTo>
                        <a:pt x="1614" y="2530"/>
                      </a:lnTo>
                      <a:lnTo>
                        <a:pt x="1549" y="2644"/>
                      </a:lnTo>
                      <a:lnTo>
                        <a:pt x="1478" y="2756"/>
                      </a:lnTo>
                      <a:lnTo>
                        <a:pt x="1401" y="2863"/>
                      </a:lnTo>
                      <a:lnTo>
                        <a:pt x="1318" y="2965"/>
                      </a:lnTo>
                      <a:lnTo>
                        <a:pt x="1232" y="3065"/>
                      </a:lnTo>
                      <a:lnTo>
                        <a:pt x="1139" y="3158"/>
                      </a:lnTo>
                      <a:lnTo>
                        <a:pt x="1138" y="3156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50" name="Freeform 19"/>
                <p:cNvSpPr>
                  <a:spLocks/>
                </p:cNvSpPr>
                <p:nvPr/>
              </p:nvSpPr>
              <p:spPr bwMode="auto">
                <a:xfrm flipH="1">
                  <a:off x="757489" y="1819941"/>
                  <a:ext cx="1177674" cy="128262"/>
                </a:xfrm>
                <a:custGeom>
                  <a:avLst/>
                  <a:gdLst>
                    <a:gd name="T0" fmla="*/ 33 w 2171"/>
                    <a:gd name="T1" fmla="*/ 220 h 238"/>
                    <a:gd name="T2" fmla="*/ 34 w 2171"/>
                    <a:gd name="T3" fmla="*/ 219 h 238"/>
                    <a:gd name="T4" fmla="*/ 98 w 2171"/>
                    <a:gd name="T5" fmla="*/ 187 h 238"/>
                    <a:gd name="T6" fmla="*/ 170 w 2171"/>
                    <a:gd name="T7" fmla="*/ 156 h 238"/>
                    <a:gd name="T8" fmla="*/ 250 w 2171"/>
                    <a:gd name="T9" fmla="*/ 128 h 238"/>
                    <a:gd name="T10" fmla="*/ 336 w 2171"/>
                    <a:gd name="T11" fmla="*/ 102 h 238"/>
                    <a:gd name="T12" fmla="*/ 431 w 2171"/>
                    <a:gd name="T13" fmla="*/ 77 h 238"/>
                    <a:gd name="T14" fmla="*/ 531 w 2171"/>
                    <a:gd name="T15" fmla="*/ 56 h 238"/>
                    <a:gd name="T16" fmla="*/ 534 w 2171"/>
                    <a:gd name="T17" fmla="*/ 56 h 238"/>
                    <a:gd name="T18" fmla="*/ 534 w 2171"/>
                    <a:gd name="T19" fmla="*/ 56 h 238"/>
                    <a:gd name="T20" fmla="*/ 661 w 2171"/>
                    <a:gd name="T21" fmla="*/ 35 h 238"/>
                    <a:gd name="T22" fmla="*/ 791 w 2171"/>
                    <a:gd name="T23" fmla="*/ 18 h 238"/>
                    <a:gd name="T24" fmla="*/ 921 w 2171"/>
                    <a:gd name="T25" fmla="*/ 8 h 238"/>
                    <a:gd name="T26" fmla="*/ 1052 w 2171"/>
                    <a:gd name="T27" fmla="*/ 3 h 238"/>
                    <a:gd name="T28" fmla="*/ 1183 w 2171"/>
                    <a:gd name="T29" fmla="*/ 1 h 238"/>
                    <a:gd name="T30" fmla="*/ 1187 w 2171"/>
                    <a:gd name="T31" fmla="*/ 1 h 238"/>
                    <a:gd name="T32" fmla="*/ 1294 w 2171"/>
                    <a:gd name="T33" fmla="*/ 4 h 238"/>
                    <a:gd name="T34" fmla="*/ 1401 w 2171"/>
                    <a:gd name="T35" fmla="*/ 9 h 238"/>
                    <a:gd name="T36" fmla="*/ 1503 w 2171"/>
                    <a:gd name="T37" fmla="*/ 18 h 238"/>
                    <a:gd name="T38" fmla="*/ 1603 w 2171"/>
                    <a:gd name="T39" fmla="*/ 31 h 238"/>
                    <a:gd name="T40" fmla="*/ 1700 w 2171"/>
                    <a:gd name="T41" fmla="*/ 47 h 238"/>
                    <a:gd name="T42" fmla="*/ 1793 w 2171"/>
                    <a:gd name="T43" fmla="*/ 65 h 238"/>
                    <a:gd name="T44" fmla="*/ 1797 w 2171"/>
                    <a:gd name="T45" fmla="*/ 65 h 238"/>
                    <a:gd name="T46" fmla="*/ 1882 w 2171"/>
                    <a:gd name="T47" fmla="*/ 86 h 238"/>
                    <a:gd name="T48" fmla="*/ 1963 w 2171"/>
                    <a:gd name="T49" fmla="*/ 110 h 238"/>
                    <a:gd name="T50" fmla="*/ 2039 w 2171"/>
                    <a:gd name="T51" fmla="*/ 136 h 238"/>
                    <a:gd name="T52" fmla="*/ 2109 w 2171"/>
                    <a:gd name="T53" fmla="*/ 165 h 238"/>
                    <a:gd name="T54" fmla="*/ 2171 w 2171"/>
                    <a:gd name="T55" fmla="*/ 196 h 238"/>
                    <a:gd name="T56" fmla="*/ 2166 w 2171"/>
                    <a:gd name="T57" fmla="*/ 194 h 238"/>
                    <a:gd name="T58" fmla="*/ 2105 w 2171"/>
                    <a:gd name="T59" fmla="*/ 162 h 238"/>
                    <a:gd name="T60" fmla="*/ 2035 w 2171"/>
                    <a:gd name="T61" fmla="*/ 133 h 238"/>
                    <a:gd name="T62" fmla="*/ 1961 w 2171"/>
                    <a:gd name="T63" fmla="*/ 109 h 238"/>
                    <a:gd name="T64" fmla="*/ 1880 w 2171"/>
                    <a:gd name="T65" fmla="*/ 85 h 238"/>
                    <a:gd name="T66" fmla="*/ 1794 w 2171"/>
                    <a:gd name="T67" fmla="*/ 64 h 238"/>
                    <a:gd name="T68" fmla="*/ 1792 w 2171"/>
                    <a:gd name="T69" fmla="*/ 64 h 238"/>
                    <a:gd name="T70" fmla="*/ 1699 w 2171"/>
                    <a:gd name="T71" fmla="*/ 46 h 238"/>
                    <a:gd name="T72" fmla="*/ 1602 w 2171"/>
                    <a:gd name="T73" fmla="*/ 30 h 238"/>
                    <a:gd name="T74" fmla="*/ 1503 w 2171"/>
                    <a:gd name="T75" fmla="*/ 18 h 238"/>
                    <a:gd name="T76" fmla="*/ 1399 w 2171"/>
                    <a:gd name="T77" fmla="*/ 9 h 238"/>
                    <a:gd name="T78" fmla="*/ 1293 w 2171"/>
                    <a:gd name="T79" fmla="*/ 3 h 238"/>
                    <a:gd name="T80" fmla="*/ 1186 w 2171"/>
                    <a:gd name="T81" fmla="*/ 0 h 238"/>
                    <a:gd name="T82" fmla="*/ 1183 w 2171"/>
                    <a:gd name="T83" fmla="*/ 0 h 238"/>
                    <a:gd name="T84" fmla="*/ 1052 w 2171"/>
                    <a:gd name="T85" fmla="*/ 1 h 238"/>
                    <a:gd name="T86" fmla="*/ 921 w 2171"/>
                    <a:gd name="T87" fmla="*/ 6 h 238"/>
                    <a:gd name="T88" fmla="*/ 792 w 2171"/>
                    <a:gd name="T89" fmla="*/ 17 h 238"/>
                    <a:gd name="T90" fmla="*/ 662 w 2171"/>
                    <a:gd name="T91" fmla="*/ 34 h 238"/>
                    <a:gd name="T92" fmla="*/ 537 w 2171"/>
                    <a:gd name="T93" fmla="*/ 55 h 238"/>
                    <a:gd name="T94" fmla="*/ 535 w 2171"/>
                    <a:gd name="T95" fmla="*/ 55 h 238"/>
                    <a:gd name="T96" fmla="*/ 533 w 2171"/>
                    <a:gd name="T97" fmla="*/ 55 h 238"/>
                    <a:gd name="T98" fmla="*/ 432 w 2171"/>
                    <a:gd name="T99" fmla="*/ 76 h 238"/>
                    <a:gd name="T100" fmla="*/ 338 w 2171"/>
                    <a:gd name="T101" fmla="*/ 101 h 238"/>
                    <a:gd name="T102" fmla="*/ 251 w 2171"/>
                    <a:gd name="T103" fmla="*/ 127 h 238"/>
                    <a:gd name="T104" fmla="*/ 173 w 2171"/>
                    <a:gd name="T105" fmla="*/ 154 h 238"/>
                    <a:gd name="T106" fmla="*/ 101 w 2171"/>
                    <a:gd name="T107" fmla="*/ 185 h 238"/>
                    <a:gd name="T108" fmla="*/ 38 w 2171"/>
                    <a:gd name="T109" fmla="*/ 217 h 238"/>
                    <a:gd name="T110" fmla="*/ 35 w 2171"/>
                    <a:gd name="T111" fmla="*/ 219 h 238"/>
                    <a:gd name="T112" fmla="*/ 5 w 2171"/>
                    <a:gd name="T113" fmla="*/ 236 h 238"/>
                    <a:gd name="T114" fmla="*/ 3 w 2171"/>
                    <a:gd name="T115" fmla="*/ 237 h 238"/>
                    <a:gd name="T116" fmla="*/ 0 w 2171"/>
                    <a:gd name="T117" fmla="*/ 238 h 238"/>
                    <a:gd name="T118" fmla="*/ 33 w 2171"/>
                    <a:gd name="T119" fmla="*/ 220 h 238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  <a:cxn ang="0">
                      <a:pos x="T86" y="T87"/>
                    </a:cxn>
                    <a:cxn ang="0">
                      <a:pos x="T88" y="T89"/>
                    </a:cxn>
                    <a:cxn ang="0">
                      <a:pos x="T90" y="T91"/>
                    </a:cxn>
                    <a:cxn ang="0">
                      <a:pos x="T92" y="T93"/>
                    </a:cxn>
                    <a:cxn ang="0">
                      <a:pos x="T94" y="T95"/>
                    </a:cxn>
                    <a:cxn ang="0">
                      <a:pos x="T96" y="T97"/>
                    </a:cxn>
                    <a:cxn ang="0">
                      <a:pos x="T98" y="T99"/>
                    </a:cxn>
                    <a:cxn ang="0">
                      <a:pos x="T100" y="T101"/>
                    </a:cxn>
                    <a:cxn ang="0">
                      <a:pos x="T102" y="T103"/>
                    </a:cxn>
                    <a:cxn ang="0">
                      <a:pos x="T104" y="T105"/>
                    </a:cxn>
                    <a:cxn ang="0">
                      <a:pos x="T106" y="T107"/>
                    </a:cxn>
                    <a:cxn ang="0">
                      <a:pos x="T108" y="T109"/>
                    </a:cxn>
                    <a:cxn ang="0">
                      <a:pos x="T110" y="T111"/>
                    </a:cxn>
                    <a:cxn ang="0">
                      <a:pos x="T112" y="T113"/>
                    </a:cxn>
                    <a:cxn ang="0">
                      <a:pos x="T114" y="T115"/>
                    </a:cxn>
                    <a:cxn ang="0">
                      <a:pos x="T116" y="T117"/>
                    </a:cxn>
                    <a:cxn ang="0">
                      <a:pos x="T118" y="T119"/>
                    </a:cxn>
                  </a:cxnLst>
                  <a:rect l="0" t="0" r="r" b="b"/>
                  <a:pathLst>
                    <a:path w="2171" h="238">
                      <a:moveTo>
                        <a:pt x="33" y="220"/>
                      </a:moveTo>
                      <a:lnTo>
                        <a:pt x="34" y="219"/>
                      </a:lnTo>
                      <a:lnTo>
                        <a:pt x="98" y="187"/>
                      </a:lnTo>
                      <a:lnTo>
                        <a:pt x="170" y="156"/>
                      </a:lnTo>
                      <a:lnTo>
                        <a:pt x="250" y="128"/>
                      </a:lnTo>
                      <a:lnTo>
                        <a:pt x="336" y="102"/>
                      </a:lnTo>
                      <a:lnTo>
                        <a:pt x="431" y="77"/>
                      </a:lnTo>
                      <a:lnTo>
                        <a:pt x="531" y="56"/>
                      </a:lnTo>
                      <a:lnTo>
                        <a:pt x="534" y="56"/>
                      </a:lnTo>
                      <a:lnTo>
                        <a:pt x="534" y="56"/>
                      </a:lnTo>
                      <a:lnTo>
                        <a:pt x="661" y="35"/>
                      </a:lnTo>
                      <a:lnTo>
                        <a:pt x="791" y="18"/>
                      </a:lnTo>
                      <a:lnTo>
                        <a:pt x="921" y="8"/>
                      </a:lnTo>
                      <a:lnTo>
                        <a:pt x="1052" y="3"/>
                      </a:lnTo>
                      <a:lnTo>
                        <a:pt x="1183" y="1"/>
                      </a:lnTo>
                      <a:lnTo>
                        <a:pt x="1187" y="1"/>
                      </a:lnTo>
                      <a:lnTo>
                        <a:pt x="1294" y="4"/>
                      </a:lnTo>
                      <a:lnTo>
                        <a:pt x="1401" y="9"/>
                      </a:lnTo>
                      <a:lnTo>
                        <a:pt x="1503" y="18"/>
                      </a:lnTo>
                      <a:lnTo>
                        <a:pt x="1603" y="31"/>
                      </a:lnTo>
                      <a:lnTo>
                        <a:pt x="1700" y="47"/>
                      </a:lnTo>
                      <a:lnTo>
                        <a:pt x="1793" y="65"/>
                      </a:lnTo>
                      <a:lnTo>
                        <a:pt x="1797" y="65"/>
                      </a:lnTo>
                      <a:lnTo>
                        <a:pt x="1882" y="86"/>
                      </a:lnTo>
                      <a:lnTo>
                        <a:pt x="1963" y="110"/>
                      </a:lnTo>
                      <a:lnTo>
                        <a:pt x="2039" y="136"/>
                      </a:lnTo>
                      <a:lnTo>
                        <a:pt x="2109" y="165"/>
                      </a:lnTo>
                      <a:lnTo>
                        <a:pt x="2171" y="196"/>
                      </a:lnTo>
                      <a:lnTo>
                        <a:pt x="2166" y="194"/>
                      </a:lnTo>
                      <a:lnTo>
                        <a:pt x="2105" y="162"/>
                      </a:lnTo>
                      <a:lnTo>
                        <a:pt x="2035" y="133"/>
                      </a:lnTo>
                      <a:lnTo>
                        <a:pt x="1961" y="109"/>
                      </a:lnTo>
                      <a:lnTo>
                        <a:pt x="1880" y="85"/>
                      </a:lnTo>
                      <a:lnTo>
                        <a:pt x="1794" y="64"/>
                      </a:lnTo>
                      <a:lnTo>
                        <a:pt x="1792" y="64"/>
                      </a:lnTo>
                      <a:lnTo>
                        <a:pt x="1699" y="46"/>
                      </a:lnTo>
                      <a:lnTo>
                        <a:pt x="1602" y="30"/>
                      </a:lnTo>
                      <a:lnTo>
                        <a:pt x="1503" y="18"/>
                      </a:lnTo>
                      <a:lnTo>
                        <a:pt x="1399" y="9"/>
                      </a:lnTo>
                      <a:lnTo>
                        <a:pt x="1293" y="3"/>
                      </a:lnTo>
                      <a:lnTo>
                        <a:pt x="1186" y="0"/>
                      </a:lnTo>
                      <a:lnTo>
                        <a:pt x="1183" y="0"/>
                      </a:lnTo>
                      <a:lnTo>
                        <a:pt x="1052" y="1"/>
                      </a:lnTo>
                      <a:lnTo>
                        <a:pt x="921" y="6"/>
                      </a:lnTo>
                      <a:lnTo>
                        <a:pt x="792" y="17"/>
                      </a:lnTo>
                      <a:lnTo>
                        <a:pt x="662" y="34"/>
                      </a:lnTo>
                      <a:lnTo>
                        <a:pt x="537" y="55"/>
                      </a:lnTo>
                      <a:lnTo>
                        <a:pt x="535" y="55"/>
                      </a:lnTo>
                      <a:lnTo>
                        <a:pt x="533" y="55"/>
                      </a:lnTo>
                      <a:lnTo>
                        <a:pt x="432" y="76"/>
                      </a:lnTo>
                      <a:lnTo>
                        <a:pt x="338" y="101"/>
                      </a:lnTo>
                      <a:lnTo>
                        <a:pt x="251" y="127"/>
                      </a:lnTo>
                      <a:lnTo>
                        <a:pt x="173" y="154"/>
                      </a:lnTo>
                      <a:lnTo>
                        <a:pt x="101" y="185"/>
                      </a:lnTo>
                      <a:lnTo>
                        <a:pt x="38" y="217"/>
                      </a:lnTo>
                      <a:lnTo>
                        <a:pt x="35" y="219"/>
                      </a:lnTo>
                      <a:lnTo>
                        <a:pt x="5" y="236"/>
                      </a:lnTo>
                      <a:lnTo>
                        <a:pt x="3" y="237"/>
                      </a:lnTo>
                      <a:lnTo>
                        <a:pt x="0" y="238"/>
                      </a:lnTo>
                      <a:lnTo>
                        <a:pt x="33" y="220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51" name="Freeform 20"/>
                <p:cNvSpPr>
                  <a:spLocks/>
                </p:cNvSpPr>
                <p:nvPr/>
              </p:nvSpPr>
              <p:spPr bwMode="auto">
                <a:xfrm flipH="1">
                  <a:off x="493314" y="1964372"/>
                  <a:ext cx="1751593" cy="258141"/>
                </a:xfrm>
                <a:custGeom>
                  <a:avLst/>
                  <a:gdLst>
                    <a:gd name="T0" fmla="*/ 227 w 3229"/>
                    <a:gd name="T1" fmla="*/ 301 h 479"/>
                    <a:gd name="T2" fmla="*/ 383 w 3229"/>
                    <a:gd name="T3" fmla="*/ 227 h 479"/>
                    <a:gd name="T4" fmla="*/ 570 w 3229"/>
                    <a:gd name="T5" fmla="*/ 161 h 479"/>
                    <a:gd name="T6" fmla="*/ 786 w 3229"/>
                    <a:gd name="T7" fmla="*/ 104 h 479"/>
                    <a:gd name="T8" fmla="*/ 909 w 3229"/>
                    <a:gd name="T9" fmla="*/ 79 h 479"/>
                    <a:gd name="T10" fmla="*/ 1053 w 3229"/>
                    <a:gd name="T11" fmla="*/ 54 h 479"/>
                    <a:gd name="T12" fmla="*/ 1349 w 3229"/>
                    <a:gd name="T13" fmla="*/ 20 h 479"/>
                    <a:gd name="T14" fmla="*/ 1646 w 3229"/>
                    <a:gd name="T15" fmla="*/ 4 h 479"/>
                    <a:gd name="T16" fmla="*/ 1800 w 3229"/>
                    <a:gd name="T17" fmla="*/ 3 h 479"/>
                    <a:gd name="T18" fmla="*/ 2091 w 3229"/>
                    <a:gd name="T19" fmla="*/ 15 h 479"/>
                    <a:gd name="T20" fmla="*/ 2369 w 3229"/>
                    <a:gd name="T21" fmla="*/ 45 h 479"/>
                    <a:gd name="T22" fmla="*/ 2629 w 3229"/>
                    <a:gd name="T23" fmla="*/ 91 h 479"/>
                    <a:gd name="T24" fmla="*/ 2723 w 3229"/>
                    <a:gd name="T25" fmla="*/ 113 h 479"/>
                    <a:gd name="T26" fmla="*/ 2892 w 3229"/>
                    <a:gd name="T27" fmla="*/ 163 h 479"/>
                    <a:gd name="T28" fmla="*/ 3043 w 3229"/>
                    <a:gd name="T29" fmla="*/ 220 h 479"/>
                    <a:gd name="T30" fmla="*/ 3172 w 3229"/>
                    <a:gd name="T31" fmla="*/ 286 h 479"/>
                    <a:gd name="T32" fmla="*/ 3229 w 3229"/>
                    <a:gd name="T33" fmla="*/ 324 h 479"/>
                    <a:gd name="T34" fmla="*/ 3225 w 3229"/>
                    <a:gd name="T35" fmla="*/ 320 h 479"/>
                    <a:gd name="T36" fmla="*/ 3108 w 3229"/>
                    <a:gd name="T37" fmla="*/ 249 h 479"/>
                    <a:gd name="T38" fmla="*/ 2968 w 3229"/>
                    <a:gd name="T39" fmla="*/ 188 h 479"/>
                    <a:gd name="T40" fmla="*/ 2808 w 3229"/>
                    <a:gd name="T41" fmla="*/ 134 h 479"/>
                    <a:gd name="T42" fmla="*/ 2631 w 3229"/>
                    <a:gd name="T43" fmla="*/ 89 h 479"/>
                    <a:gd name="T44" fmla="*/ 2500 w 3229"/>
                    <a:gd name="T45" fmla="*/ 63 h 479"/>
                    <a:gd name="T46" fmla="*/ 2231 w 3229"/>
                    <a:gd name="T47" fmla="*/ 25 h 479"/>
                    <a:gd name="T48" fmla="*/ 1947 w 3229"/>
                    <a:gd name="T49" fmla="*/ 4 h 479"/>
                    <a:gd name="T50" fmla="*/ 1795 w 3229"/>
                    <a:gd name="T51" fmla="*/ 0 h 479"/>
                    <a:gd name="T52" fmla="*/ 1498 w 3229"/>
                    <a:gd name="T53" fmla="*/ 7 h 479"/>
                    <a:gd name="T54" fmla="*/ 1201 w 3229"/>
                    <a:gd name="T55" fmla="*/ 32 h 479"/>
                    <a:gd name="T56" fmla="*/ 910 w 3229"/>
                    <a:gd name="T57" fmla="*/ 76 h 479"/>
                    <a:gd name="T58" fmla="*/ 905 w 3229"/>
                    <a:gd name="T59" fmla="*/ 76 h 479"/>
                    <a:gd name="T60" fmla="*/ 676 w 3229"/>
                    <a:gd name="T61" fmla="*/ 129 h 479"/>
                    <a:gd name="T62" fmla="*/ 474 w 3229"/>
                    <a:gd name="T63" fmla="*/ 190 h 479"/>
                    <a:gd name="T64" fmla="*/ 303 w 3229"/>
                    <a:gd name="T65" fmla="*/ 261 h 479"/>
                    <a:gd name="T66" fmla="*/ 226 w 3229"/>
                    <a:gd name="T67" fmla="*/ 300 h 479"/>
                    <a:gd name="T68" fmla="*/ 118 w 3229"/>
                    <a:gd name="T69" fmla="*/ 367 h 479"/>
                    <a:gd name="T70" fmla="*/ 36 w 3229"/>
                    <a:gd name="T71" fmla="*/ 439 h 479"/>
                    <a:gd name="T72" fmla="*/ 2 w 3229"/>
                    <a:gd name="T73" fmla="*/ 477 h 479"/>
                    <a:gd name="T74" fmla="*/ 33 w 3229"/>
                    <a:gd name="T75" fmla="*/ 441 h 479"/>
                    <a:gd name="T76" fmla="*/ 116 w 3229"/>
                    <a:gd name="T77" fmla="*/ 371 h 479"/>
                    <a:gd name="T78" fmla="*/ 224 w 3229"/>
                    <a:gd name="T79" fmla="*/ 303 h 479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</a:cxnLst>
                  <a:rect l="0" t="0" r="r" b="b"/>
                  <a:pathLst>
                    <a:path w="3229" h="479">
                      <a:moveTo>
                        <a:pt x="224" y="303"/>
                      </a:moveTo>
                      <a:lnTo>
                        <a:pt x="227" y="301"/>
                      </a:lnTo>
                      <a:lnTo>
                        <a:pt x="300" y="263"/>
                      </a:lnTo>
                      <a:lnTo>
                        <a:pt x="383" y="227"/>
                      </a:lnTo>
                      <a:lnTo>
                        <a:pt x="473" y="193"/>
                      </a:lnTo>
                      <a:lnTo>
                        <a:pt x="570" y="161"/>
                      </a:lnTo>
                      <a:lnTo>
                        <a:pt x="674" y="131"/>
                      </a:lnTo>
                      <a:lnTo>
                        <a:pt x="786" y="104"/>
                      </a:lnTo>
                      <a:lnTo>
                        <a:pt x="905" y="79"/>
                      </a:lnTo>
                      <a:lnTo>
                        <a:pt x="909" y="79"/>
                      </a:lnTo>
                      <a:lnTo>
                        <a:pt x="909" y="79"/>
                      </a:lnTo>
                      <a:lnTo>
                        <a:pt x="1053" y="54"/>
                      </a:lnTo>
                      <a:lnTo>
                        <a:pt x="1199" y="34"/>
                      </a:lnTo>
                      <a:lnTo>
                        <a:pt x="1349" y="20"/>
                      </a:lnTo>
                      <a:lnTo>
                        <a:pt x="1498" y="9"/>
                      </a:lnTo>
                      <a:lnTo>
                        <a:pt x="1646" y="4"/>
                      </a:lnTo>
                      <a:lnTo>
                        <a:pt x="1795" y="3"/>
                      </a:lnTo>
                      <a:lnTo>
                        <a:pt x="1800" y="3"/>
                      </a:lnTo>
                      <a:lnTo>
                        <a:pt x="1947" y="7"/>
                      </a:lnTo>
                      <a:lnTo>
                        <a:pt x="2091" y="15"/>
                      </a:lnTo>
                      <a:lnTo>
                        <a:pt x="2232" y="28"/>
                      </a:lnTo>
                      <a:lnTo>
                        <a:pt x="2369" y="45"/>
                      </a:lnTo>
                      <a:lnTo>
                        <a:pt x="2502" y="66"/>
                      </a:lnTo>
                      <a:lnTo>
                        <a:pt x="2629" y="91"/>
                      </a:lnTo>
                      <a:lnTo>
                        <a:pt x="2632" y="92"/>
                      </a:lnTo>
                      <a:lnTo>
                        <a:pt x="2723" y="113"/>
                      </a:lnTo>
                      <a:lnTo>
                        <a:pt x="2809" y="136"/>
                      </a:lnTo>
                      <a:lnTo>
                        <a:pt x="2892" y="163"/>
                      </a:lnTo>
                      <a:lnTo>
                        <a:pt x="2970" y="190"/>
                      </a:lnTo>
                      <a:lnTo>
                        <a:pt x="3043" y="220"/>
                      </a:lnTo>
                      <a:lnTo>
                        <a:pt x="3110" y="252"/>
                      </a:lnTo>
                      <a:lnTo>
                        <a:pt x="3172" y="286"/>
                      </a:lnTo>
                      <a:lnTo>
                        <a:pt x="3228" y="322"/>
                      </a:lnTo>
                      <a:lnTo>
                        <a:pt x="3229" y="324"/>
                      </a:lnTo>
                      <a:lnTo>
                        <a:pt x="3227" y="320"/>
                      </a:lnTo>
                      <a:lnTo>
                        <a:pt x="3225" y="320"/>
                      </a:lnTo>
                      <a:lnTo>
                        <a:pt x="3170" y="283"/>
                      </a:lnTo>
                      <a:lnTo>
                        <a:pt x="3108" y="249"/>
                      </a:lnTo>
                      <a:lnTo>
                        <a:pt x="3041" y="218"/>
                      </a:lnTo>
                      <a:lnTo>
                        <a:pt x="2968" y="188"/>
                      </a:lnTo>
                      <a:lnTo>
                        <a:pt x="2890" y="160"/>
                      </a:lnTo>
                      <a:lnTo>
                        <a:pt x="2808" y="134"/>
                      </a:lnTo>
                      <a:lnTo>
                        <a:pt x="2721" y="110"/>
                      </a:lnTo>
                      <a:lnTo>
                        <a:pt x="2631" y="89"/>
                      </a:lnTo>
                      <a:lnTo>
                        <a:pt x="2626" y="88"/>
                      </a:lnTo>
                      <a:lnTo>
                        <a:pt x="2500" y="63"/>
                      </a:lnTo>
                      <a:lnTo>
                        <a:pt x="2368" y="42"/>
                      </a:lnTo>
                      <a:lnTo>
                        <a:pt x="2231" y="25"/>
                      </a:lnTo>
                      <a:lnTo>
                        <a:pt x="2091" y="13"/>
                      </a:lnTo>
                      <a:lnTo>
                        <a:pt x="1947" y="4"/>
                      </a:lnTo>
                      <a:lnTo>
                        <a:pt x="1800" y="0"/>
                      </a:lnTo>
                      <a:lnTo>
                        <a:pt x="1795" y="0"/>
                      </a:lnTo>
                      <a:lnTo>
                        <a:pt x="1646" y="2"/>
                      </a:lnTo>
                      <a:lnTo>
                        <a:pt x="1498" y="7"/>
                      </a:lnTo>
                      <a:lnTo>
                        <a:pt x="1349" y="17"/>
                      </a:lnTo>
                      <a:lnTo>
                        <a:pt x="1201" y="32"/>
                      </a:lnTo>
                      <a:lnTo>
                        <a:pt x="1054" y="51"/>
                      </a:lnTo>
                      <a:lnTo>
                        <a:pt x="910" y="76"/>
                      </a:lnTo>
                      <a:lnTo>
                        <a:pt x="910" y="76"/>
                      </a:lnTo>
                      <a:lnTo>
                        <a:pt x="905" y="76"/>
                      </a:lnTo>
                      <a:lnTo>
                        <a:pt x="787" y="101"/>
                      </a:lnTo>
                      <a:lnTo>
                        <a:pt x="676" y="129"/>
                      </a:lnTo>
                      <a:lnTo>
                        <a:pt x="571" y="159"/>
                      </a:lnTo>
                      <a:lnTo>
                        <a:pt x="474" y="190"/>
                      </a:lnTo>
                      <a:lnTo>
                        <a:pt x="385" y="224"/>
                      </a:lnTo>
                      <a:lnTo>
                        <a:pt x="303" y="261"/>
                      </a:lnTo>
                      <a:lnTo>
                        <a:pt x="228" y="297"/>
                      </a:lnTo>
                      <a:lnTo>
                        <a:pt x="226" y="300"/>
                      </a:lnTo>
                      <a:lnTo>
                        <a:pt x="169" y="333"/>
                      </a:lnTo>
                      <a:lnTo>
                        <a:pt x="118" y="367"/>
                      </a:lnTo>
                      <a:lnTo>
                        <a:pt x="74" y="402"/>
                      </a:lnTo>
                      <a:lnTo>
                        <a:pt x="36" y="439"/>
                      </a:lnTo>
                      <a:lnTo>
                        <a:pt x="3" y="476"/>
                      </a:lnTo>
                      <a:lnTo>
                        <a:pt x="2" y="477"/>
                      </a:lnTo>
                      <a:lnTo>
                        <a:pt x="0" y="479"/>
                      </a:lnTo>
                      <a:lnTo>
                        <a:pt x="33" y="441"/>
                      </a:lnTo>
                      <a:lnTo>
                        <a:pt x="71" y="406"/>
                      </a:lnTo>
                      <a:lnTo>
                        <a:pt x="116" y="371"/>
                      </a:lnTo>
                      <a:lnTo>
                        <a:pt x="167" y="335"/>
                      </a:lnTo>
                      <a:lnTo>
                        <a:pt x="224" y="303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52" name="Freeform 22"/>
                <p:cNvSpPr>
                  <a:spLocks/>
                </p:cNvSpPr>
                <p:nvPr/>
              </p:nvSpPr>
              <p:spPr bwMode="auto">
                <a:xfrm flipH="1">
                  <a:off x="339255" y="2203651"/>
                  <a:ext cx="2092798" cy="362692"/>
                </a:xfrm>
                <a:custGeom>
                  <a:avLst/>
                  <a:gdLst>
                    <a:gd name="T0" fmla="*/ 328 w 3858"/>
                    <a:gd name="T1" fmla="*/ 352 h 673"/>
                    <a:gd name="T2" fmla="*/ 487 w 3858"/>
                    <a:gd name="T3" fmla="*/ 276 h 673"/>
                    <a:gd name="T4" fmla="*/ 673 w 3858"/>
                    <a:gd name="T5" fmla="*/ 207 h 673"/>
                    <a:gd name="T6" fmla="*/ 886 w 3858"/>
                    <a:gd name="T7" fmla="*/ 145 h 673"/>
                    <a:gd name="T8" fmla="*/ 1124 w 3858"/>
                    <a:gd name="T9" fmla="*/ 92 h 673"/>
                    <a:gd name="T10" fmla="*/ 1131 w 3858"/>
                    <a:gd name="T11" fmla="*/ 90 h 673"/>
                    <a:gd name="T12" fmla="*/ 1472 w 3858"/>
                    <a:gd name="T13" fmla="*/ 39 h 673"/>
                    <a:gd name="T14" fmla="*/ 1822 w 3858"/>
                    <a:gd name="T15" fmla="*/ 11 h 673"/>
                    <a:gd name="T16" fmla="*/ 2171 w 3858"/>
                    <a:gd name="T17" fmla="*/ 3 h 673"/>
                    <a:gd name="T18" fmla="*/ 2326 w 3858"/>
                    <a:gd name="T19" fmla="*/ 7 h 673"/>
                    <a:gd name="T20" fmla="*/ 2615 w 3858"/>
                    <a:gd name="T21" fmla="*/ 25 h 673"/>
                    <a:gd name="T22" fmla="*/ 2891 w 3858"/>
                    <a:gd name="T23" fmla="*/ 58 h 673"/>
                    <a:gd name="T24" fmla="*/ 3150 w 3858"/>
                    <a:gd name="T25" fmla="*/ 105 h 673"/>
                    <a:gd name="T26" fmla="*/ 3263 w 3858"/>
                    <a:gd name="T27" fmla="*/ 132 h 673"/>
                    <a:gd name="T28" fmla="*/ 3462 w 3858"/>
                    <a:gd name="T29" fmla="*/ 190 h 673"/>
                    <a:gd name="T30" fmla="*/ 3638 w 3858"/>
                    <a:gd name="T31" fmla="*/ 258 h 673"/>
                    <a:gd name="T32" fmla="*/ 3790 w 3858"/>
                    <a:gd name="T33" fmla="*/ 335 h 673"/>
                    <a:gd name="T34" fmla="*/ 3858 w 3858"/>
                    <a:gd name="T35" fmla="*/ 380 h 673"/>
                    <a:gd name="T36" fmla="*/ 3854 w 3858"/>
                    <a:gd name="T37" fmla="*/ 374 h 673"/>
                    <a:gd name="T38" fmla="*/ 3716 w 3858"/>
                    <a:gd name="T39" fmla="*/ 292 h 673"/>
                    <a:gd name="T40" fmla="*/ 3552 w 3858"/>
                    <a:gd name="T41" fmla="*/ 219 h 673"/>
                    <a:gd name="T42" fmla="*/ 3364 w 3858"/>
                    <a:gd name="T43" fmla="*/ 156 h 673"/>
                    <a:gd name="T44" fmla="*/ 3155 w 3858"/>
                    <a:gd name="T45" fmla="*/ 104 h 673"/>
                    <a:gd name="T46" fmla="*/ 3023 w 3858"/>
                    <a:gd name="T47" fmla="*/ 76 h 673"/>
                    <a:gd name="T48" fmla="*/ 2754 w 3858"/>
                    <a:gd name="T49" fmla="*/ 37 h 673"/>
                    <a:gd name="T50" fmla="*/ 2471 w 3858"/>
                    <a:gd name="T51" fmla="*/ 11 h 673"/>
                    <a:gd name="T52" fmla="*/ 2176 w 3858"/>
                    <a:gd name="T53" fmla="*/ 0 h 673"/>
                    <a:gd name="T54" fmla="*/ 1997 w 3858"/>
                    <a:gd name="T55" fmla="*/ 0 h 673"/>
                    <a:gd name="T56" fmla="*/ 1646 w 3858"/>
                    <a:gd name="T57" fmla="*/ 18 h 673"/>
                    <a:gd name="T58" fmla="*/ 1300 w 3858"/>
                    <a:gd name="T59" fmla="*/ 59 h 673"/>
                    <a:gd name="T60" fmla="*/ 1131 w 3858"/>
                    <a:gd name="T61" fmla="*/ 88 h 673"/>
                    <a:gd name="T62" fmla="*/ 1002 w 3858"/>
                    <a:gd name="T63" fmla="*/ 114 h 673"/>
                    <a:gd name="T64" fmla="*/ 777 w 3858"/>
                    <a:gd name="T65" fmla="*/ 172 h 673"/>
                    <a:gd name="T66" fmla="*/ 577 w 3858"/>
                    <a:gd name="T67" fmla="*/ 237 h 673"/>
                    <a:gd name="T68" fmla="*/ 404 w 3858"/>
                    <a:gd name="T69" fmla="*/ 310 h 673"/>
                    <a:gd name="T70" fmla="*/ 326 w 3858"/>
                    <a:gd name="T71" fmla="*/ 351 h 673"/>
                    <a:gd name="T72" fmla="*/ 191 w 3858"/>
                    <a:gd name="T73" fmla="*/ 436 h 673"/>
                    <a:gd name="T74" fmla="*/ 90 w 3858"/>
                    <a:gd name="T75" fmla="*/ 528 h 673"/>
                    <a:gd name="T76" fmla="*/ 22 w 3858"/>
                    <a:gd name="T77" fmla="*/ 621 h 673"/>
                    <a:gd name="T78" fmla="*/ 0 w 3858"/>
                    <a:gd name="T79" fmla="*/ 672 h 673"/>
                    <a:gd name="T80" fmla="*/ 21 w 3858"/>
                    <a:gd name="T81" fmla="*/ 626 h 673"/>
                    <a:gd name="T82" fmla="*/ 89 w 3858"/>
                    <a:gd name="T83" fmla="*/ 532 h 673"/>
                    <a:gd name="T84" fmla="*/ 190 w 3858"/>
                    <a:gd name="T85" fmla="*/ 440 h 673"/>
                    <a:gd name="T86" fmla="*/ 324 w 3858"/>
                    <a:gd name="T87" fmla="*/ 355 h 673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  <a:cxn ang="0">
                      <a:pos x="T86" y="T87"/>
                    </a:cxn>
                  </a:cxnLst>
                  <a:rect l="0" t="0" r="r" b="b"/>
                  <a:pathLst>
                    <a:path w="3858" h="673">
                      <a:moveTo>
                        <a:pt x="324" y="355"/>
                      </a:moveTo>
                      <a:lnTo>
                        <a:pt x="328" y="352"/>
                      </a:lnTo>
                      <a:lnTo>
                        <a:pt x="403" y="314"/>
                      </a:lnTo>
                      <a:lnTo>
                        <a:pt x="487" y="276"/>
                      </a:lnTo>
                      <a:lnTo>
                        <a:pt x="576" y="241"/>
                      </a:lnTo>
                      <a:lnTo>
                        <a:pt x="673" y="207"/>
                      </a:lnTo>
                      <a:lnTo>
                        <a:pt x="776" y="174"/>
                      </a:lnTo>
                      <a:lnTo>
                        <a:pt x="886" y="145"/>
                      </a:lnTo>
                      <a:lnTo>
                        <a:pt x="1002" y="118"/>
                      </a:lnTo>
                      <a:lnTo>
                        <a:pt x="1124" y="92"/>
                      </a:lnTo>
                      <a:lnTo>
                        <a:pt x="1131" y="92"/>
                      </a:lnTo>
                      <a:lnTo>
                        <a:pt x="1131" y="90"/>
                      </a:lnTo>
                      <a:lnTo>
                        <a:pt x="1300" y="62"/>
                      </a:lnTo>
                      <a:lnTo>
                        <a:pt x="1472" y="39"/>
                      </a:lnTo>
                      <a:lnTo>
                        <a:pt x="1646" y="22"/>
                      </a:lnTo>
                      <a:lnTo>
                        <a:pt x="1822" y="11"/>
                      </a:lnTo>
                      <a:lnTo>
                        <a:pt x="1997" y="4"/>
                      </a:lnTo>
                      <a:lnTo>
                        <a:pt x="2171" y="3"/>
                      </a:lnTo>
                      <a:lnTo>
                        <a:pt x="2176" y="3"/>
                      </a:lnTo>
                      <a:lnTo>
                        <a:pt x="2326" y="7"/>
                      </a:lnTo>
                      <a:lnTo>
                        <a:pt x="2471" y="13"/>
                      </a:lnTo>
                      <a:lnTo>
                        <a:pt x="2615" y="25"/>
                      </a:lnTo>
                      <a:lnTo>
                        <a:pt x="2755" y="39"/>
                      </a:lnTo>
                      <a:lnTo>
                        <a:pt x="2891" y="58"/>
                      </a:lnTo>
                      <a:lnTo>
                        <a:pt x="3023" y="80"/>
                      </a:lnTo>
                      <a:lnTo>
                        <a:pt x="3150" y="105"/>
                      </a:lnTo>
                      <a:lnTo>
                        <a:pt x="3155" y="106"/>
                      </a:lnTo>
                      <a:lnTo>
                        <a:pt x="3263" y="132"/>
                      </a:lnTo>
                      <a:lnTo>
                        <a:pt x="3365" y="160"/>
                      </a:lnTo>
                      <a:lnTo>
                        <a:pt x="3462" y="190"/>
                      </a:lnTo>
                      <a:lnTo>
                        <a:pt x="3552" y="223"/>
                      </a:lnTo>
                      <a:lnTo>
                        <a:pt x="3638" y="258"/>
                      </a:lnTo>
                      <a:lnTo>
                        <a:pt x="3717" y="296"/>
                      </a:lnTo>
                      <a:lnTo>
                        <a:pt x="3790" y="335"/>
                      </a:lnTo>
                      <a:lnTo>
                        <a:pt x="3856" y="378"/>
                      </a:lnTo>
                      <a:lnTo>
                        <a:pt x="3858" y="380"/>
                      </a:lnTo>
                      <a:lnTo>
                        <a:pt x="3857" y="376"/>
                      </a:lnTo>
                      <a:lnTo>
                        <a:pt x="3854" y="374"/>
                      </a:lnTo>
                      <a:lnTo>
                        <a:pt x="3789" y="331"/>
                      </a:lnTo>
                      <a:lnTo>
                        <a:pt x="3716" y="292"/>
                      </a:lnTo>
                      <a:lnTo>
                        <a:pt x="3637" y="254"/>
                      </a:lnTo>
                      <a:lnTo>
                        <a:pt x="3552" y="219"/>
                      </a:lnTo>
                      <a:lnTo>
                        <a:pt x="3460" y="186"/>
                      </a:lnTo>
                      <a:lnTo>
                        <a:pt x="3364" y="156"/>
                      </a:lnTo>
                      <a:lnTo>
                        <a:pt x="3261" y="128"/>
                      </a:lnTo>
                      <a:lnTo>
                        <a:pt x="3155" y="104"/>
                      </a:lnTo>
                      <a:lnTo>
                        <a:pt x="3150" y="102"/>
                      </a:lnTo>
                      <a:lnTo>
                        <a:pt x="3023" y="76"/>
                      </a:lnTo>
                      <a:lnTo>
                        <a:pt x="2891" y="55"/>
                      </a:lnTo>
                      <a:lnTo>
                        <a:pt x="2754" y="37"/>
                      </a:lnTo>
                      <a:lnTo>
                        <a:pt x="2614" y="21"/>
                      </a:lnTo>
                      <a:lnTo>
                        <a:pt x="2471" y="11"/>
                      </a:lnTo>
                      <a:lnTo>
                        <a:pt x="2324" y="3"/>
                      </a:lnTo>
                      <a:lnTo>
                        <a:pt x="2176" y="0"/>
                      </a:lnTo>
                      <a:lnTo>
                        <a:pt x="2171" y="0"/>
                      </a:lnTo>
                      <a:lnTo>
                        <a:pt x="1997" y="0"/>
                      </a:lnTo>
                      <a:lnTo>
                        <a:pt x="1822" y="7"/>
                      </a:lnTo>
                      <a:lnTo>
                        <a:pt x="1646" y="18"/>
                      </a:lnTo>
                      <a:lnTo>
                        <a:pt x="1472" y="35"/>
                      </a:lnTo>
                      <a:lnTo>
                        <a:pt x="1300" y="59"/>
                      </a:lnTo>
                      <a:lnTo>
                        <a:pt x="1131" y="88"/>
                      </a:lnTo>
                      <a:lnTo>
                        <a:pt x="1131" y="88"/>
                      </a:lnTo>
                      <a:lnTo>
                        <a:pt x="1125" y="89"/>
                      </a:lnTo>
                      <a:lnTo>
                        <a:pt x="1002" y="114"/>
                      </a:lnTo>
                      <a:lnTo>
                        <a:pt x="887" y="141"/>
                      </a:lnTo>
                      <a:lnTo>
                        <a:pt x="777" y="172"/>
                      </a:lnTo>
                      <a:lnTo>
                        <a:pt x="674" y="203"/>
                      </a:lnTo>
                      <a:lnTo>
                        <a:pt x="577" y="237"/>
                      </a:lnTo>
                      <a:lnTo>
                        <a:pt x="488" y="272"/>
                      </a:lnTo>
                      <a:lnTo>
                        <a:pt x="404" y="310"/>
                      </a:lnTo>
                      <a:lnTo>
                        <a:pt x="328" y="350"/>
                      </a:lnTo>
                      <a:lnTo>
                        <a:pt x="326" y="351"/>
                      </a:lnTo>
                      <a:lnTo>
                        <a:pt x="255" y="393"/>
                      </a:lnTo>
                      <a:lnTo>
                        <a:pt x="191" y="436"/>
                      </a:lnTo>
                      <a:lnTo>
                        <a:pt x="136" y="482"/>
                      </a:lnTo>
                      <a:lnTo>
                        <a:pt x="90" y="528"/>
                      </a:lnTo>
                      <a:lnTo>
                        <a:pt x="52" y="573"/>
                      </a:lnTo>
                      <a:lnTo>
                        <a:pt x="22" y="621"/>
                      </a:lnTo>
                      <a:lnTo>
                        <a:pt x="1" y="669"/>
                      </a:lnTo>
                      <a:lnTo>
                        <a:pt x="0" y="672"/>
                      </a:lnTo>
                      <a:lnTo>
                        <a:pt x="0" y="673"/>
                      </a:lnTo>
                      <a:lnTo>
                        <a:pt x="21" y="626"/>
                      </a:lnTo>
                      <a:lnTo>
                        <a:pt x="51" y="577"/>
                      </a:lnTo>
                      <a:lnTo>
                        <a:pt x="89" y="532"/>
                      </a:lnTo>
                      <a:lnTo>
                        <a:pt x="135" y="486"/>
                      </a:lnTo>
                      <a:lnTo>
                        <a:pt x="190" y="440"/>
                      </a:lnTo>
                      <a:lnTo>
                        <a:pt x="254" y="397"/>
                      </a:lnTo>
                      <a:lnTo>
                        <a:pt x="324" y="355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53" name="Freeform 23"/>
                <p:cNvSpPr>
                  <a:spLocks/>
                </p:cNvSpPr>
                <p:nvPr/>
              </p:nvSpPr>
              <p:spPr bwMode="auto">
                <a:xfrm flipH="1">
                  <a:off x="234561" y="2408440"/>
                  <a:ext cx="102524" cy="118562"/>
                </a:xfrm>
                <a:custGeom>
                  <a:avLst/>
                  <a:gdLst>
                    <a:gd name="T0" fmla="*/ 2 w 189"/>
                    <a:gd name="T1" fmla="*/ 4 h 220"/>
                    <a:gd name="T2" fmla="*/ 3 w 189"/>
                    <a:gd name="T3" fmla="*/ 4 h 220"/>
                    <a:gd name="T4" fmla="*/ 57 w 189"/>
                    <a:gd name="T5" fmla="*/ 46 h 220"/>
                    <a:gd name="T6" fmla="*/ 101 w 189"/>
                    <a:gd name="T7" fmla="*/ 89 h 220"/>
                    <a:gd name="T8" fmla="*/ 139 w 189"/>
                    <a:gd name="T9" fmla="*/ 132 h 220"/>
                    <a:gd name="T10" fmla="*/ 168 w 189"/>
                    <a:gd name="T11" fmla="*/ 176 h 220"/>
                    <a:gd name="T12" fmla="*/ 189 w 189"/>
                    <a:gd name="T13" fmla="*/ 220 h 220"/>
                    <a:gd name="T14" fmla="*/ 187 w 189"/>
                    <a:gd name="T15" fmla="*/ 218 h 220"/>
                    <a:gd name="T16" fmla="*/ 186 w 189"/>
                    <a:gd name="T17" fmla="*/ 216 h 220"/>
                    <a:gd name="T18" fmla="*/ 165 w 189"/>
                    <a:gd name="T19" fmla="*/ 171 h 220"/>
                    <a:gd name="T20" fmla="*/ 136 w 189"/>
                    <a:gd name="T21" fmla="*/ 128 h 220"/>
                    <a:gd name="T22" fmla="*/ 100 w 189"/>
                    <a:gd name="T23" fmla="*/ 85 h 220"/>
                    <a:gd name="T24" fmla="*/ 54 w 189"/>
                    <a:gd name="T25" fmla="*/ 42 h 220"/>
                    <a:gd name="T26" fmla="*/ 2 w 189"/>
                    <a:gd name="T27" fmla="*/ 0 h 220"/>
                    <a:gd name="T28" fmla="*/ 0 w 189"/>
                    <a:gd name="T29" fmla="*/ 0 h 220"/>
                    <a:gd name="T30" fmla="*/ 2 w 189"/>
                    <a:gd name="T31" fmla="*/ 4 h 220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</a:cxnLst>
                  <a:rect l="0" t="0" r="r" b="b"/>
                  <a:pathLst>
                    <a:path w="189" h="220">
                      <a:moveTo>
                        <a:pt x="2" y="4"/>
                      </a:moveTo>
                      <a:lnTo>
                        <a:pt x="3" y="4"/>
                      </a:lnTo>
                      <a:lnTo>
                        <a:pt x="57" y="46"/>
                      </a:lnTo>
                      <a:lnTo>
                        <a:pt x="101" y="89"/>
                      </a:lnTo>
                      <a:lnTo>
                        <a:pt x="139" y="132"/>
                      </a:lnTo>
                      <a:lnTo>
                        <a:pt x="168" y="176"/>
                      </a:lnTo>
                      <a:lnTo>
                        <a:pt x="189" y="220"/>
                      </a:lnTo>
                      <a:lnTo>
                        <a:pt x="187" y="218"/>
                      </a:lnTo>
                      <a:lnTo>
                        <a:pt x="186" y="216"/>
                      </a:lnTo>
                      <a:lnTo>
                        <a:pt x="165" y="171"/>
                      </a:lnTo>
                      <a:lnTo>
                        <a:pt x="136" y="128"/>
                      </a:lnTo>
                      <a:lnTo>
                        <a:pt x="100" y="85"/>
                      </a:lnTo>
                      <a:lnTo>
                        <a:pt x="54" y="42"/>
                      </a:lnTo>
                      <a:lnTo>
                        <a:pt x="2" y="0"/>
                      </a:lnTo>
                      <a:lnTo>
                        <a:pt x="0" y="0"/>
                      </a:lnTo>
                      <a:lnTo>
                        <a:pt x="2" y="4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54" name="Freeform 24"/>
                <p:cNvSpPr>
                  <a:spLocks/>
                </p:cNvSpPr>
                <p:nvPr/>
              </p:nvSpPr>
              <p:spPr bwMode="auto">
                <a:xfrm flipH="1">
                  <a:off x="279585" y="2523768"/>
                  <a:ext cx="2213766" cy="435445"/>
                </a:xfrm>
                <a:custGeom>
                  <a:avLst/>
                  <a:gdLst>
                    <a:gd name="T0" fmla="*/ 7 w 4081"/>
                    <a:gd name="T1" fmla="*/ 745 h 808"/>
                    <a:gd name="T2" fmla="*/ 45 w 4081"/>
                    <a:gd name="T3" fmla="*/ 648 h 808"/>
                    <a:gd name="T4" fmla="*/ 117 w 4081"/>
                    <a:gd name="T5" fmla="*/ 554 h 808"/>
                    <a:gd name="T6" fmla="*/ 222 w 4081"/>
                    <a:gd name="T7" fmla="*/ 463 h 808"/>
                    <a:gd name="T8" fmla="*/ 358 w 4081"/>
                    <a:gd name="T9" fmla="*/ 376 h 808"/>
                    <a:gd name="T10" fmla="*/ 441 w 4081"/>
                    <a:gd name="T11" fmla="*/ 333 h 808"/>
                    <a:gd name="T12" fmla="*/ 623 w 4081"/>
                    <a:gd name="T13" fmla="*/ 256 h 808"/>
                    <a:gd name="T14" fmla="*/ 834 w 4081"/>
                    <a:gd name="T15" fmla="*/ 186 h 808"/>
                    <a:gd name="T16" fmla="*/ 1071 w 4081"/>
                    <a:gd name="T17" fmla="*/ 126 h 808"/>
                    <a:gd name="T18" fmla="*/ 1207 w 4081"/>
                    <a:gd name="T19" fmla="*/ 99 h 808"/>
                    <a:gd name="T20" fmla="*/ 1385 w 4081"/>
                    <a:gd name="T21" fmla="*/ 68 h 808"/>
                    <a:gd name="T22" fmla="*/ 1750 w 4081"/>
                    <a:gd name="T23" fmla="*/ 25 h 808"/>
                    <a:gd name="T24" fmla="*/ 2119 w 4081"/>
                    <a:gd name="T25" fmla="*/ 7 h 808"/>
                    <a:gd name="T26" fmla="*/ 2309 w 4081"/>
                    <a:gd name="T27" fmla="*/ 6 h 808"/>
                    <a:gd name="T28" fmla="*/ 2619 w 4081"/>
                    <a:gd name="T29" fmla="*/ 17 h 808"/>
                    <a:gd name="T30" fmla="*/ 2918 w 4081"/>
                    <a:gd name="T31" fmla="*/ 44 h 808"/>
                    <a:gd name="T32" fmla="*/ 3200 w 4081"/>
                    <a:gd name="T33" fmla="*/ 87 h 808"/>
                    <a:gd name="T34" fmla="*/ 3340 w 4081"/>
                    <a:gd name="T35" fmla="*/ 114 h 808"/>
                    <a:gd name="T36" fmla="*/ 3560 w 4081"/>
                    <a:gd name="T37" fmla="*/ 171 h 808"/>
                    <a:gd name="T38" fmla="*/ 3758 w 4081"/>
                    <a:gd name="T39" fmla="*/ 237 h 808"/>
                    <a:gd name="T40" fmla="*/ 3932 w 4081"/>
                    <a:gd name="T41" fmla="*/ 313 h 808"/>
                    <a:gd name="T42" fmla="*/ 4079 w 4081"/>
                    <a:gd name="T43" fmla="*/ 401 h 808"/>
                    <a:gd name="T44" fmla="*/ 4081 w 4081"/>
                    <a:gd name="T45" fmla="*/ 401 h 808"/>
                    <a:gd name="T46" fmla="*/ 4077 w 4081"/>
                    <a:gd name="T47" fmla="*/ 396 h 808"/>
                    <a:gd name="T48" fmla="*/ 3932 w 4081"/>
                    <a:gd name="T49" fmla="*/ 309 h 808"/>
                    <a:gd name="T50" fmla="*/ 3758 w 4081"/>
                    <a:gd name="T51" fmla="*/ 232 h 808"/>
                    <a:gd name="T52" fmla="*/ 3560 w 4081"/>
                    <a:gd name="T53" fmla="*/ 167 h 808"/>
                    <a:gd name="T54" fmla="*/ 3340 w 4081"/>
                    <a:gd name="T55" fmla="*/ 110 h 808"/>
                    <a:gd name="T56" fmla="*/ 3200 w 4081"/>
                    <a:gd name="T57" fmla="*/ 83 h 808"/>
                    <a:gd name="T58" fmla="*/ 2918 w 4081"/>
                    <a:gd name="T59" fmla="*/ 40 h 808"/>
                    <a:gd name="T60" fmla="*/ 2619 w 4081"/>
                    <a:gd name="T61" fmla="*/ 12 h 808"/>
                    <a:gd name="T62" fmla="*/ 2309 w 4081"/>
                    <a:gd name="T63" fmla="*/ 2 h 808"/>
                    <a:gd name="T64" fmla="*/ 2119 w 4081"/>
                    <a:gd name="T65" fmla="*/ 2 h 808"/>
                    <a:gd name="T66" fmla="*/ 1750 w 4081"/>
                    <a:gd name="T67" fmla="*/ 21 h 808"/>
                    <a:gd name="T68" fmla="*/ 1385 w 4081"/>
                    <a:gd name="T69" fmla="*/ 63 h 808"/>
                    <a:gd name="T70" fmla="*/ 1207 w 4081"/>
                    <a:gd name="T71" fmla="*/ 93 h 808"/>
                    <a:gd name="T72" fmla="*/ 1071 w 4081"/>
                    <a:gd name="T73" fmla="*/ 122 h 808"/>
                    <a:gd name="T74" fmla="*/ 834 w 4081"/>
                    <a:gd name="T75" fmla="*/ 182 h 808"/>
                    <a:gd name="T76" fmla="*/ 623 w 4081"/>
                    <a:gd name="T77" fmla="*/ 252 h 808"/>
                    <a:gd name="T78" fmla="*/ 441 w 4081"/>
                    <a:gd name="T79" fmla="*/ 329 h 808"/>
                    <a:gd name="T80" fmla="*/ 358 w 4081"/>
                    <a:gd name="T81" fmla="*/ 372 h 808"/>
                    <a:gd name="T82" fmla="*/ 222 w 4081"/>
                    <a:gd name="T83" fmla="*/ 459 h 808"/>
                    <a:gd name="T84" fmla="*/ 117 w 4081"/>
                    <a:gd name="T85" fmla="*/ 549 h 808"/>
                    <a:gd name="T86" fmla="*/ 45 w 4081"/>
                    <a:gd name="T87" fmla="*/ 644 h 808"/>
                    <a:gd name="T88" fmla="*/ 7 w 4081"/>
                    <a:gd name="T89" fmla="*/ 741 h 808"/>
                    <a:gd name="T90" fmla="*/ 2 w 4081"/>
                    <a:gd name="T91" fmla="*/ 773 h 808"/>
                    <a:gd name="T92" fmla="*/ 0 w 4081"/>
                    <a:gd name="T93" fmla="*/ 807 h 808"/>
                    <a:gd name="T94" fmla="*/ 2 w 4081"/>
                    <a:gd name="T95" fmla="*/ 778 h 808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  <a:cxn ang="0">
                      <a:pos x="T86" y="T87"/>
                    </a:cxn>
                    <a:cxn ang="0">
                      <a:pos x="T88" y="T89"/>
                    </a:cxn>
                    <a:cxn ang="0">
                      <a:pos x="T90" y="T91"/>
                    </a:cxn>
                    <a:cxn ang="0">
                      <a:pos x="T92" y="T93"/>
                    </a:cxn>
                    <a:cxn ang="0">
                      <a:pos x="T94" y="T95"/>
                    </a:cxn>
                  </a:cxnLst>
                  <a:rect l="0" t="0" r="r" b="b"/>
                  <a:pathLst>
                    <a:path w="4081" h="808">
                      <a:moveTo>
                        <a:pt x="7" y="748"/>
                      </a:moveTo>
                      <a:lnTo>
                        <a:pt x="7" y="745"/>
                      </a:lnTo>
                      <a:lnTo>
                        <a:pt x="21" y="697"/>
                      </a:lnTo>
                      <a:lnTo>
                        <a:pt x="45" y="648"/>
                      </a:lnTo>
                      <a:lnTo>
                        <a:pt x="76" y="600"/>
                      </a:lnTo>
                      <a:lnTo>
                        <a:pt x="117" y="554"/>
                      </a:lnTo>
                      <a:lnTo>
                        <a:pt x="165" y="507"/>
                      </a:lnTo>
                      <a:lnTo>
                        <a:pt x="222" y="463"/>
                      </a:lnTo>
                      <a:lnTo>
                        <a:pt x="286" y="418"/>
                      </a:lnTo>
                      <a:lnTo>
                        <a:pt x="358" y="376"/>
                      </a:lnTo>
                      <a:lnTo>
                        <a:pt x="362" y="374"/>
                      </a:lnTo>
                      <a:lnTo>
                        <a:pt x="441" y="333"/>
                      </a:lnTo>
                      <a:lnTo>
                        <a:pt x="529" y="294"/>
                      </a:lnTo>
                      <a:lnTo>
                        <a:pt x="623" y="256"/>
                      </a:lnTo>
                      <a:lnTo>
                        <a:pt x="725" y="220"/>
                      </a:lnTo>
                      <a:lnTo>
                        <a:pt x="834" y="186"/>
                      </a:lnTo>
                      <a:lnTo>
                        <a:pt x="949" y="155"/>
                      </a:lnTo>
                      <a:lnTo>
                        <a:pt x="1071" y="126"/>
                      </a:lnTo>
                      <a:lnTo>
                        <a:pt x="1201" y="100"/>
                      </a:lnTo>
                      <a:lnTo>
                        <a:pt x="1207" y="99"/>
                      </a:lnTo>
                      <a:lnTo>
                        <a:pt x="1207" y="99"/>
                      </a:lnTo>
                      <a:lnTo>
                        <a:pt x="1385" y="68"/>
                      </a:lnTo>
                      <a:lnTo>
                        <a:pt x="1567" y="44"/>
                      </a:lnTo>
                      <a:lnTo>
                        <a:pt x="1750" y="25"/>
                      </a:lnTo>
                      <a:lnTo>
                        <a:pt x="1935" y="14"/>
                      </a:lnTo>
                      <a:lnTo>
                        <a:pt x="2119" y="7"/>
                      </a:lnTo>
                      <a:lnTo>
                        <a:pt x="2303" y="6"/>
                      </a:lnTo>
                      <a:lnTo>
                        <a:pt x="2309" y="6"/>
                      </a:lnTo>
                      <a:lnTo>
                        <a:pt x="2465" y="10"/>
                      </a:lnTo>
                      <a:lnTo>
                        <a:pt x="2619" y="17"/>
                      </a:lnTo>
                      <a:lnTo>
                        <a:pt x="2770" y="29"/>
                      </a:lnTo>
                      <a:lnTo>
                        <a:pt x="2918" y="44"/>
                      </a:lnTo>
                      <a:lnTo>
                        <a:pt x="3062" y="63"/>
                      </a:lnTo>
                      <a:lnTo>
                        <a:pt x="3200" y="87"/>
                      </a:lnTo>
                      <a:lnTo>
                        <a:pt x="3335" y="113"/>
                      </a:lnTo>
                      <a:lnTo>
                        <a:pt x="3340" y="114"/>
                      </a:lnTo>
                      <a:lnTo>
                        <a:pt x="3453" y="140"/>
                      </a:lnTo>
                      <a:lnTo>
                        <a:pt x="3560" y="171"/>
                      </a:lnTo>
                      <a:lnTo>
                        <a:pt x="3662" y="202"/>
                      </a:lnTo>
                      <a:lnTo>
                        <a:pt x="3758" y="237"/>
                      </a:lnTo>
                      <a:lnTo>
                        <a:pt x="3848" y="274"/>
                      </a:lnTo>
                      <a:lnTo>
                        <a:pt x="3932" y="313"/>
                      </a:lnTo>
                      <a:lnTo>
                        <a:pt x="4009" y="355"/>
                      </a:lnTo>
                      <a:lnTo>
                        <a:pt x="4079" y="401"/>
                      </a:lnTo>
                      <a:lnTo>
                        <a:pt x="4081" y="402"/>
                      </a:lnTo>
                      <a:lnTo>
                        <a:pt x="4081" y="401"/>
                      </a:lnTo>
                      <a:lnTo>
                        <a:pt x="4081" y="398"/>
                      </a:lnTo>
                      <a:lnTo>
                        <a:pt x="4077" y="396"/>
                      </a:lnTo>
                      <a:lnTo>
                        <a:pt x="4009" y="351"/>
                      </a:lnTo>
                      <a:lnTo>
                        <a:pt x="3932" y="309"/>
                      </a:lnTo>
                      <a:lnTo>
                        <a:pt x="3848" y="270"/>
                      </a:lnTo>
                      <a:lnTo>
                        <a:pt x="3758" y="232"/>
                      </a:lnTo>
                      <a:lnTo>
                        <a:pt x="3662" y="198"/>
                      </a:lnTo>
                      <a:lnTo>
                        <a:pt x="3560" y="167"/>
                      </a:lnTo>
                      <a:lnTo>
                        <a:pt x="3453" y="137"/>
                      </a:lnTo>
                      <a:lnTo>
                        <a:pt x="3340" y="110"/>
                      </a:lnTo>
                      <a:lnTo>
                        <a:pt x="3335" y="109"/>
                      </a:lnTo>
                      <a:lnTo>
                        <a:pt x="3200" y="83"/>
                      </a:lnTo>
                      <a:lnTo>
                        <a:pt x="3062" y="59"/>
                      </a:lnTo>
                      <a:lnTo>
                        <a:pt x="2918" y="40"/>
                      </a:lnTo>
                      <a:lnTo>
                        <a:pt x="2770" y="24"/>
                      </a:lnTo>
                      <a:lnTo>
                        <a:pt x="2619" y="12"/>
                      </a:lnTo>
                      <a:lnTo>
                        <a:pt x="2465" y="4"/>
                      </a:lnTo>
                      <a:lnTo>
                        <a:pt x="2309" y="2"/>
                      </a:lnTo>
                      <a:lnTo>
                        <a:pt x="2303" y="0"/>
                      </a:lnTo>
                      <a:lnTo>
                        <a:pt x="2119" y="2"/>
                      </a:lnTo>
                      <a:lnTo>
                        <a:pt x="1935" y="8"/>
                      </a:lnTo>
                      <a:lnTo>
                        <a:pt x="1750" y="21"/>
                      </a:lnTo>
                      <a:lnTo>
                        <a:pt x="1567" y="40"/>
                      </a:lnTo>
                      <a:lnTo>
                        <a:pt x="1385" y="63"/>
                      </a:lnTo>
                      <a:lnTo>
                        <a:pt x="1207" y="93"/>
                      </a:lnTo>
                      <a:lnTo>
                        <a:pt x="1207" y="93"/>
                      </a:lnTo>
                      <a:lnTo>
                        <a:pt x="1201" y="95"/>
                      </a:lnTo>
                      <a:lnTo>
                        <a:pt x="1071" y="122"/>
                      </a:lnTo>
                      <a:lnTo>
                        <a:pt x="949" y="151"/>
                      </a:lnTo>
                      <a:lnTo>
                        <a:pt x="834" y="182"/>
                      </a:lnTo>
                      <a:lnTo>
                        <a:pt x="725" y="215"/>
                      </a:lnTo>
                      <a:lnTo>
                        <a:pt x="623" y="252"/>
                      </a:lnTo>
                      <a:lnTo>
                        <a:pt x="529" y="290"/>
                      </a:lnTo>
                      <a:lnTo>
                        <a:pt x="441" y="329"/>
                      </a:lnTo>
                      <a:lnTo>
                        <a:pt x="362" y="370"/>
                      </a:lnTo>
                      <a:lnTo>
                        <a:pt x="358" y="372"/>
                      </a:lnTo>
                      <a:lnTo>
                        <a:pt x="286" y="414"/>
                      </a:lnTo>
                      <a:lnTo>
                        <a:pt x="222" y="459"/>
                      </a:lnTo>
                      <a:lnTo>
                        <a:pt x="165" y="503"/>
                      </a:lnTo>
                      <a:lnTo>
                        <a:pt x="117" y="549"/>
                      </a:lnTo>
                      <a:lnTo>
                        <a:pt x="76" y="596"/>
                      </a:lnTo>
                      <a:lnTo>
                        <a:pt x="45" y="644"/>
                      </a:lnTo>
                      <a:lnTo>
                        <a:pt x="21" y="692"/>
                      </a:lnTo>
                      <a:lnTo>
                        <a:pt x="7" y="741"/>
                      </a:lnTo>
                      <a:lnTo>
                        <a:pt x="6" y="743"/>
                      </a:lnTo>
                      <a:lnTo>
                        <a:pt x="2" y="773"/>
                      </a:lnTo>
                      <a:lnTo>
                        <a:pt x="0" y="803"/>
                      </a:lnTo>
                      <a:lnTo>
                        <a:pt x="0" y="807"/>
                      </a:lnTo>
                      <a:lnTo>
                        <a:pt x="0" y="808"/>
                      </a:lnTo>
                      <a:lnTo>
                        <a:pt x="2" y="778"/>
                      </a:lnTo>
                      <a:lnTo>
                        <a:pt x="7" y="748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55" name="Freeform 25"/>
                <p:cNvSpPr>
                  <a:spLocks/>
                </p:cNvSpPr>
                <p:nvPr/>
              </p:nvSpPr>
              <p:spPr bwMode="auto">
                <a:xfrm flipH="1">
                  <a:off x="160244" y="2740413"/>
                  <a:ext cx="116629" cy="176765"/>
                </a:xfrm>
                <a:custGeom>
                  <a:avLst/>
                  <a:gdLst>
                    <a:gd name="T0" fmla="*/ 0 w 215"/>
                    <a:gd name="T1" fmla="*/ 4 h 328"/>
                    <a:gd name="T2" fmla="*/ 0 w 215"/>
                    <a:gd name="T3" fmla="*/ 4 h 328"/>
                    <a:gd name="T4" fmla="*/ 58 w 215"/>
                    <a:gd name="T5" fmla="*/ 49 h 328"/>
                    <a:gd name="T6" fmla="*/ 105 w 215"/>
                    <a:gd name="T7" fmla="*/ 95 h 328"/>
                    <a:gd name="T8" fmla="*/ 144 w 215"/>
                    <a:gd name="T9" fmla="*/ 140 h 328"/>
                    <a:gd name="T10" fmla="*/ 176 w 215"/>
                    <a:gd name="T11" fmla="*/ 188 h 328"/>
                    <a:gd name="T12" fmla="*/ 197 w 215"/>
                    <a:gd name="T13" fmla="*/ 233 h 328"/>
                    <a:gd name="T14" fmla="*/ 210 w 215"/>
                    <a:gd name="T15" fmla="*/ 280 h 328"/>
                    <a:gd name="T16" fmla="*/ 215 w 215"/>
                    <a:gd name="T17" fmla="*/ 328 h 328"/>
                    <a:gd name="T18" fmla="*/ 215 w 215"/>
                    <a:gd name="T19" fmla="*/ 326 h 328"/>
                    <a:gd name="T20" fmla="*/ 215 w 215"/>
                    <a:gd name="T21" fmla="*/ 324 h 328"/>
                    <a:gd name="T22" fmla="*/ 210 w 215"/>
                    <a:gd name="T23" fmla="*/ 277 h 328"/>
                    <a:gd name="T24" fmla="*/ 197 w 215"/>
                    <a:gd name="T25" fmla="*/ 229 h 328"/>
                    <a:gd name="T26" fmla="*/ 175 w 215"/>
                    <a:gd name="T27" fmla="*/ 182 h 328"/>
                    <a:gd name="T28" fmla="*/ 144 w 215"/>
                    <a:gd name="T29" fmla="*/ 136 h 328"/>
                    <a:gd name="T30" fmla="*/ 105 w 215"/>
                    <a:gd name="T31" fmla="*/ 91 h 328"/>
                    <a:gd name="T32" fmla="*/ 58 w 215"/>
                    <a:gd name="T33" fmla="*/ 45 h 328"/>
                    <a:gd name="T34" fmla="*/ 0 w 215"/>
                    <a:gd name="T35" fmla="*/ 0 h 328"/>
                    <a:gd name="T36" fmla="*/ 0 w 215"/>
                    <a:gd name="T37" fmla="*/ 0 h 328"/>
                    <a:gd name="T38" fmla="*/ 0 w 215"/>
                    <a:gd name="T39" fmla="*/ 3 h 328"/>
                    <a:gd name="T40" fmla="*/ 0 w 215"/>
                    <a:gd name="T41" fmla="*/ 4 h 328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</a:cxnLst>
                  <a:rect l="0" t="0" r="r" b="b"/>
                  <a:pathLst>
                    <a:path w="215" h="328">
                      <a:moveTo>
                        <a:pt x="0" y="4"/>
                      </a:moveTo>
                      <a:lnTo>
                        <a:pt x="0" y="4"/>
                      </a:lnTo>
                      <a:lnTo>
                        <a:pt x="58" y="49"/>
                      </a:lnTo>
                      <a:lnTo>
                        <a:pt x="105" y="95"/>
                      </a:lnTo>
                      <a:lnTo>
                        <a:pt x="144" y="140"/>
                      </a:lnTo>
                      <a:lnTo>
                        <a:pt x="176" y="188"/>
                      </a:lnTo>
                      <a:lnTo>
                        <a:pt x="197" y="233"/>
                      </a:lnTo>
                      <a:lnTo>
                        <a:pt x="210" y="280"/>
                      </a:lnTo>
                      <a:lnTo>
                        <a:pt x="215" y="328"/>
                      </a:lnTo>
                      <a:lnTo>
                        <a:pt x="215" y="326"/>
                      </a:lnTo>
                      <a:lnTo>
                        <a:pt x="215" y="324"/>
                      </a:lnTo>
                      <a:lnTo>
                        <a:pt x="210" y="277"/>
                      </a:lnTo>
                      <a:lnTo>
                        <a:pt x="197" y="229"/>
                      </a:lnTo>
                      <a:lnTo>
                        <a:pt x="175" y="182"/>
                      </a:lnTo>
                      <a:lnTo>
                        <a:pt x="144" y="136"/>
                      </a:lnTo>
                      <a:lnTo>
                        <a:pt x="105" y="91"/>
                      </a:lnTo>
                      <a:lnTo>
                        <a:pt x="58" y="45"/>
                      </a:lnTo>
                      <a:lnTo>
                        <a:pt x="0" y="0"/>
                      </a:lnTo>
                      <a:lnTo>
                        <a:pt x="0" y="0"/>
                      </a:lnTo>
                      <a:lnTo>
                        <a:pt x="0" y="3"/>
                      </a:lnTo>
                      <a:lnTo>
                        <a:pt x="0" y="4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56" name="Freeform 26"/>
                <p:cNvSpPr>
                  <a:spLocks/>
                </p:cNvSpPr>
                <p:nvPr/>
              </p:nvSpPr>
              <p:spPr bwMode="auto">
                <a:xfrm flipH="1">
                  <a:off x="326236" y="2887538"/>
                  <a:ext cx="2101478" cy="461852"/>
                </a:xfrm>
                <a:custGeom>
                  <a:avLst/>
                  <a:gdLst>
                    <a:gd name="T0" fmla="*/ 6 w 3874"/>
                    <a:gd name="T1" fmla="*/ 707 h 857"/>
                    <a:gd name="T2" fmla="*/ 43 w 3874"/>
                    <a:gd name="T3" fmla="*/ 615 h 857"/>
                    <a:gd name="T4" fmla="*/ 111 w 3874"/>
                    <a:gd name="T5" fmla="*/ 525 h 857"/>
                    <a:gd name="T6" fmla="*/ 210 w 3874"/>
                    <a:gd name="T7" fmla="*/ 438 h 857"/>
                    <a:gd name="T8" fmla="*/ 340 w 3874"/>
                    <a:gd name="T9" fmla="*/ 356 h 857"/>
                    <a:gd name="T10" fmla="*/ 419 w 3874"/>
                    <a:gd name="T11" fmla="*/ 315 h 857"/>
                    <a:gd name="T12" fmla="*/ 591 w 3874"/>
                    <a:gd name="T13" fmla="*/ 242 h 857"/>
                    <a:gd name="T14" fmla="*/ 792 w 3874"/>
                    <a:gd name="T15" fmla="*/ 176 h 857"/>
                    <a:gd name="T16" fmla="*/ 1017 w 3874"/>
                    <a:gd name="T17" fmla="*/ 119 h 857"/>
                    <a:gd name="T18" fmla="*/ 1145 w 3874"/>
                    <a:gd name="T19" fmla="*/ 93 h 857"/>
                    <a:gd name="T20" fmla="*/ 1315 w 3874"/>
                    <a:gd name="T21" fmla="*/ 64 h 857"/>
                    <a:gd name="T22" fmla="*/ 1661 w 3874"/>
                    <a:gd name="T23" fmla="*/ 23 h 857"/>
                    <a:gd name="T24" fmla="*/ 2011 w 3874"/>
                    <a:gd name="T25" fmla="*/ 5 h 857"/>
                    <a:gd name="T26" fmla="*/ 2192 w 3874"/>
                    <a:gd name="T27" fmla="*/ 5 h 857"/>
                    <a:gd name="T28" fmla="*/ 2485 w 3874"/>
                    <a:gd name="T29" fmla="*/ 15 h 857"/>
                    <a:gd name="T30" fmla="*/ 2769 w 3874"/>
                    <a:gd name="T31" fmla="*/ 41 h 857"/>
                    <a:gd name="T32" fmla="*/ 3038 w 3874"/>
                    <a:gd name="T33" fmla="*/ 82 h 857"/>
                    <a:gd name="T34" fmla="*/ 3170 w 3874"/>
                    <a:gd name="T35" fmla="*/ 108 h 857"/>
                    <a:gd name="T36" fmla="*/ 3379 w 3874"/>
                    <a:gd name="T37" fmla="*/ 161 h 857"/>
                    <a:gd name="T38" fmla="*/ 3566 w 3874"/>
                    <a:gd name="T39" fmla="*/ 223 h 857"/>
                    <a:gd name="T40" fmla="*/ 3731 w 3874"/>
                    <a:gd name="T41" fmla="*/ 297 h 857"/>
                    <a:gd name="T42" fmla="*/ 3870 w 3874"/>
                    <a:gd name="T43" fmla="*/ 379 h 857"/>
                    <a:gd name="T44" fmla="*/ 3873 w 3874"/>
                    <a:gd name="T45" fmla="*/ 382 h 857"/>
                    <a:gd name="T46" fmla="*/ 3874 w 3874"/>
                    <a:gd name="T47" fmla="*/ 377 h 857"/>
                    <a:gd name="T48" fmla="*/ 3806 w 3874"/>
                    <a:gd name="T49" fmla="*/ 333 h 857"/>
                    <a:gd name="T50" fmla="*/ 3654 w 3874"/>
                    <a:gd name="T51" fmla="*/ 255 h 857"/>
                    <a:gd name="T52" fmla="*/ 3476 w 3874"/>
                    <a:gd name="T53" fmla="*/ 187 h 857"/>
                    <a:gd name="T54" fmla="*/ 3277 w 3874"/>
                    <a:gd name="T55" fmla="*/ 129 h 857"/>
                    <a:gd name="T56" fmla="*/ 3166 w 3874"/>
                    <a:gd name="T57" fmla="*/ 103 h 857"/>
                    <a:gd name="T58" fmla="*/ 2907 w 3874"/>
                    <a:gd name="T59" fmla="*/ 55 h 857"/>
                    <a:gd name="T60" fmla="*/ 2629 w 3874"/>
                    <a:gd name="T61" fmla="*/ 22 h 857"/>
                    <a:gd name="T62" fmla="*/ 2340 w 3874"/>
                    <a:gd name="T63" fmla="*/ 4 h 857"/>
                    <a:gd name="T64" fmla="*/ 2185 w 3874"/>
                    <a:gd name="T65" fmla="*/ 0 h 857"/>
                    <a:gd name="T66" fmla="*/ 1836 w 3874"/>
                    <a:gd name="T67" fmla="*/ 7 h 857"/>
                    <a:gd name="T68" fmla="*/ 1487 w 3874"/>
                    <a:gd name="T69" fmla="*/ 36 h 857"/>
                    <a:gd name="T70" fmla="*/ 1145 w 3874"/>
                    <a:gd name="T71" fmla="*/ 89 h 857"/>
                    <a:gd name="T72" fmla="*/ 1138 w 3874"/>
                    <a:gd name="T73" fmla="*/ 90 h 857"/>
                    <a:gd name="T74" fmla="*/ 900 w 3874"/>
                    <a:gd name="T75" fmla="*/ 142 h 857"/>
                    <a:gd name="T76" fmla="*/ 687 w 3874"/>
                    <a:gd name="T77" fmla="*/ 204 h 857"/>
                    <a:gd name="T78" fmla="*/ 501 w 3874"/>
                    <a:gd name="T79" fmla="*/ 273 h 857"/>
                    <a:gd name="T80" fmla="*/ 341 w 3874"/>
                    <a:gd name="T81" fmla="*/ 350 h 857"/>
                    <a:gd name="T82" fmla="*/ 271 w 3874"/>
                    <a:gd name="T83" fmla="*/ 392 h 857"/>
                    <a:gd name="T84" fmla="*/ 155 w 3874"/>
                    <a:gd name="T85" fmla="*/ 477 h 857"/>
                    <a:gd name="T86" fmla="*/ 72 w 3874"/>
                    <a:gd name="T87" fmla="*/ 565 h 857"/>
                    <a:gd name="T88" fmla="*/ 19 w 3874"/>
                    <a:gd name="T89" fmla="*/ 657 h 857"/>
                    <a:gd name="T90" fmla="*/ 5 w 3874"/>
                    <a:gd name="T91" fmla="*/ 705 h 857"/>
                    <a:gd name="T92" fmla="*/ 4 w 3874"/>
                    <a:gd name="T93" fmla="*/ 803 h 857"/>
                    <a:gd name="T94" fmla="*/ 19 w 3874"/>
                    <a:gd name="T95" fmla="*/ 857 h 857"/>
                    <a:gd name="T96" fmla="*/ 1 w 3874"/>
                    <a:gd name="T97" fmla="*/ 758 h 857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  <a:cxn ang="0">
                      <a:pos x="T86" y="T87"/>
                    </a:cxn>
                    <a:cxn ang="0">
                      <a:pos x="T88" y="T89"/>
                    </a:cxn>
                    <a:cxn ang="0">
                      <a:pos x="T90" y="T91"/>
                    </a:cxn>
                    <a:cxn ang="0">
                      <a:pos x="T92" y="T93"/>
                    </a:cxn>
                    <a:cxn ang="0">
                      <a:pos x="T94" y="T95"/>
                    </a:cxn>
                    <a:cxn ang="0">
                      <a:pos x="T96" y="T97"/>
                    </a:cxn>
                  </a:cxnLst>
                  <a:rect l="0" t="0" r="r" b="b"/>
                  <a:pathLst>
                    <a:path w="3874" h="857">
                      <a:moveTo>
                        <a:pt x="6" y="709"/>
                      </a:moveTo>
                      <a:lnTo>
                        <a:pt x="6" y="707"/>
                      </a:lnTo>
                      <a:lnTo>
                        <a:pt x="21" y="661"/>
                      </a:lnTo>
                      <a:lnTo>
                        <a:pt x="43" y="615"/>
                      </a:lnTo>
                      <a:lnTo>
                        <a:pt x="73" y="569"/>
                      </a:lnTo>
                      <a:lnTo>
                        <a:pt x="111" y="525"/>
                      </a:lnTo>
                      <a:lnTo>
                        <a:pt x="157" y="481"/>
                      </a:lnTo>
                      <a:lnTo>
                        <a:pt x="210" y="438"/>
                      </a:lnTo>
                      <a:lnTo>
                        <a:pt x="272" y="396"/>
                      </a:lnTo>
                      <a:lnTo>
                        <a:pt x="340" y="356"/>
                      </a:lnTo>
                      <a:lnTo>
                        <a:pt x="343" y="354"/>
                      </a:lnTo>
                      <a:lnTo>
                        <a:pt x="419" y="315"/>
                      </a:lnTo>
                      <a:lnTo>
                        <a:pt x="502" y="277"/>
                      </a:lnTo>
                      <a:lnTo>
                        <a:pt x="591" y="242"/>
                      </a:lnTo>
                      <a:lnTo>
                        <a:pt x="688" y="208"/>
                      </a:lnTo>
                      <a:lnTo>
                        <a:pt x="792" y="176"/>
                      </a:lnTo>
                      <a:lnTo>
                        <a:pt x="902" y="146"/>
                      </a:lnTo>
                      <a:lnTo>
                        <a:pt x="1017" y="119"/>
                      </a:lnTo>
                      <a:lnTo>
                        <a:pt x="1140" y="94"/>
                      </a:lnTo>
                      <a:lnTo>
                        <a:pt x="1145" y="93"/>
                      </a:lnTo>
                      <a:lnTo>
                        <a:pt x="1145" y="93"/>
                      </a:lnTo>
                      <a:lnTo>
                        <a:pt x="1315" y="64"/>
                      </a:lnTo>
                      <a:lnTo>
                        <a:pt x="1487" y="40"/>
                      </a:lnTo>
                      <a:lnTo>
                        <a:pt x="1661" y="23"/>
                      </a:lnTo>
                      <a:lnTo>
                        <a:pt x="1836" y="11"/>
                      </a:lnTo>
                      <a:lnTo>
                        <a:pt x="2011" y="5"/>
                      </a:lnTo>
                      <a:lnTo>
                        <a:pt x="2185" y="5"/>
                      </a:lnTo>
                      <a:lnTo>
                        <a:pt x="2192" y="5"/>
                      </a:lnTo>
                      <a:lnTo>
                        <a:pt x="2340" y="7"/>
                      </a:lnTo>
                      <a:lnTo>
                        <a:pt x="2485" y="15"/>
                      </a:lnTo>
                      <a:lnTo>
                        <a:pt x="2629" y="27"/>
                      </a:lnTo>
                      <a:lnTo>
                        <a:pt x="2769" y="41"/>
                      </a:lnTo>
                      <a:lnTo>
                        <a:pt x="2905" y="60"/>
                      </a:lnTo>
                      <a:lnTo>
                        <a:pt x="3038" y="82"/>
                      </a:lnTo>
                      <a:lnTo>
                        <a:pt x="3164" y="107"/>
                      </a:lnTo>
                      <a:lnTo>
                        <a:pt x="3170" y="108"/>
                      </a:lnTo>
                      <a:lnTo>
                        <a:pt x="3277" y="133"/>
                      </a:lnTo>
                      <a:lnTo>
                        <a:pt x="3379" y="161"/>
                      </a:lnTo>
                      <a:lnTo>
                        <a:pt x="3476" y="191"/>
                      </a:lnTo>
                      <a:lnTo>
                        <a:pt x="3566" y="223"/>
                      </a:lnTo>
                      <a:lnTo>
                        <a:pt x="3653" y="259"/>
                      </a:lnTo>
                      <a:lnTo>
                        <a:pt x="3731" y="297"/>
                      </a:lnTo>
                      <a:lnTo>
                        <a:pt x="3805" y="337"/>
                      </a:lnTo>
                      <a:lnTo>
                        <a:pt x="3870" y="379"/>
                      </a:lnTo>
                      <a:lnTo>
                        <a:pt x="3873" y="382"/>
                      </a:lnTo>
                      <a:lnTo>
                        <a:pt x="3873" y="382"/>
                      </a:lnTo>
                      <a:lnTo>
                        <a:pt x="3874" y="378"/>
                      </a:lnTo>
                      <a:lnTo>
                        <a:pt x="3874" y="377"/>
                      </a:lnTo>
                      <a:lnTo>
                        <a:pt x="3871" y="375"/>
                      </a:lnTo>
                      <a:lnTo>
                        <a:pt x="3806" y="333"/>
                      </a:lnTo>
                      <a:lnTo>
                        <a:pt x="3733" y="293"/>
                      </a:lnTo>
                      <a:lnTo>
                        <a:pt x="3654" y="255"/>
                      </a:lnTo>
                      <a:lnTo>
                        <a:pt x="3568" y="220"/>
                      </a:lnTo>
                      <a:lnTo>
                        <a:pt x="3476" y="187"/>
                      </a:lnTo>
                      <a:lnTo>
                        <a:pt x="3379" y="157"/>
                      </a:lnTo>
                      <a:lnTo>
                        <a:pt x="3277" y="129"/>
                      </a:lnTo>
                      <a:lnTo>
                        <a:pt x="3171" y="104"/>
                      </a:lnTo>
                      <a:lnTo>
                        <a:pt x="3166" y="103"/>
                      </a:lnTo>
                      <a:lnTo>
                        <a:pt x="3039" y="77"/>
                      </a:lnTo>
                      <a:lnTo>
                        <a:pt x="2907" y="55"/>
                      </a:lnTo>
                      <a:lnTo>
                        <a:pt x="2769" y="36"/>
                      </a:lnTo>
                      <a:lnTo>
                        <a:pt x="2629" y="22"/>
                      </a:lnTo>
                      <a:lnTo>
                        <a:pt x="2485" y="11"/>
                      </a:lnTo>
                      <a:lnTo>
                        <a:pt x="2340" y="4"/>
                      </a:lnTo>
                      <a:lnTo>
                        <a:pt x="2192" y="0"/>
                      </a:lnTo>
                      <a:lnTo>
                        <a:pt x="2185" y="0"/>
                      </a:lnTo>
                      <a:lnTo>
                        <a:pt x="2011" y="1"/>
                      </a:lnTo>
                      <a:lnTo>
                        <a:pt x="1836" y="7"/>
                      </a:lnTo>
                      <a:lnTo>
                        <a:pt x="1661" y="19"/>
                      </a:lnTo>
                      <a:lnTo>
                        <a:pt x="1487" y="36"/>
                      </a:lnTo>
                      <a:lnTo>
                        <a:pt x="1314" y="60"/>
                      </a:lnTo>
                      <a:lnTo>
                        <a:pt x="1145" y="89"/>
                      </a:lnTo>
                      <a:lnTo>
                        <a:pt x="1145" y="89"/>
                      </a:lnTo>
                      <a:lnTo>
                        <a:pt x="1138" y="90"/>
                      </a:lnTo>
                      <a:lnTo>
                        <a:pt x="1017" y="115"/>
                      </a:lnTo>
                      <a:lnTo>
                        <a:pt x="900" y="142"/>
                      </a:lnTo>
                      <a:lnTo>
                        <a:pt x="790" y="172"/>
                      </a:lnTo>
                      <a:lnTo>
                        <a:pt x="687" y="204"/>
                      </a:lnTo>
                      <a:lnTo>
                        <a:pt x="590" y="238"/>
                      </a:lnTo>
                      <a:lnTo>
                        <a:pt x="501" y="273"/>
                      </a:lnTo>
                      <a:lnTo>
                        <a:pt x="417" y="311"/>
                      </a:lnTo>
                      <a:lnTo>
                        <a:pt x="341" y="350"/>
                      </a:lnTo>
                      <a:lnTo>
                        <a:pt x="339" y="352"/>
                      </a:lnTo>
                      <a:lnTo>
                        <a:pt x="271" y="392"/>
                      </a:lnTo>
                      <a:lnTo>
                        <a:pt x="209" y="434"/>
                      </a:lnTo>
                      <a:lnTo>
                        <a:pt x="155" y="477"/>
                      </a:lnTo>
                      <a:lnTo>
                        <a:pt x="110" y="521"/>
                      </a:lnTo>
                      <a:lnTo>
                        <a:pt x="72" y="565"/>
                      </a:lnTo>
                      <a:lnTo>
                        <a:pt x="42" y="611"/>
                      </a:lnTo>
                      <a:lnTo>
                        <a:pt x="19" y="657"/>
                      </a:lnTo>
                      <a:lnTo>
                        <a:pt x="5" y="703"/>
                      </a:lnTo>
                      <a:lnTo>
                        <a:pt x="5" y="705"/>
                      </a:lnTo>
                      <a:lnTo>
                        <a:pt x="0" y="754"/>
                      </a:lnTo>
                      <a:lnTo>
                        <a:pt x="4" y="803"/>
                      </a:lnTo>
                      <a:lnTo>
                        <a:pt x="17" y="853"/>
                      </a:lnTo>
                      <a:lnTo>
                        <a:pt x="19" y="857"/>
                      </a:lnTo>
                      <a:lnTo>
                        <a:pt x="5" y="807"/>
                      </a:lnTo>
                      <a:lnTo>
                        <a:pt x="1" y="758"/>
                      </a:lnTo>
                      <a:lnTo>
                        <a:pt x="6" y="709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57" name="Freeform 27"/>
                <p:cNvSpPr>
                  <a:spLocks/>
                </p:cNvSpPr>
                <p:nvPr/>
              </p:nvSpPr>
              <p:spPr bwMode="auto">
                <a:xfrm flipH="1">
                  <a:off x="212863" y="3093404"/>
                  <a:ext cx="110661" cy="216645"/>
                </a:xfrm>
                <a:custGeom>
                  <a:avLst/>
                  <a:gdLst>
                    <a:gd name="T0" fmla="*/ 0 w 204"/>
                    <a:gd name="T1" fmla="*/ 4 h 402"/>
                    <a:gd name="T2" fmla="*/ 55 w 204"/>
                    <a:gd name="T3" fmla="*/ 47 h 402"/>
                    <a:gd name="T4" fmla="*/ 102 w 204"/>
                    <a:gd name="T5" fmla="*/ 93 h 402"/>
                    <a:gd name="T6" fmla="*/ 140 w 204"/>
                    <a:gd name="T7" fmla="*/ 137 h 402"/>
                    <a:gd name="T8" fmla="*/ 169 w 204"/>
                    <a:gd name="T9" fmla="*/ 184 h 402"/>
                    <a:gd name="T10" fmla="*/ 189 w 204"/>
                    <a:gd name="T11" fmla="*/ 230 h 402"/>
                    <a:gd name="T12" fmla="*/ 200 w 204"/>
                    <a:gd name="T13" fmla="*/ 276 h 402"/>
                    <a:gd name="T14" fmla="*/ 203 w 204"/>
                    <a:gd name="T15" fmla="*/ 323 h 402"/>
                    <a:gd name="T16" fmla="*/ 196 w 204"/>
                    <a:gd name="T17" fmla="*/ 369 h 402"/>
                    <a:gd name="T18" fmla="*/ 196 w 204"/>
                    <a:gd name="T19" fmla="*/ 372 h 402"/>
                    <a:gd name="T20" fmla="*/ 189 w 204"/>
                    <a:gd name="T21" fmla="*/ 402 h 402"/>
                    <a:gd name="T22" fmla="*/ 190 w 204"/>
                    <a:gd name="T23" fmla="*/ 398 h 402"/>
                    <a:gd name="T24" fmla="*/ 198 w 204"/>
                    <a:gd name="T25" fmla="*/ 368 h 402"/>
                    <a:gd name="T26" fmla="*/ 198 w 204"/>
                    <a:gd name="T27" fmla="*/ 365 h 402"/>
                    <a:gd name="T28" fmla="*/ 204 w 204"/>
                    <a:gd name="T29" fmla="*/ 319 h 402"/>
                    <a:gd name="T30" fmla="*/ 202 w 204"/>
                    <a:gd name="T31" fmla="*/ 272 h 402"/>
                    <a:gd name="T32" fmla="*/ 190 w 204"/>
                    <a:gd name="T33" fmla="*/ 226 h 402"/>
                    <a:gd name="T34" fmla="*/ 170 w 204"/>
                    <a:gd name="T35" fmla="*/ 179 h 402"/>
                    <a:gd name="T36" fmla="*/ 141 w 204"/>
                    <a:gd name="T37" fmla="*/ 133 h 402"/>
                    <a:gd name="T38" fmla="*/ 104 w 204"/>
                    <a:gd name="T39" fmla="*/ 89 h 402"/>
                    <a:gd name="T40" fmla="*/ 56 w 204"/>
                    <a:gd name="T41" fmla="*/ 43 h 402"/>
                    <a:gd name="T42" fmla="*/ 0 w 204"/>
                    <a:gd name="T43" fmla="*/ 0 h 402"/>
                    <a:gd name="T44" fmla="*/ 0 w 204"/>
                    <a:gd name="T45" fmla="*/ 4 h 402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</a:cxnLst>
                  <a:rect l="0" t="0" r="r" b="b"/>
                  <a:pathLst>
                    <a:path w="204" h="402">
                      <a:moveTo>
                        <a:pt x="0" y="4"/>
                      </a:moveTo>
                      <a:lnTo>
                        <a:pt x="55" y="47"/>
                      </a:lnTo>
                      <a:lnTo>
                        <a:pt x="102" y="93"/>
                      </a:lnTo>
                      <a:lnTo>
                        <a:pt x="140" y="137"/>
                      </a:lnTo>
                      <a:lnTo>
                        <a:pt x="169" y="184"/>
                      </a:lnTo>
                      <a:lnTo>
                        <a:pt x="189" y="230"/>
                      </a:lnTo>
                      <a:lnTo>
                        <a:pt x="200" y="276"/>
                      </a:lnTo>
                      <a:lnTo>
                        <a:pt x="203" y="323"/>
                      </a:lnTo>
                      <a:lnTo>
                        <a:pt x="196" y="369"/>
                      </a:lnTo>
                      <a:lnTo>
                        <a:pt x="196" y="372"/>
                      </a:lnTo>
                      <a:lnTo>
                        <a:pt x="189" y="402"/>
                      </a:lnTo>
                      <a:lnTo>
                        <a:pt x="190" y="398"/>
                      </a:lnTo>
                      <a:lnTo>
                        <a:pt x="198" y="368"/>
                      </a:lnTo>
                      <a:lnTo>
                        <a:pt x="198" y="365"/>
                      </a:lnTo>
                      <a:lnTo>
                        <a:pt x="204" y="319"/>
                      </a:lnTo>
                      <a:lnTo>
                        <a:pt x="202" y="272"/>
                      </a:lnTo>
                      <a:lnTo>
                        <a:pt x="190" y="226"/>
                      </a:lnTo>
                      <a:lnTo>
                        <a:pt x="170" y="179"/>
                      </a:lnTo>
                      <a:lnTo>
                        <a:pt x="141" y="133"/>
                      </a:lnTo>
                      <a:lnTo>
                        <a:pt x="104" y="89"/>
                      </a:lnTo>
                      <a:lnTo>
                        <a:pt x="56" y="43"/>
                      </a:lnTo>
                      <a:lnTo>
                        <a:pt x="0" y="0"/>
                      </a:lnTo>
                      <a:lnTo>
                        <a:pt x="0" y="4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58" name="Freeform 28"/>
                <p:cNvSpPr>
                  <a:spLocks/>
                </p:cNvSpPr>
                <p:nvPr/>
              </p:nvSpPr>
              <p:spPr bwMode="auto">
                <a:xfrm flipH="1">
                  <a:off x="468359" y="3243762"/>
                  <a:ext cx="1789022" cy="442990"/>
                </a:xfrm>
                <a:custGeom>
                  <a:avLst/>
                  <a:gdLst>
                    <a:gd name="T0" fmla="*/ 6 w 3298"/>
                    <a:gd name="T1" fmla="*/ 601 h 822"/>
                    <a:gd name="T2" fmla="*/ 44 w 3298"/>
                    <a:gd name="T3" fmla="*/ 512 h 822"/>
                    <a:gd name="T4" fmla="*/ 118 w 3298"/>
                    <a:gd name="T5" fmla="*/ 424 h 822"/>
                    <a:gd name="T6" fmla="*/ 224 w 3298"/>
                    <a:gd name="T7" fmla="*/ 341 h 822"/>
                    <a:gd name="T8" fmla="*/ 293 w 3298"/>
                    <a:gd name="T9" fmla="*/ 301 h 822"/>
                    <a:gd name="T10" fmla="*/ 449 w 3298"/>
                    <a:gd name="T11" fmla="*/ 227 h 822"/>
                    <a:gd name="T12" fmla="*/ 636 w 3298"/>
                    <a:gd name="T13" fmla="*/ 161 h 822"/>
                    <a:gd name="T14" fmla="*/ 852 w 3298"/>
                    <a:gd name="T15" fmla="*/ 104 h 822"/>
                    <a:gd name="T16" fmla="*/ 975 w 3298"/>
                    <a:gd name="T17" fmla="*/ 78 h 822"/>
                    <a:gd name="T18" fmla="*/ 1119 w 3298"/>
                    <a:gd name="T19" fmla="*/ 53 h 822"/>
                    <a:gd name="T20" fmla="*/ 1413 w 3298"/>
                    <a:gd name="T21" fmla="*/ 19 h 822"/>
                    <a:gd name="T22" fmla="*/ 1712 w 3298"/>
                    <a:gd name="T23" fmla="*/ 4 h 822"/>
                    <a:gd name="T24" fmla="*/ 1865 w 3298"/>
                    <a:gd name="T25" fmla="*/ 4 h 822"/>
                    <a:gd name="T26" fmla="*/ 2155 w 3298"/>
                    <a:gd name="T27" fmla="*/ 15 h 822"/>
                    <a:gd name="T28" fmla="*/ 2434 w 3298"/>
                    <a:gd name="T29" fmla="*/ 44 h 822"/>
                    <a:gd name="T30" fmla="*/ 2692 w 3298"/>
                    <a:gd name="T31" fmla="*/ 90 h 822"/>
                    <a:gd name="T32" fmla="*/ 2788 w 3298"/>
                    <a:gd name="T33" fmla="*/ 112 h 822"/>
                    <a:gd name="T34" fmla="*/ 2957 w 3298"/>
                    <a:gd name="T35" fmla="*/ 162 h 822"/>
                    <a:gd name="T36" fmla="*/ 3107 w 3298"/>
                    <a:gd name="T37" fmla="*/ 220 h 822"/>
                    <a:gd name="T38" fmla="*/ 3237 w 3298"/>
                    <a:gd name="T39" fmla="*/ 286 h 822"/>
                    <a:gd name="T40" fmla="*/ 3294 w 3298"/>
                    <a:gd name="T41" fmla="*/ 324 h 822"/>
                    <a:gd name="T42" fmla="*/ 3298 w 3298"/>
                    <a:gd name="T43" fmla="*/ 320 h 822"/>
                    <a:gd name="T44" fmla="*/ 3294 w 3298"/>
                    <a:gd name="T45" fmla="*/ 318 h 822"/>
                    <a:gd name="T46" fmla="*/ 3176 w 3298"/>
                    <a:gd name="T47" fmla="*/ 248 h 822"/>
                    <a:gd name="T48" fmla="*/ 3036 w 3298"/>
                    <a:gd name="T49" fmla="*/ 186 h 822"/>
                    <a:gd name="T50" fmla="*/ 2875 w 3298"/>
                    <a:gd name="T51" fmla="*/ 132 h 822"/>
                    <a:gd name="T52" fmla="*/ 2699 w 3298"/>
                    <a:gd name="T53" fmla="*/ 87 h 822"/>
                    <a:gd name="T54" fmla="*/ 2568 w 3298"/>
                    <a:gd name="T55" fmla="*/ 61 h 822"/>
                    <a:gd name="T56" fmla="*/ 2298 w 3298"/>
                    <a:gd name="T57" fmla="*/ 23 h 822"/>
                    <a:gd name="T58" fmla="*/ 2012 w 3298"/>
                    <a:gd name="T59" fmla="*/ 4 h 822"/>
                    <a:gd name="T60" fmla="*/ 1860 w 3298"/>
                    <a:gd name="T61" fmla="*/ 0 h 822"/>
                    <a:gd name="T62" fmla="*/ 1563 w 3298"/>
                    <a:gd name="T63" fmla="*/ 5 h 822"/>
                    <a:gd name="T64" fmla="*/ 1265 w 3298"/>
                    <a:gd name="T65" fmla="*/ 30 h 822"/>
                    <a:gd name="T66" fmla="*/ 974 w 3298"/>
                    <a:gd name="T67" fmla="*/ 74 h 822"/>
                    <a:gd name="T68" fmla="*/ 968 w 3298"/>
                    <a:gd name="T69" fmla="*/ 76 h 822"/>
                    <a:gd name="T70" fmla="*/ 738 w 3298"/>
                    <a:gd name="T71" fmla="*/ 127 h 822"/>
                    <a:gd name="T72" fmla="*/ 536 w 3298"/>
                    <a:gd name="T73" fmla="*/ 190 h 822"/>
                    <a:gd name="T74" fmla="*/ 365 w 3298"/>
                    <a:gd name="T75" fmla="*/ 259 h 822"/>
                    <a:gd name="T76" fmla="*/ 288 w 3298"/>
                    <a:gd name="T77" fmla="*/ 298 h 822"/>
                    <a:gd name="T78" fmla="*/ 165 w 3298"/>
                    <a:gd name="T79" fmla="*/ 379 h 822"/>
                    <a:gd name="T80" fmla="*/ 74 w 3298"/>
                    <a:gd name="T81" fmla="*/ 464 h 822"/>
                    <a:gd name="T82" fmla="*/ 18 w 3298"/>
                    <a:gd name="T83" fmla="*/ 552 h 822"/>
                    <a:gd name="T84" fmla="*/ 4 w 3298"/>
                    <a:gd name="T85" fmla="*/ 599 h 822"/>
                    <a:gd name="T86" fmla="*/ 4 w 3298"/>
                    <a:gd name="T87" fmla="*/ 687 h 822"/>
                    <a:gd name="T88" fmla="*/ 39 w 3298"/>
                    <a:gd name="T89" fmla="*/ 775 h 822"/>
                    <a:gd name="T90" fmla="*/ 74 w 3298"/>
                    <a:gd name="T91" fmla="*/ 822 h 822"/>
                    <a:gd name="T92" fmla="*/ 19 w 3298"/>
                    <a:gd name="T93" fmla="*/ 734 h 822"/>
                    <a:gd name="T94" fmla="*/ 1 w 3298"/>
                    <a:gd name="T95" fmla="*/ 646 h 822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  <a:cxn ang="0">
                      <a:pos x="T86" y="T87"/>
                    </a:cxn>
                    <a:cxn ang="0">
                      <a:pos x="T88" y="T89"/>
                    </a:cxn>
                    <a:cxn ang="0">
                      <a:pos x="T90" y="T91"/>
                    </a:cxn>
                    <a:cxn ang="0">
                      <a:pos x="T92" y="T93"/>
                    </a:cxn>
                    <a:cxn ang="0">
                      <a:pos x="T94" y="T95"/>
                    </a:cxn>
                  </a:cxnLst>
                  <a:rect l="0" t="0" r="r" b="b"/>
                  <a:pathLst>
                    <a:path w="3298" h="822">
                      <a:moveTo>
                        <a:pt x="6" y="602"/>
                      </a:moveTo>
                      <a:lnTo>
                        <a:pt x="6" y="601"/>
                      </a:lnTo>
                      <a:lnTo>
                        <a:pt x="21" y="556"/>
                      </a:lnTo>
                      <a:lnTo>
                        <a:pt x="44" y="512"/>
                      </a:lnTo>
                      <a:lnTo>
                        <a:pt x="77" y="467"/>
                      </a:lnTo>
                      <a:lnTo>
                        <a:pt x="118" y="424"/>
                      </a:lnTo>
                      <a:lnTo>
                        <a:pt x="166" y="382"/>
                      </a:lnTo>
                      <a:lnTo>
                        <a:pt x="224" y="341"/>
                      </a:lnTo>
                      <a:lnTo>
                        <a:pt x="290" y="302"/>
                      </a:lnTo>
                      <a:lnTo>
                        <a:pt x="293" y="301"/>
                      </a:lnTo>
                      <a:lnTo>
                        <a:pt x="368" y="263"/>
                      </a:lnTo>
                      <a:lnTo>
                        <a:pt x="449" y="227"/>
                      </a:lnTo>
                      <a:lnTo>
                        <a:pt x="539" y="193"/>
                      </a:lnTo>
                      <a:lnTo>
                        <a:pt x="636" y="161"/>
                      </a:lnTo>
                      <a:lnTo>
                        <a:pt x="741" y="131"/>
                      </a:lnTo>
                      <a:lnTo>
                        <a:pt x="852" y="104"/>
                      </a:lnTo>
                      <a:lnTo>
                        <a:pt x="970" y="80"/>
                      </a:lnTo>
                      <a:lnTo>
                        <a:pt x="975" y="78"/>
                      </a:lnTo>
                      <a:lnTo>
                        <a:pt x="975" y="78"/>
                      </a:lnTo>
                      <a:lnTo>
                        <a:pt x="1119" y="53"/>
                      </a:lnTo>
                      <a:lnTo>
                        <a:pt x="1265" y="34"/>
                      </a:lnTo>
                      <a:lnTo>
                        <a:pt x="1413" y="19"/>
                      </a:lnTo>
                      <a:lnTo>
                        <a:pt x="1563" y="9"/>
                      </a:lnTo>
                      <a:lnTo>
                        <a:pt x="1712" y="4"/>
                      </a:lnTo>
                      <a:lnTo>
                        <a:pt x="1860" y="4"/>
                      </a:lnTo>
                      <a:lnTo>
                        <a:pt x="1865" y="4"/>
                      </a:lnTo>
                      <a:lnTo>
                        <a:pt x="2012" y="8"/>
                      </a:lnTo>
                      <a:lnTo>
                        <a:pt x="2155" y="15"/>
                      </a:lnTo>
                      <a:lnTo>
                        <a:pt x="2297" y="28"/>
                      </a:lnTo>
                      <a:lnTo>
                        <a:pt x="2434" y="44"/>
                      </a:lnTo>
                      <a:lnTo>
                        <a:pt x="2566" y="65"/>
                      </a:lnTo>
                      <a:lnTo>
                        <a:pt x="2692" y="90"/>
                      </a:lnTo>
                      <a:lnTo>
                        <a:pt x="2697" y="91"/>
                      </a:lnTo>
                      <a:lnTo>
                        <a:pt x="2788" y="112"/>
                      </a:lnTo>
                      <a:lnTo>
                        <a:pt x="2874" y="136"/>
                      </a:lnTo>
                      <a:lnTo>
                        <a:pt x="2957" y="162"/>
                      </a:lnTo>
                      <a:lnTo>
                        <a:pt x="3035" y="190"/>
                      </a:lnTo>
                      <a:lnTo>
                        <a:pt x="3107" y="220"/>
                      </a:lnTo>
                      <a:lnTo>
                        <a:pt x="3175" y="252"/>
                      </a:lnTo>
                      <a:lnTo>
                        <a:pt x="3237" y="286"/>
                      </a:lnTo>
                      <a:lnTo>
                        <a:pt x="3292" y="322"/>
                      </a:lnTo>
                      <a:lnTo>
                        <a:pt x="3294" y="324"/>
                      </a:lnTo>
                      <a:lnTo>
                        <a:pt x="3295" y="324"/>
                      </a:lnTo>
                      <a:lnTo>
                        <a:pt x="3298" y="320"/>
                      </a:lnTo>
                      <a:lnTo>
                        <a:pt x="3297" y="320"/>
                      </a:lnTo>
                      <a:lnTo>
                        <a:pt x="3294" y="318"/>
                      </a:lnTo>
                      <a:lnTo>
                        <a:pt x="3239" y="282"/>
                      </a:lnTo>
                      <a:lnTo>
                        <a:pt x="3176" y="248"/>
                      </a:lnTo>
                      <a:lnTo>
                        <a:pt x="3110" y="216"/>
                      </a:lnTo>
                      <a:lnTo>
                        <a:pt x="3036" y="186"/>
                      </a:lnTo>
                      <a:lnTo>
                        <a:pt x="2958" y="158"/>
                      </a:lnTo>
                      <a:lnTo>
                        <a:pt x="2875" y="132"/>
                      </a:lnTo>
                      <a:lnTo>
                        <a:pt x="2789" y="108"/>
                      </a:lnTo>
                      <a:lnTo>
                        <a:pt x="2699" y="87"/>
                      </a:lnTo>
                      <a:lnTo>
                        <a:pt x="2693" y="86"/>
                      </a:lnTo>
                      <a:lnTo>
                        <a:pt x="2568" y="61"/>
                      </a:lnTo>
                      <a:lnTo>
                        <a:pt x="2434" y="40"/>
                      </a:lnTo>
                      <a:lnTo>
                        <a:pt x="2298" y="23"/>
                      </a:lnTo>
                      <a:lnTo>
                        <a:pt x="2157" y="11"/>
                      </a:lnTo>
                      <a:lnTo>
                        <a:pt x="2012" y="4"/>
                      </a:lnTo>
                      <a:lnTo>
                        <a:pt x="1865" y="0"/>
                      </a:lnTo>
                      <a:lnTo>
                        <a:pt x="1860" y="0"/>
                      </a:lnTo>
                      <a:lnTo>
                        <a:pt x="1712" y="0"/>
                      </a:lnTo>
                      <a:lnTo>
                        <a:pt x="1563" y="5"/>
                      </a:lnTo>
                      <a:lnTo>
                        <a:pt x="1413" y="15"/>
                      </a:lnTo>
                      <a:lnTo>
                        <a:pt x="1265" y="30"/>
                      </a:lnTo>
                      <a:lnTo>
                        <a:pt x="1118" y="49"/>
                      </a:lnTo>
                      <a:lnTo>
                        <a:pt x="974" y="74"/>
                      </a:lnTo>
                      <a:lnTo>
                        <a:pt x="974" y="74"/>
                      </a:lnTo>
                      <a:lnTo>
                        <a:pt x="968" y="76"/>
                      </a:lnTo>
                      <a:lnTo>
                        <a:pt x="851" y="99"/>
                      </a:lnTo>
                      <a:lnTo>
                        <a:pt x="738" y="127"/>
                      </a:lnTo>
                      <a:lnTo>
                        <a:pt x="635" y="157"/>
                      </a:lnTo>
                      <a:lnTo>
                        <a:pt x="536" y="190"/>
                      </a:lnTo>
                      <a:lnTo>
                        <a:pt x="447" y="224"/>
                      </a:lnTo>
                      <a:lnTo>
                        <a:pt x="365" y="259"/>
                      </a:lnTo>
                      <a:lnTo>
                        <a:pt x="290" y="297"/>
                      </a:lnTo>
                      <a:lnTo>
                        <a:pt x="288" y="298"/>
                      </a:lnTo>
                      <a:lnTo>
                        <a:pt x="222" y="337"/>
                      </a:lnTo>
                      <a:lnTo>
                        <a:pt x="165" y="379"/>
                      </a:lnTo>
                      <a:lnTo>
                        <a:pt x="115" y="421"/>
                      </a:lnTo>
                      <a:lnTo>
                        <a:pt x="74" y="464"/>
                      </a:lnTo>
                      <a:lnTo>
                        <a:pt x="42" y="508"/>
                      </a:lnTo>
                      <a:lnTo>
                        <a:pt x="18" y="552"/>
                      </a:lnTo>
                      <a:lnTo>
                        <a:pt x="4" y="597"/>
                      </a:lnTo>
                      <a:lnTo>
                        <a:pt x="4" y="599"/>
                      </a:lnTo>
                      <a:lnTo>
                        <a:pt x="0" y="642"/>
                      </a:lnTo>
                      <a:lnTo>
                        <a:pt x="4" y="687"/>
                      </a:lnTo>
                      <a:lnTo>
                        <a:pt x="17" y="730"/>
                      </a:lnTo>
                      <a:lnTo>
                        <a:pt x="39" y="775"/>
                      </a:lnTo>
                      <a:lnTo>
                        <a:pt x="71" y="818"/>
                      </a:lnTo>
                      <a:lnTo>
                        <a:pt x="74" y="822"/>
                      </a:lnTo>
                      <a:lnTo>
                        <a:pt x="42" y="779"/>
                      </a:lnTo>
                      <a:lnTo>
                        <a:pt x="19" y="734"/>
                      </a:lnTo>
                      <a:lnTo>
                        <a:pt x="6" y="691"/>
                      </a:lnTo>
                      <a:lnTo>
                        <a:pt x="1" y="646"/>
                      </a:lnTo>
                      <a:lnTo>
                        <a:pt x="6" y="602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59" name="Freeform 29"/>
                <p:cNvSpPr>
                  <a:spLocks/>
                </p:cNvSpPr>
                <p:nvPr/>
              </p:nvSpPr>
              <p:spPr bwMode="auto">
                <a:xfrm flipH="1">
                  <a:off x="372345" y="3418372"/>
                  <a:ext cx="94387" cy="236585"/>
                </a:xfrm>
                <a:custGeom>
                  <a:avLst/>
                  <a:gdLst>
                    <a:gd name="T0" fmla="*/ 0 w 174"/>
                    <a:gd name="T1" fmla="*/ 4 h 439"/>
                    <a:gd name="T2" fmla="*/ 47 w 174"/>
                    <a:gd name="T3" fmla="*/ 41 h 439"/>
                    <a:gd name="T4" fmla="*/ 86 w 174"/>
                    <a:gd name="T5" fmla="*/ 79 h 439"/>
                    <a:gd name="T6" fmla="*/ 119 w 174"/>
                    <a:gd name="T7" fmla="*/ 118 h 439"/>
                    <a:gd name="T8" fmla="*/ 142 w 174"/>
                    <a:gd name="T9" fmla="*/ 157 h 439"/>
                    <a:gd name="T10" fmla="*/ 159 w 174"/>
                    <a:gd name="T11" fmla="*/ 197 h 439"/>
                    <a:gd name="T12" fmla="*/ 169 w 174"/>
                    <a:gd name="T13" fmla="*/ 236 h 439"/>
                    <a:gd name="T14" fmla="*/ 171 w 174"/>
                    <a:gd name="T15" fmla="*/ 275 h 439"/>
                    <a:gd name="T16" fmla="*/ 166 w 174"/>
                    <a:gd name="T17" fmla="*/ 315 h 439"/>
                    <a:gd name="T18" fmla="*/ 166 w 174"/>
                    <a:gd name="T19" fmla="*/ 316 h 439"/>
                    <a:gd name="T20" fmla="*/ 153 w 174"/>
                    <a:gd name="T21" fmla="*/ 358 h 439"/>
                    <a:gd name="T22" fmla="*/ 132 w 174"/>
                    <a:gd name="T23" fmla="*/ 398 h 439"/>
                    <a:gd name="T24" fmla="*/ 104 w 174"/>
                    <a:gd name="T25" fmla="*/ 439 h 439"/>
                    <a:gd name="T26" fmla="*/ 107 w 174"/>
                    <a:gd name="T27" fmla="*/ 435 h 439"/>
                    <a:gd name="T28" fmla="*/ 136 w 174"/>
                    <a:gd name="T29" fmla="*/ 394 h 439"/>
                    <a:gd name="T30" fmla="*/ 155 w 174"/>
                    <a:gd name="T31" fmla="*/ 354 h 439"/>
                    <a:gd name="T32" fmla="*/ 169 w 174"/>
                    <a:gd name="T33" fmla="*/ 313 h 439"/>
                    <a:gd name="T34" fmla="*/ 169 w 174"/>
                    <a:gd name="T35" fmla="*/ 312 h 439"/>
                    <a:gd name="T36" fmla="*/ 174 w 174"/>
                    <a:gd name="T37" fmla="*/ 271 h 439"/>
                    <a:gd name="T38" fmla="*/ 171 w 174"/>
                    <a:gd name="T39" fmla="*/ 232 h 439"/>
                    <a:gd name="T40" fmla="*/ 162 w 174"/>
                    <a:gd name="T41" fmla="*/ 193 h 439"/>
                    <a:gd name="T42" fmla="*/ 145 w 174"/>
                    <a:gd name="T43" fmla="*/ 154 h 439"/>
                    <a:gd name="T44" fmla="*/ 120 w 174"/>
                    <a:gd name="T45" fmla="*/ 114 h 439"/>
                    <a:gd name="T46" fmla="*/ 89 w 174"/>
                    <a:gd name="T47" fmla="*/ 76 h 439"/>
                    <a:gd name="T48" fmla="*/ 49 w 174"/>
                    <a:gd name="T49" fmla="*/ 37 h 439"/>
                    <a:gd name="T50" fmla="*/ 1 w 174"/>
                    <a:gd name="T51" fmla="*/ 0 h 439"/>
                    <a:gd name="T52" fmla="*/ 0 w 174"/>
                    <a:gd name="T53" fmla="*/ 4 h 439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</a:cxnLst>
                  <a:rect l="0" t="0" r="r" b="b"/>
                  <a:pathLst>
                    <a:path w="174" h="439">
                      <a:moveTo>
                        <a:pt x="0" y="4"/>
                      </a:moveTo>
                      <a:lnTo>
                        <a:pt x="47" y="41"/>
                      </a:lnTo>
                      <a:lnTo>
                        <a:pt x="86" y="79"/>
                      </a:lnTo>
                      <a:lnTo>
                        <a:pt x="119" y="118"/>
                      </a:lnTo>
                      <a:lnTo>
                        <a:pt x="142" y="157"/>
                      </a:lnTo>
                      <a:lnTo>
                        <a:pt x="159" y="197"/>
                      </a:lnTo>
                      <a:lnTo>
                        <a:pt x="169" y="236"/>
                      </a:lnTo>
                      <a:lnTo>
                        <a:pt x="171" y="275"/>
                      </a:lnTo>
                      <a:lnTo>
                        <a:pt x="166" y="315"/>
                      </a:lnTo>
                      <a:lnTo>
                        <a:pt x="166" y="316"/>
                      </a:lnTo>
                      <a:lnTo>
                        <a:pt x="153" y="358"/>
                      </a:lnTo>
                      <a:lnTo>
                        <a:pt x="132" y="398"/>
                      </a:lnTo>
                      <a:lnTo>
                        <a:pt x="104" y="439"/>
                      </a:lnTo>
                      <a:lnTo>
                        <a:pt x="107" y="435"/>
                      </a:lnTo>
                      <a:lnTo>
                        <a:pt x="136" y="394"/>
                      </a:lnTo>
                      <a:lnTo>
                        <a:pt x="155" y="354"/>
                      </a:lnTo>
                      <a:lnTo>
                        <a:pt x="169" y="313"/>
                      </a:lnTo>
                      <a:lnTo>
                        <a:pt x="169" y="312"/>
                      </a:lnTo>
                      <a:lnTo>
                        <a:pt x="174" y="271"/>
                      </a:lnTo>
                      <a:lnTo>
                        <a:pt x="171" y="232"/>
                      </a:lnTo>
                      <a:lnTo>
                        <a:pt x="162" y="193"/>
                      </a:lnTo>
                      <a:lnTo>
                        <a:pt x="145" y="154"/>
                      </a:lnTo>
                      <a:lnTo>
                        <a:pt x="120" y="114"/>
                      </a:lnTo>
                      <a:lnTo>
                        <a:pt x="89" y="76"/>
                      </a:lnTo>
                      <a:lnTo>
                        <a:pt x="49" y="37"/>
                      </a:lnTo>
                      <a:lnTo>
                        <a:pt x="1" y="0"/>
                      </a:lnTo>
                      <a:lnTo>
                        <a:pt x="0" y="4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60" name="Freeform 30"/>
                <p:cNvSpPr>
                  <a:spLocks/>
                </p:cNvSpPr>
                <p:nvPr/>
              </p:nvSpPr>
              <p:spPr bwMode="auto">
                <a:xfrm flipH="1">
                  <a:off x="691852" y="3566574"/>
                  <a:ext cx="1310033" cy="383709"/>
                </a:xfrm>
                <a:custGeom>
                  <a:avLst/>
                  <a:gdLst>
                    <a:gd name="T0" fmla="*/ 134 w 2415"/>
                    <a:gd name="T1" fmla="*/ 672 h 712"/>
                    <a:gd name="T2" fmla="*/ 93 w 2415"/>
                    <a:gd name="T3" fmla="*/ 639 h 712"/>
                    <a:gd name="T4" fmla="*/ 35 w 2415"/>
                    <a:gd name="T5" fmla="*/ 575 h 712"/>
                    <a:gd name="T6" fmla="*/ 8 w 2415"/>
                    <a:gd name="T7" fmla="*/ 509 h 712"/>
                    <a:gd name="T8" fmla="*/ 8 w 2415"/>
                    <a:gd name="T9" fmla="*/ 443 h 712"/>
                    <a:gd name="T10" fmla="*/ 21 w 2415"/>
                    <a:gd name="T11" fmla="*/ 403 h 712"/>
                    <a:gd name="T12" fmla="*/ 72 w 2415"/>
                    <a:gd name="T13" fmla="*/ 329 h 712"/>
                    <a:gd name="T14" fmla="*/ 160 w 2415"/>
                    <a:gd name="T15" fmla="*/ 257 h 712"/>
                    <a:gd name="T16" fmla="*/ 217 w 2415"/>
                    <a:gd name="T17" fmla="*/ 223 h 712"/>
                    <a:gd name="T18" fmla="*/ 352 w 2415"/>
                    <a:gd name="T19" fmla="*/ 160 h 712"/>
                    <a:gd name="T20" fmla="*/ 518 w 2415"/>
                    <a:gd name="T21" fmla="*/ 105 h 712"/>
                    <a:gd name="T22" fmla="*/ 712 w 2415"/>
                    <a:gd name="T23" fmla="*/ 60 h 712"/>
                    <a:gd name="T24" fmla="*/ 716 w 2415"/>
                    <a:gd name="T25" fmla="*/ 59 h 712"/>
                    <a:gd name="T26" fmla="*/ 972 w 2415"/>
                    <a:gd name="T27" fmla="*/ 23 h 712"/>
                    <a:gd name="T28" fmla="*/ 1233 w 2415"/>
                    <a:gd name="T29" fmla="*/ 5 h 712"/>
                    <a:gd name="T30" fmla="*/ 1368 w 2415"/>
                    <a:gd name="T31" fmla="*/ 4 h 712"/>
                    <a:gd name="T32" fmla="*/ 1580 w 2415"/>
                    <a:gd name="T33" fmla="*/ 13 h 712"/>
                    <a:gd name="T34" fmla="*/ 1784 w 2415"/>
                    <a:gd name="T35" fmla="*/ 34 h 712"/>
                    <a:gd name="T36" fmla="*/ 1974 w 2415"/>
                    <a:gd name="T37" fmla="*/ 68 h 712"/>
                    <a:gd name="T38" fmla="*/ 2052 w 2415"/>
                    <a:gd name="T39" fmla="*/ 87 h 712"/>
                    <a:gd name="T40" fmla="*/ 2191 w 2415"/>
                    <a:gd name="T41" fmla="*/ 130 h 712"/>
                    <a:gd name="T42" fmla="*/ 2311 w 2415"/>
                    <a:gd name="T43" fmla="*/ 180 h 712"/>
                    <a:gd name="T44" fmla="*/ 2411 w 2415"/>
                    <a:gd name="T45" fmla="*/ 237 h 712"/>
                    <a:gd name="T46" fmla="*/ 2368 w 2415"/>
                    <a:gd name="T47" fmla="*/ 204 h 712"/>
                    <a:gd name="T48" fmla="*/ 2256 w 2415"/>
                    <a:gd name="T49" fmla="*/ 151 h 712"/>
                    <a:gd name="T50" fmla="*/ 2126 w 2415"/>
                    <a:gd name="T51" fmla="*/ 104 h 712"/>
                    <a:gd name="T52" fmla="*/ 1979 w 2415"/>
                    <a:gd name="T53" fmla="*/ 66 h 712"/>
                    <a:gd name="T54" fmla="*/ 1882 w 2415"/>
                    <a:gd name="T55" fmla="*/ 46 h 712"/>
                    <a:gd name="T56" fmla="*/ 1684 w 2415"/>
                    <a:gd name="T57" fmla="*/ 19 h 712"/>
                    <a:gd name="T58" fmla="*/ 1475 w 2415"/>
                    <a:gd name="T59" fmla="*/ 4 h 712"/>
                    <a:gd name="T60" fmla="*/ 1364 w 2415"/>
                    <a:gd name="T61" fmla="*/ 0 h 712"/>
                    <a:gd name="T62" fmla="*/ 1102 w 2415"/>
                    <a:gd name="T63" fmla="*/ 8 h 712"/>
                    <a:gd name="T64" fmla="*/ 842 w 2415"/>
                    <a:gd name="T65" fmla="*/ 34 h 712"/>
                    <a:gd name="T66" fmla="*/ 715 w 2415"/>
                    <a:gd name="T67" fmla="*/ 57 h 712"/>
                    <a:gd name="T68" fmla="*/ 610 w 2415"/>
                    <a:gd name="T69" fmla="*/ 77 h 712"/>
                    <a:gd name="T70" fmla="*/ 429 w 2415"/>
                    <a:gd name="T71" fmla="*/ 129 h 712"/>
                    <a:gd name="T72" fmla="*/ 277 w 2415"/>
                    <a:gd name="T73" fmla="*/ 187 h 712"/>
                    <a:gd name="T74" fmla="*/ 212 w 2415"/>
                    <a:gd name="T75" fmla="*/ 220 h 712"/>
                    <a:gd name="T76" fmla="*/ 109 w 2415"/>
                    <a:gd name="T77" fmla="*/ 290 h 712"/>
                    <a:gd name="T78" fmla="*/ 39 w 2415"/>
                    <a:gd name="T79" fmla="*/ 363 h 712"/>
                    <a:gd name="T80" fmla="*/ 4 w 2415"/>
                    <a:gd name="T81" fmla="*/ 439 h 712"/>
                    <a:gd name="T82" fmla="*/ 0 w 2415"/>
                    <a:gd name="T83" fmla="*/ 473 h 712"/>
                    <a:gd name="T84" fmla="*/ 14 w 2415"/>
                    <a:gd name="T85" fmla="*/ 540 h 712"/>
                    <a:gd name="T86" fmla="*/ 56 w 2415"/>
                    <a:gd name="T87" fmla="*/ 605 h 712"/>
                    <a:gd name="T88" fmla="*/ 130 w 2415"/>
                    <a:gd name="T89" fmla="*/ 669 h 712"/>
                    <a:gd name="T90" fmla="*/ 131 w 2415"/>
                    <a:gd name="T91" fmla="*/ 671 h 712"/>
                    <a:gd name="T92" fmla="*/ 194 w 2415"/>
                    <a:gd name="T93" fmla="*/ 710 h 712"/>
                    <a:gd name="T94" fmla="*/ 165 w 2415"/>
                    <a:gd name="T95" fmla="*/ 693 h 712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  <a:cxn ang="0">
                      <a:pos x="T86" y="T87"/>
                    </a:cxn>
                    <a:cxn ang="0">
                      <a:pos x="T88" y="T89"/>
                    </a:cxn>
                    <a:cxn ang="0">
                      <a:pos x="T90" y="T91"/>
                    </a:cxn>
                    <a:cxn ang="0">
                      <a:pos x="T92" y="T93"/>
                    </a:cxn>
                    <a:cxn ang="0">
                      <a:pos x="T94" y="T95"/>
                    </a:cxn>
                  </a:cxnLst>
                  <a:rect l="0" t="0" r="r" b="b"/>
                  <a:pathLst>
                    <a:path w="2415" h="712">
                      <a:moveTo>
                        <a:pt x="134" y="672"/>
                      </a:moveTo>
                      <a:lnTo>
                        <a:pt x="134" y="672"/>
                      </a:lnTo>
                      <a:lnTo>
                        <a:pt x="132" y="671"/>
                      </a:lnTo>
                      <a:lnTo>
                        <a:pt x="93" y="639"/>
                      </a:lnTo>
                      <a:lnTo>
                        <a:pt x="60" y="608"/>
                      </a:lnTo>
                      <a:lnTo>
                        <a:pt x="35" y="575"/>
                      </a:lnTo>
                      <a:lnTo>
                        <a:pt x="18" y="542"/>
                      </a:lnTo>
                      <a:lnTo>
                        <a:pt x="8" y="509"/>
                      </a:lnTo>
                      <a:lnTo>
                        <a:pt x="4" y="475"/>
                      </a:lnTo>
                      <a:lnTo>
                        <a:pt x="8" y="443"/>
                      </a:lnTo>
                      <a:lnTo>
                        <a:pt x="8" y="441"/>
                      </a:lnTo>
                      <a:lnTo>
                        <a:pt x="21" y="403"/>
                      </a:lnTo>
                      <a:lnTo>
                        <a:pt x="42" y="365"/>
                      </a:lnTo>
                      <a:lnTo>
                        <a:pt x="72" y="329"/>
                      </a:lnTo>
                      <a:lnTo>
                        <a:pt x="111" y="292"/>
                      </a:lnTo>
                      <a:lnTo>
                        <a:pt x="160" y="257"/>
                      </a:lnTo>
                      <a:lnTo>
                        <a:pt x="215" y="223"/>
                      </a:lnTo>
                      <a:lnTo>
                        <a:pt x="217" y="223"/>
                      </a:lnTo>
                      <a:lnTo>
                        <a:pt x="281" y="190"/>
                      </a:lnTo>
                      <a:lnTo>
                        <a:pt x="352" y="160"/>
                      </a:lnTo>
                      <a:lnTo>
                        <a:pt x="432" y="131"/>
                      </a:lnTo>
                      <a:lnTo>
                        <a:pt x="518" y="105"/>
                      </a:lnTo>
                      <a:lnTo>
                        <a:pt x="613" y="81"/>
                      </a:lnTo>
                      <a:lnTo>
                        <a:pt x="712" y="60"/>
                      </a:lnTo>
                      <a:lnTo>
                        <a:pt x="716" y="59"/>
                      </a:lnTo>
                      <a:lnTo>
                        <a:pt x="716" y="59"/>
                      </a:lnTo>
                      <a:lnTo>
                        <a:pt x="843" y="38"/>
                      </a:lnTo>
                      <a:lnTo>
                        <a:pt x="972" y="23"/>
                      </a:lnTo>
                      <a:lnTo>
                        <a:pt x="1102" y="12"/>
                      </a:lnTo>
                      <a:lnTo>
                        <a:pt x="1233" y="5"/>
                      </a:lnTo>
                      <a:lnTo>
                        <a:pt x="1364" y="4"/>
                      </a:lnTo>
                      <a:lnTo>
                        <a:pt x="1368" y="4"/>
                      </a:lnTo>
                      <a:lnTo>
                        <a:pt x="1475" y="7"/>
                      </a:lnTo>
                      <a:lnTo>
                        <a:pt x="1580" y="13"/>
                      </a:lnTo>
                      <a:lnTo>
                        <a:pt x="1683" y="23"/>
                      </a:lnTo>
                      <a:lnTo>
                        <a:pt x="1784" y="34"/>
                      </a:lnTo>
                      <a:lnTo>
                        <a:pt x="1881" y="50"/>
                      </a:lnTo>
                      <a:lnTo>
                        <a:pt x="1974" y="68"/>
                      </a:lnTo>
                      <a:lnTo>
                        <a:pt x="1976" y="70"/>
                      </a:lnTo>
                      <a:lnTo>
                        <a:pt x="2052" y="87"/>
                      </a:lnTo>
                      <a:lnTo>
                        <a:pt x="2123" y="108"/>
                      </a:lnTo>
                      <a:lnTo>
                        <a:pt x="2191" y="130"/>
                      </a:lnTo>
                      <a:lnTo>
                        <a:pt x="2254" y="153"/>
                      </a:lnTo>
                      <a:lnTo>
                        <a:pt x="2311" y="180"/>
                      </a:lnTo>
                      <a:lnTo>
                        <a:pt x="2365" y="207"/>
                      </a:lnTo>
                      <a:lnTo>
                        <a:pt x="2411" y="237"/>
                      </a:lnTo>
                      <a:lnTo>
                        <a:pt x="2415" y="235"/>
                      </a:lnTo>
                      <a:lnTo>
                        <a:pt x="2368" y="204"/>
                      </a:lnTo>
                      <a:lnTo>
                        <a:pt x="2314" y="177"/>
                      </a:lnTo>
                      <a:lnTo>
                        <a:pt x="2256" y="151"/>
                      </a:lnTo>
                      <a:lnTo>
                        <a:pt x="2194" y="126"/>
                      </a:lnTo>
                      <a:lnTo>
                        <a:pt x="2126" y="104"/>
                      </a:lnTo>
                      <a:lnTo>
                        <a:pt x="2054" y="84"/>
                      </a:lnTo>
                      <a:lnTo>
                        <a:pt x="1979" y="66"/>
                      </a:lnTo>
                      <a:lnTo>
                        <a:pt x="1975" y="64"/>
                      </a:lnTo>
                      <a:lnTo>
                        <a:pt x="1882" y="46"/>
                      </a:lnTo>
                      <a:lnTo>
                        <a:pt x="1785" y="32"/>
                      </a:lnTo>
                      <a:lnTo>
                        <a:pt x="1684" y="19"/>
                      </a:lnTo>
                      <a:lnTo>
                        <a:pt x="1581" y="9"/>
                      </a:lnTo>
                      <a:lnTo>
                        <a:pt x="1475" y="4"/>
                      </a:lnTo>
                      <a:lnTo>
                        <a:pt x="1368" y="0"/>
                      </a:lnTo>
                      <a:lnTo>
                        <a:pt x="1364" y="0"/>
                      </a:lnTo>
                      <a:lnTo>
                        <a:pt x="1233" y="2"/>
                      </a:lnTo>
                      <a:lnTo>
                        <a:pt x="1102" y="8"/>
                      </a:lnTo>
                      <a:lnTo>
                        <a:pt x="971" y="19"/>
                      </a:lnTo>
                      <a:lnTo>
                        <a:pt x="842" y="34"/>
                      </a:lnTo>
                      <a:lnTo>
                        <a:pt x="715" y="55"/>
                      </a:lnTo>
                      <a:lnTo>
                        <a:pt x="715" y="57"/>
                      </a:lnTo>
                      <a:lnTo>
                        <a:pt x="711" y="57"/>
                      </a:lnTo>
                      <a:lnTo>
                        <a:pt x="610" y="77"/>
                      </a:lnTo>
                      <a:lnTo>
                        <a:pt x="516" y="102"/>
                      </a:lnTo>
                      <a:lnTo>
                        <a:pt x="429" y="129"/>
                      </a:lnTo>
                      <a:lnTo>
                        <a:pt x="349" y="156"/>
                      </a:lnTo>
                      <a:lnTo>
                        <a:pt x="277" y="187"/>
                      </a:lnTo>
                      <a:lnTo>
                        <a:pt x="215" y="219"/>
                      </a:lnTo>
                      <a:lnTo>
                        <a:pt x="212" y="220"/>
                      </a:lnTo>
                      <a:lnTo>
                        <a:pt x="156" y="254"/>
                      </a:lnTo>
                      <a:lnTo>
                        <a:pt x="109" y="290"/>
                      </a:lnTo>
                      <a:lnTo>
                        <a:pt x="69" y="325"/>
                      </a:lnTo>
                      <a:lnTo>
                        <a:pt x="39" y="363"/>
                      </a:lnTo>
                      <a:lnTo>
                        <a:pt x="17" y="401"/>
                      </a:lnTo>
                      <a:lnTo>
                        <a:pt x="4" y="439"/>
                      </a:lnTo>
                      <a:lnTo>
                        <a:pt x="4" y="440"/>
                      </a:lnTo>
                      <a:lnTo>
                        <a:pt x="0" y="473"/>
                      </a:lnTo>
                      <a:lnTo>
                        <a:pt x="4" y="507"/>
                      </a:lnTo>
                      <a:lnTo>
                        <a:pt x="14" y="540"/>
                      </a:lnTo>
                      <a:lnTo>
                        <a:pt x="31" y="572"/>
                      </a:lnTo>
                      <a:lnTo>
                        <a:pt x="56" y="605"/>
                      </a:lnTo>
                      <a:lnTo>
                        <a:pt x="89" y="638"/>
                      </a:lnTo>
                      <a:lnTo>
                        <a:pt x="130" y="669"/>
                      </a:lnTo>
                      <a:lnTo>
                        <a:pt x="130" y="669"/>
                      </a:lnTo>
                      <a:lnTo>
                        <a:pt x="131" y="671"/>
                      </a:lnTo>
                      <a:lnTo>
                        <a:pt x="161" y="690"/>
                      </a:lnTo>
                      <a:lnTo>
                        <a:pt x="194" y="710"/>
                      </a:lnTo>
                      <a:lnTo>
                        <a:pt x="198" y="712"/>
                      </a:lnTo>
                      <a:lnTo>
                        <a:pt x="165" y="693"/>
                      </a:lnTo>
                      <a:lnTo>
                        <a:pt x="134" y="672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61" name="Freeform 31"/>
                <p:cNvSpPr>
                  <a:spLocks/>
                </p:cNvSpPr>
                <p:nvPr/>
              </p:nvSpPr>
              <p:spPr bwMode="auto">
                <a:xfrm flipH="1">
                  <a:off x="620247" y="3694298"/>
                  <a:ext cx="104152" cy="235507"/>
                </a:xfrm>
                <a:custGeom>
                  <a:avLst/>
                  <a:gdLst>
                    <a:gd name="T0" fmla="*/ 60 w 192"/>
                    <a:gd name="T1" fmla="*/ 3 h 437"/>
                    <a:gd name="T2" fmla="*/ 61 w 192"/>
                    <a:gd name="T3" fmla="*/ 3 h 437"/>
                    <a:gd name="T4" fmla="*/ 62 w 192"/>
                    <a:gd name="T5" fmla="*/ 4 h 437"/>
                    <a:gd name="T6" fmla="*/ 102 w 192"/>
                    <a:gd name="T7" fmla="*/ 36 h 437"/>
                    <a:gd name="T8" fmla="*/ 133 w 192"/>
                    <a:gd name="T9" fmla="*/ 68 h 437"/>
                    <a:gd name="T10" fmla="*/ 158 w 192"/>
                    <a:gd name="T11" fmla="*/ 101 h 437"/>
                    <a:gd name="T12" fmla="*/ 175 w 192"/>
                    <a:gd name="T13" fmla="*/ 134 h 437"/>
                    <a:gd name="T14" fmla="*/ 185 w 192"/>
                    <a:gd name="T15" fmla="*/ 166 h 437"/>
                    <a:gd name="T16" fmla="*/ 189 w 192"/>
                    <a:gd name="T17" fmla="*/ 199 h 437"/>
                    <a:gd name="T18" fmla="*/ 185 w 192"/>
                    <a:gd name="T19" fmla="*/ 232 h 437"/>
                    <a:gd name="T20" fmla="*/ 185 w 192"/>
                    <a:gd name="T21" fmla="*/ 233 h 437"/>
                    <a:gd name="T22" fmla="*/ 174 w 192"/>
                    <a:gd name="T23" fmla="*/ 270 h 437"/>
                    <a:gd name="T24" fmla="*/ 154 w 192"/>
                    <a:gd name="T25" fmla="*/ 305 h 437"/>
                    <a:gd name="T26" fmla="*/ 127 w 192"/>
                    <a:gd name="T27" fmla="*/ 339 h 437"/>
                    <a:gd name="T28" fmla="*/ 91 w 192"/>
                    <a:gd name="T29" fmla="*/ 373 h 437"/>
                    <a:gd name="T30" fmla="*/ 49 w 192"/>
                    <a:gd name="T31" fmla="*/ 406 h 437"/>
                    <a:gd name="T32" fmla="*/ 0 w 192"/>
                    <a:gd name="T33" fmla="*/ 437 h 437"/>
                    <a:gd name="T34" fmla="*/ 5 w 192"/>
                    <a:gd name="T35" fmla="*/ 435 h 437"/>
                    <a:gd name="T36" fmla="*/ 53 w 192"/>
                    <a:gd name="T37" fmla="*/ 403 h 437"/>
                    <a:gd name="T38" fmla="*/ 95 w 192"/>
                    <a:gd name="T39" fmla="*/ 371 h 437"/>
                    <a:gd name="T40" fmla="*/ 131 w 192"/>
                    <a:gd name="T41" fmla="*/ 337 h 437"/>
                    <a:gd name="T42" fmla="*/ 157 w 192"/>
                    <a:gd name="T43" fmla="*/ 303 h 437"/>
                    <a:gd name="T44" fmla="*/ 176 w 192"/>
                    <a:gd name="T45" fmla="*/ 267 h 437"/>
                    <a:gd name="T46" fmla="*/ 188 w 192"/>
                    <a:gd name="T47" fmla="*/ 232 h 437"/>
                    <a:gd name="T48" fmla="*/ 189 w 192"/>
                    <a:gd name="T49" fmla="*/ 231 h 437"/>
                    <a:gd name="T50" fmla="*/ 192 w 192"/>
                    <a:gd name="T51" fmla="*/ 197 h 437"/>
                    <a:gd name="T52" fmla="*/ 189 w 192"/>
                    <a:gd name="T53" fmla="*/ 164 h 437"/>
                    <a:gd name="T54" fmla="*/ 179 w 192"/>
                    <a:gd name="T55" fmla="*/ 131 h 437"/>
                    <a:gd name="T56" fmla="*/ 162 w 192"/>
                    <a:gd name="T57" fmla="*/ 98 h 437"/>
                    <a:gd name="T58" fmla="*/ 137 w 192"/>
                    <a:gd name="T59" fmla="*/ 66 h 437"/>
                    <a:gd name="T60" fmla="*/ 104 w 192"/>
                    <a:gd name="T61" fmla="*/ 33 h 437"/>
                    <a:gd name="T62" fmla="*/ 65 w 192"/>
                    <a:gd name="T63" fmla="*/ 2 h 437"/>
                    <a:gd name="T64" fmla="*/ 64 w 192"/>
                    <a:gd name="T65" fmla="*/ 0 h 437"/>
                    <a:gd name="T66" fmla="*/ 62 w 192"/>
                    <a:gd name="T67" fmla="*/ 0 h 437"/>
                    <a:gd name="T68" fmla="*/ 60 w 192"/>
                    <a:gd name="T69" fmla="*/ 3 h 437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</a:cxnLst>
                  <a:rect l="0" t="0" r="r" b="b"/>
                  <a:pathLst>
                    <a:path w="192" h="437">
                      <a:moveTo>
                        <a:pt x="60" y="3"/>
                      </a:moveTo>
                      <a:lnTo>
                        <a:pt x="61" y="3"/>
                      </a:lnTo>
                      <a:lnTo>
                        <a:pt x="62" y="4"/>
                      </a:lnTo>
                      <a:lnTo>
                        <a:pt x="102" y="36"/>
                      </a:lnTo>
                      <a:lnTo>
                        <a:pt x="133" y="68"/>
                      </a:lnTo>
                      <a:lnTo>
                        <a:pt x="158" y="101"/>
                      </a:lnTo>
                      <a:lnTo>
                        <a:pt x="175" y="134"/>
                      </a:lnTo>
                      <a:lnTo>
                        <a:pt x="185" y="166"/>
                      </a:lnTo>
                      <a:lnTo>
                        <a:pt x="189" y="199"/>
                      </a:lnTo>
                      <a:lnTo>
                        <a:pt x="185" y="232"/>
                      </a:lnTo>
                      <a:lnTo>
                        <a:pt x="185" y="233"/>
                      </a:lnTo>
                      <a:lnTo>
                        <a:pt x="174" y="270"/>
                      </a:lnTo>
                      <a:lnTo>
                        <a:pt x="154" y="305"/>
                      </a:lnTo>
                      <a:lnTo>
                        <a:pt x="127" y="339"/>
                      </a:lnTo>
                      <a:lnTo>
                        <a:pt x="91" y="373"/>
                      </a:lnTo>
                      <a:lnTo>
                        <a:pt x="49" y="406"/>
                      </a:lnTo>
                      <a:lnTo>
                        <a:pt x="0" y="437"/>
                      </a:lnTo>
                      <a:lnTo>
                        <a:pt x="5" y="435"/>
                      </a:lnTo>
                      <a:lnTo>
                        <a:pt x="53" y="403"/>
                      </a:lnTo>
                      <a:lnTo>
                        <a:pt x="95" y="371"/>
                      </a:lnTo>
                      <a:lnTo>
                        <a:pt x="131" y="337"/>
                      </a:lnTo>
                      <a:lnTo>
                        <a:pt x="157" y="303"/>
                      </a:lnTo>
                      <a:lnTo>
                        <a:pt x="176" y="267"/>
                      </a:lnTo>
                      <a:lnTo>
                        <a:pt x="188" y="232"/>
                      </a:lnTo>
                      <a:lnTo>
                        <a:pt x="189" y="231"/>
                      </a:lnTo>
                      <a:lnTo>
                        <a:pt x="192" y="197"/>
                      </a:lnTo>
                      <a:lnTo>
                        <a:pt x="189" y="164"/>
                      </a:lnTo>
                      <a:lnTo>
                        <a:pt x="179" y="131"/>
                      </a:lnTo>
                      <a:lnTo>
                        <a:pt x="162" y="98"/>
                      </a:lnTo>
                      <a:lnTo>
                        <a:pt x="137" y="66"/>
                      </a:lnTo>
                      <a:lnTo>
                        <a:pt x="104" y="33"/>
                      </a:lnTo>
                      <a:lnTo>
                        <a:pt x="65" y="2"/>
                      </a:lnTo>
                      <a:lnTo>
                        <a:pt x="64" y="0"/>
                      </a:lnTo>
                      <a:lnTo>
                        <a:pt x="62" y="0"/>
                      </a:lnTo>
                      <a:lnTo>
                        <a:pt x="60" y="3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62" name="Freeform 32"/>
                <p:cNvSpPr>
                  <a:spLocks/>
                </p:cNvSpPr>
                <p:nvPr/>
              </p:nvSpPr>
              <p:spPr bwMode="auto">
                <a:xfrm flipH="1">
                  <a:off x="937042" y="3833877"/>
                  <a:ext cx="741538" cy="261914"/>
                </a:xfrm>
                <a:custGeom>
                  <a:avLst/>
                  <a:gdLst>
                    <a:gd name="T0" fmla="*/ 1295 w 1367"/>
                    <a:gd name="T1" fmla="*/ 130 h 486"/>
                    <a:gd name="T2" fmla="*/ 1357 w 1367"/>
                    <a:gd name="T3" fmla="*/ 203 h 486"/>
                    <a:gd name="T4" fmla="*/ 1361 w 1367"/>
                    <a:gd name="T5" fmla="*/ 253 h 486"/>
                    <a:gd name="T6" fmla="*/ 1314 w 1367"/>
                    <a:gd name="T7" fmla="*/ 325 h 486"/>
                    <a:gd name="T8" fmla="*/ 1248 w 1367"/>
                    <a:gd name="T9" fmla="*/ 371 h 486"/>
                    <a:gd name="T10" fmla="*/ 1106 w 1367"/>
                    <a:gd name="T11" fmla="*/ 427 h 486"/>
                    <a:gd name="T12" fmla="*/ 981 w 1367"/>
                    <a:gd name="T13" fmla="*/ 457 h 486"/>
                    <a:gd name="T14" fmla="*/ 808 w 1367"/>
                    <a:gd name="T15" fmla="*/ 480 h 486"/>
                    <a:gd name="T16" fmla="*/ 630 w 1367"/>
                    <a:gd name="T17" fmla="*/ 486 h 486"/>
                    <a:gd name="T18" fmla="*/ 382 w 1367"/>
                    <a:gd name="T19" fmla="*/ 466 h 486"/>
                    <a:gd name="T20" fmla="*/ 250 w 1367"/>
                    <a:gd name="T21" fmla="*/ 438 h 486"/>
                    <a:gd name="T22" fmla="*/ 108 w 1367"/>
                    <a:gd name="T23" fmla="*/ 383 h 486"/>
                    <a:gd name="T24" fmla="*/ 72 w 1367"/>
                    <a:gd name="T25" fmla="*/ 360 h 486"/>
                    <a:gd name="T26" fmla="*/ 9 w 1367"/>
                    <a:gd name="T27" fmla="*/ 287 h 486"/>
                    <a:gd name="T28" fmla="*/ 5 w 1367"/>
                    <a:gd name="T29" fmla="*/ 237 h 486"/>
                    <a:gd name="T30" fmla="*/ 52 w 1367"/>
                    <a:gd name="T31" fmla="*/ 165 h 486"/>
                    <a:gd name="T32" fmla="*/ 117 w 1367"/>
                    <a:gd name="T33" fmla="*/ 120 h 486"/>
                    <a:gd name="T34" fmla="*/ 259 w 1367"/>
                    <a:gd name="T35" fmla="*/ 63 h 486"/>
                    <a:gd name="T36" fmla="*/ 384 w 1367"/>
                    <a:gd name="T37" fmla="*/ 33 h 486"/>
                    <a:gd name="T38" fmla="*/ 556 w 1367"/>
                    <a:gd name="T39" fmla="*/ 10 h 486"/>
                    <a:gd name="T40" fmla="*/ 734 w 1367"/>
                    <a:gd name="T41" fmla="*/ 3 h 486"/>
                    <a:gd name="T42" fmla="*/ 982 w 1367"/>
                    <a:gd name="T43" fmla="*/ 24 h 486"/>
                    <a:gd name="T44" fmla="*/ 1115 w 1367"/>
                    <a:gd name="T45" fmla="*/ 51 h 486"/>
                    <a:gd name="T46" fmla="*/ 1256 w 1367"/>
                    <a:gd name="T47" fmla="*/ 106 h 486"/>
                    <a:gd name="T48" fmla="*/ 1260 w 1367"/>
                    <a:gd name="T49" fmla="*/ 104 h 486"/>
                    <a:gd name="T50" fmla="*/ 1117 w 1367"/>
                    <a:gd name="T51" fmla="*/ 49 h 486"/>
                    <a:gd name="T52" fmla="*/ 984 w 1367"/>
                    <a:gd name="T53" fmla="*/ 21 h 486"/>
                    <a:gd name="T54" fmla="*/ 734 w 1367"/>
                    <a:gd name="T55" fmla="*/ 0 h 486"/>
                    <a:gd name="T56" fmla="*/ 556 w 1367"/>
                    <a:gd name="T57" fmla="*/ 7 h 486"/>
                    <a:gd name="T58" fmla="*/ 383 w 1367"/>
                    <a:gd name="T59" fmla="*/ 31 h 486"/>
                    <a:gd name="T60" fmla="*/ 256 w 1367"/>
                    <a:gd name="T61" fmla="*/ 61 h 486"/>
                    <a:gd name="T62" fmla="*/ 113 w 1367"/>
                    <a:gd name="T63" fmla="*/ 118 h 486"/>
                    <a:gd name="T64" fmla="*/ 48 w 1367"/>
                    <a:gd name="T65" fmla="*/ 163 h 486"/>
                    <a:gd name="T66" fmla="*/ 1 w 1367"/>
                    <a:gd name="T67" fmla="*/ 236 h 486"/>
                    <a:gd name="T68" fmla="*/ 5 w 1367"/>
                    <a:gd name="T69" fmla="*/ 287 h 486"/>
                    <a:gd name="T70" fmla="*/ 68 w 1367"/>
                    <a:gd name="T71" fmla="*/ 359 h 486"/>
                    <a:gd name="T72" fmla="*/ 106 w 1367"/>
                    <a:gd name="T73" fmla="*/ 383 h 486"/>
                    <a:gd name="T74" fmla="*/ 247 w 1367"/>
                    <a:gd name="T75" fmla="*/ 438 h 486"/>
                    <a:gd name="T76" fmla="*/ 380 w 1367"/>
                    <a:gd name="T77" fmla="*/ 466 h 486"/>
                    <a:gd name="T78" fmla="*/ 630 w 1367"/>
                    <a:gd name="T79" fmla="*/ 486 h 486"/>
                    <a:gd name="T80" fmla="*/ 808 w 1367"/>
                    <a:gd name="T81" fmla="*/ 481 h 486"/>
                    <a:gd name="T82" fmla="*/ 984 w 1367"/>
                    <a:gd name="T83" fmla="*/ 457 h 486"/>
                    <a:gd name="T84" fmla="*/ 1108 w 1367"/>
                    <a:gd name="T85" fmla="*/ 427 h 486"/>
                    <a:gd name="T86" fmla="*/ 1251 w 1367"/>
                    <a:gd name="T87" fmla="*/ 370 h 486"/>
                    <a:gd name="T88" fmla="*/ 1318 w 1367"/>
                    <a:gd name="T89" fmla="*/ 324 h 486"/>
                    <a:gd name="T90" fmla="*/ 1365 w 1367"/>
                    <a:gd name="T91" fmla="*/ 252 h 486"/>
                    <a:gd name="T92" fmla="*/ 1362 w 1367"/>
                    <a:gd name="T93" fmla="*/ 201 h 486"/>
                    <a:gd name="T94" fmla="*/ 1299 w 1367"/>
                    <a:gd name="T95" fmla="*/ 129 h 486"/>
                    <a:gd name="T96" fmla="*/ 1294 w 1367"/>
                    <a:gd name="T97" fmla="*/ 130 h 486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  <a:cxn ang="0">
                      <a:pos x="T86" y="T87"/>
                    </a:cxn>
                    <a:cxn ang="0">
                      <a:pos x="T88" y="T89"/>
                    </a:cxn>
                    <a:cxn ang="0">
                      <a:pos x="T90" y="T91"/>
                    </a:cxn>
                    <a:cxn ang="0">
                      <a:pos x="T92" y="T93"/>
                    </a:cxn>
                    <a:cxn ang="0">
                      <a:pos x="T94" y="T95"/>
                    </a:cxn>
                    <a:cxn ang="0">
                      <a:pos x="T96" y="T97"/>
                    </a:cxn>
                  </a:cxnLst>
                  <a:rect l="0" t="0" r="r" b="b"/>
                  <a:pathLst>
                    <a:path w="1367" h="486">
                      <a:moveTo>
                        <a:pt x="1294" y="130"/>
                      </a:moveTo>
                      <a:lnTo>
                        <a:pt x="1294" y="130"/>
                      </a:lnTo>
                      <a:lnTo>
                        <a:pt x="1295" y="130"/>
                      </a:lnTo>
                      <a:lnTo>
                        <a:pt x="1324" y="154"/>
                      </a:lnTo>
                      <a:lnTo>
                        <a:pt x="1344" y="178"/>
                      </a:lnTo>
                      <a:lnTo>
                        <a:pt x="1357" y="203"/>
                      </a:lnTo>
                      <a:lnTo>
                        <a:pt x="1363" y="227"/>
                      </a:lnTo>
                      <a:lnTo>
                        <a:pt x="1361" y="252"/>
                      </a:lnTo>
                      <a:lnTo>
                        <a:pt x="1361" y="253"/>
                      </a:lnTo>
                      <a:lnTo>
                        <a:pt x="1352" y="278"/>
                      </a:lnTo>
                      <a:lnTo>
                        <a:pt x="1336" y="301"/>
                      </a:lnTo>
                      <a:lnTo>
                        <a:pt x="1314" y="325"/>
                      </a:lnTo>
                      <a:lnTo>
                        <a:pt x="1285" y="347"/>
                      </a:lnTo>
                      <a:lnTo>
                        <a:pt x="1249" y="370"/>
                      </a:lnTo>
                      <a:lnTo>
                        <a:pt x="1248" y="371"/>
                      </a:lnTo>
                      <a:lnTo>
                        <a:pt x="1206" y="391"/>
                      </a:lnTo>
                      <a:lnTo>
                        <a:pt x="1159" y="410"/>
                      </a:lnTo>
                      <a:lnTo>
                        <a:pt x="1106" y="427"/>
                      </a:lnTo>
                      <a:lnTo>
                        <a:pt x="1047" y="443"/>
                      </a:lnTo>
                      <a:lnTo>
                        <a:pt x="981" y="457"/>
                      </a:lnTo>
                      <a:lnTo>
                        <a:pt x="981" y="457"/>
                      </a:lnTo>
                      <a:lnTo>
                        <a:pt x="980" y="457"/>
                      </a:lnTo>
                      <a:lnTo>
                        <a:pt x="895" y="470"/>
                      </a:lnTo>
                      <a:lnTo>
                        <a:pt x="808" y="480"/>
                      </a:lnTo>
                      <a:lnTo>
                        <a:pt x="721" y="485"/>
                      </a:lnTo>
                      <a:lnTo>
                        <a:pt x="633" y="486"/>
                      </a:lnTo>
                      <a:lnTo>
                        <a:pt x="630" y="486"/>
                      </a:lnTo>
                      <a:lnTo>
                        <a:pt x="545" y="483"/>
                      </a:lnTo>
                      <a:lnTo>
                        <a:pt x="462" y="477"/>
                      </a:lnTo>
                      <a:lnTo>
                        <a:pt x="382" y="466"/>
                      </a:lnTo>
                      <a:lnTo>
                        <a:pt x="307" y="452"/>
                      </a:lnTo>
                      <a:lnTo>
                        <a:pt x="306" y="451"/>
                      </a:lnTo>
                      <a:lnTo>
                        <a:pt x="250" y="438"/>
                      </a:lnTo>
                      <a:lnTo>
                        <a:pt x="197" y="422"/>
                      </a:lnTo>
                      <a:lnTo>
                        <a:pt x="150" y="404"/>
                      </a:lnTo>
                      <a:lnTo>
                        <a:pt x="108" y="383"/>
                      </a:lnTo>
                      <a:lnTo>
                        <a:pt x="73" y="360"/>
                      </a:lnTo>
                      <a:lnTo>
                        <a:pt x="72" y="360"/>
                      </a:lnTo>
                      <a:lnTo>
                        <a:pt x="72" y="360"/>
                      </a:lnTo>
                      <a:lnTo>
                        <a:pt x="43" y="337"/>
                      </a:lnTo>
                      <a:lnTo>
                        <a:pt x="22" y="312"/>
                      </a:lnTo>
                      <a:lnTo>
                        <a:pt x="9" y="287"/>
                      </a:lnTo>
                      <a:lnTo>
                        <a:pt x="3" y="262"/>
                      </a:lnTo>
                      <a:lnTo>
                        <a:pt x="5" y="237"/>
                      </a:lnTo>
                      <a:lnTo>
                        <a:pt x="5" y="237"/>
                      </a:lnTo>
                      <a:lnTo>
                        <a:pt x="14" y="212"/>
                      </a:lnTo>
                      <a:lnTo>
                        <a:pt x="30" y="189"/>
                      </a:lnTo>
                      <a:lnTo>
                        <a:pt x="52" y="165"/>
                      </a:lnTo>
                      <a:lnTo>
                        <a:pt x="81" y="142"/>
                      </a:lnTo>
                      <a:lnTo>
                        <a:pt x="116" y="121"/>
                      </a:lnTo>
                      <a:lnTo>
                        <a:pt x="117" y="120"/>
                      </a:lnTo>
                      <a:lnTo>
                        <a:pt x="159" y="100"/>
                      </a:lnTo>
                      <a:lnTo>
                        <a:pt x="206" y="80"/>
                      </a:lnTo>
                      <a:lnTo>
                        <a:pt x="259" y="63"/>
                      </a:lnTo>
                      <a:lnTo>
                        <a:pt x="318" y="46"/>
                      </a:lnTo>
                      <a:lnTo>
                        <a:pt x="383" y="33"/>
                      </a:lnTo>
                      <a:lnTo>
                        <a:pt x="384" y="33"/>
                      </a:lnTo>
                      <a:lnTo>
                        <a:pt x="384" y="33"/>
                      </a:lnTo>
                      <a:lnTo>
                        <a:pt x="469" y="19"/>
                      </a:lnTo>
                      <a:lnTo>
                        <a:pt x="556" y="10"/>
                      </a:lnTo>
                      <a:lnTo>
                        <a:pt x="643" y="4"/>
                      </a:lnTo>
                      <a:lnTo>
                        <a:pt x="731" y="3"/>
                      </a:lnTo>
                      <a:lnTo>
                        <a:pt x="734" y="3"/>
                      </a:lnTo>
                      <a:lnTo>
                        <a:pt x="819" y="6"/>
                      </a:lnTo>
                      <a:lnTo>
                        <a:pt x="903" y="13"/>
                      </a:lnTo>
                      <a:lnTo>
                        <a:pt x="982" y="24"/>
                      </a:lnTo>
                      <a:lnTo>
                        <a:pt x="1057" y="37"/>
                      </a:lnTo>
                      <a:lnTo>
                        <a:pt x="1060" y="38"/>
                      </a:lnTo>
                      <a:lnTo>
                        <a:pt x="1115" y="51"/>
                      </a:lnTo>
                      <a:lnTo>
                        <a:pt x="1167" y="67"/>
                      </a:lnTo>
                      <a:lnTo>
                        <a:pt x="1214" y="85"/>
                      </a:lnTo>
                      <a:lnTo>
                        <a:pt x="1256" y="106"/>
                      </a:lnTo>
                      <a:lnTo>
                        <a:pt x="1293" y="129"/>
                      </a:lnTo>
                      <a:lnTo>
                        <a:pt x="1297" y="126"/>
                      </a:lnTo>
                      <a:lnTo>
                        <a:pt x="1260" y="104"/>
                      </a:lnTo>
                      <a:lnTo>
                        <a:pt x="1218" y="83"/>
                      </a:lnTo>
                      <a:lnTo>
                        <a:pt x="1170" y="66"/>
                      </a:lnTo>
                      <a:lnTo>
                        <a:pt x="1117" y="49"/>
                      </a:lnTo>
                      <a:lnTo>
                        <a:pt x="1061" y="36"/>
                      </a:lnTo>
                      <a:lnTo>
                        <a:pt x="1060" y="34"/>
                      </a:lnTo>
                      <a:lnTo>
                        <a:pt x="984" y="21"/>
                      </a:lnTo>
                      <a:lnTo>
                        <a:pt x="904" y="10"/>
                      </a:lnTo>
                      <a:lnTo>
                        <a:pt x="820" y="3"/>
                      </a:lnTo>
                      <a:lnTo>
                        <a:pt x="734" y="0"/>
                      </a:lnTo>
                      <a:lnTo>
                        <a:pt x="731" y="0"/>
                      </a:lnTo>
                      <a:lnTo>
                        <a:pt x="643" y="2"/>
                      </a:lnTo>
                      <a:lnTo>
                        <a:pt x="556" y="7"/>
                      </a:lnTo>
                      <a:lnTo>
                        <a:pt x="468" y="16"/>
                      </a:lnTo>
                      <a:lnTo>
                        <a:pt x="383" y="31"/>
                      </a:lnTo>
                      <a:lnTo>
                        <a:pt x="383" y="31"/>
                      </a:lnTo>
                      <a:lnTo>
                        <a:pt x="380" y="31"/>
                      </a:lnTo>
                      <a:lnTo>
                        <a:pt x="316" y="45"/>
                      </a:lnTo>
                      <a:lnTo>
                        <a:pt x="256" y="61"/>
                      </a:lnTo>
                      <a:lnTo>
                        <a:pt x="204" y="78"/>
                      </a:lnTo>
                      <a:lnTo>
                        <a:pt x="155" y="97"/>
                      </a:lnTo>
                      <a:lnTo>
                        <a:pt x="113" y="118"/>
                      </a:lnTo>
                      <a:lnTo>
                        <a:pt x="112" y="118"/>
                      </a:lnTo>
                      <a:lnTo>
                        <a:pt x="77" y="140"/>
                      </a:lnTo>
                      <a:lnTo>
                        <a:pt x="48" y="163"/>
                      </a:lnTo>
                      <a:lnTo>
                        <a:pt x="26" y="186"/>
                      </a:lnTo>
                      <a:lnTo>
                        <a:pt x="10" y="211"/>
                      </a:lnTo>
                      <a:lnTo>
                        <a:pt x="1" y="236"/>
                      </a:lnTo>
                      <a:lnTo>
                        <a:pt x="1" y="236"/>
                      </a:lnTo>
                      <a:lnTo>
                        <a:pt x="0" y="261"/>
                      </a:lnTo>
                      <a:lnTo>
                        <a:pt x="5" y="287"/>
                      </a:lnTo>
                      <a:lnTo>
                        <a:pt x="18" y="311"/>
                      </a:lnTo>
                      <a:lnTo>
                        <a:pt x="39" y="336"/>
                      </a:lnTo>
                      <a:lnTo>
                        <a:pt x="68" y="359"/>
                      </a:lnTo>
                      <a:lnTo>
                        <a:pt x="69" y="359"/>
                      </a:lnTo>
                      <a:lnTo>
                        <a:pt x="69" y="360"/>
                      </a:lnTo>
                      <a:lnTo>
                        <a:pt x="106" y="383"/>
                      </a:lnTo>
                      <a:lnTo>
                        <a:pt x="147" y="402"/>
                      </a:lnTo>
                      <a:lnTo>
                        <a:pt x="195" y="421"/>
                      </a:lnTo>
                      <a:lnTo>
                        <a:pt x="247" y="438"/>
                      </a:lnTo>
                      <a:lnTo>
                        <a:pt x="303" y="451"/>
                      </a:lnTo>
                      <a:lnTo>
                        <a:pt x="305" y="452"/>
                      </a:lnTo>
                      <a:lnTo>
                        <a:pt x="380" y="466"/>
                      </a:lnTo>
                      <a:lnTo>
                        <a:pt x="460" y="477"/>
                      </a:lnTo>
                      <a:lnTo>
                        <a:pt x="544" y="483"/>
                      </a:lnTo>
                      <a:lnTo>
                        <a:pt x="630" y="486"/>
                      </a:lnTo>
                      <a:lnTo>
                        <a:pt x="633" y="486"/>
                      </a:lnTo>
                      <a:lnTo>
                        <a:pt x="721" y="485"/>
                      </a:lnTo>
                      <a:lnTo>
                        <a:pt x="808" y="481"/>
                      </a:lnTo>
                      <a:lnTo>
                        <a:pt x="896" y="470"/>
                      </a:lnTo>
                      <a:lnTo>
                        <a:pt x="981" y="457"/>
                      </a:lnTo>
                      <a:lnTo>
                        <a:pt x="984" y="457"/>
                      </a:lnTo>
                      <a:lnTo>
                        <a:pt x="984" y="457"/>
                      </a:lnTo>
                      <a:lnTo>
                        <a:pt x="1048" y="443"/>
                      </a:lnTo>
                      <a:lnTo>
                        <a:pt x="1108" y="427"/>
                      </a:lnTo>
                      <a:lnTo>
                        <a:pt x="1162" y="410"/>
                      </a:lnTo>
                      <a:lnTo>
                        <a:pt x="1209" y="391"/>
                      </a:lnTo>
                      <a:lnTo>
                        <a:pt x="1251" y="370"/>
                      </a:lnTo>
                      <a:lnTo>
                        <a:pt x="1252" y="370"/>
                      </a:lnTo>
                      <a:lnTo>
                        <a:pt x="1289" y="347"/>
                      </a:lnTo>
                      <a:lnTo>
                        <a:pt x="1318" y="324"/>
                      </a:lnTo>
                      <a:lnTo>
                        <a:pt x="1340" y="300"/>
                      </a:lnTo>
                      <a:lnTo>
                        <a:pt x="1355" y="277"/>
                      </a:lnTo>
                      <a:lnTo>
                        <a:pt x="1365" y="252"/>
                      </a:lnTo>
                      <a:lnTo>
                        <a:pt x="1366" y="250"/>
                      </a:lnTo>
                      <a:lnTo>
                        <a:pt x="1367" y="226"/>
                      </a:lnTo>
                      <a:lnTo>
                        <a:pt x="1362" y="201"/>
                      </a:lnTo>
                      <a:lnTo>
                        <a:pt x="1349" y="176"/>
                      </a:lnTo>
                      <a:lnTo>
                        <a:pt x="1328" y="152"/>
                      </a:lnTo>
                      <a:lnTo>
                        <a:pt x="1299" y="129"/>
                      </a:lnTo>
                      <a:lnTo>
                        <a:pt x="1298" y="127"/>
                      </a:lnTo>
                      <a:lnTo>
                        <a:pt x="1298" y="127"/>
                      </a:lnTo>
                      <a:lnTo>
                        <a:pt x="1294" y="130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63" name="Freeform 33"/>
                <p:cNvSpPr>
                  <a:spLocks/>
                </p:cNvSpPr>
                <p:nvPr/>
              </p:nvSpPr>
              <p:spPr bwMode="auto">
                <a:xfrm flipH="1">
                  <a:off x="1303743" y="4020343"/>
                  <a:ext cx="6509" cy="2156"/>
                </a:xfrm>
                <a:custGeom>
                  <a:avLst/>
                  <a:gdLst>
                    <a:gd name="T0" fmla="*/ 6 w 12"/>
                    <a:gd name="T1" fmla="*/ 1 h 4"/>
                    <a:gd name="T2" fmla="*/ 6 w 12"/>
                    <a:gd name="T3" fmla="*/ 1 h 4"/>
                    <a:gd name="T4" fmla="*/ 6 w 12"/>
                    <a:gd name="T5" fmla="*/ 1 h 4"/>
                    <a:gd name="T6" fmla="*/ 6 w 12"/>
                    <a:gd name="T7" fmla="*/ 1 h 4"/>
                    <a:gd name="T8" fmla="*/ 6 w 12"/>
                    <a:gd name="T9" fmla="*/ 1 h 4"/>
                    <a:gd name="T10" fmla="*/ 6 w 12"/>
                    <a:gd name="T11" fmla="*/ 1 h 4"/>
                    <a:gd name="T12" fmla="*/ 5 w 12"/>
                    <a:gd name="T13" fmla="*/ 1 h 4"/>
                    <a:gd name="T14" fmla="*/ 5 w 12"/>
                    <a:gd name="T15" fmla="*/ 1 h 4"/>
                    <a:gd name="T16" fmla="*/ 5 w 12"/>
                    <a:gd name="T17" fmla="*/ 1 h 4"/>
                    <a:gd name="T18" fmla="*/ 5 w 12"/>
                    <a:gd name="T19" fmla="*/ 1 h 4"/>
                    <a:gd name="T20" fmla="*/ 5 w 12"/>
                    <a:gd name="T21" fmla="*/ 1 h 4"/>
                    <a:gd name="T22" fmla="*/ 5 w 12"/>
                    <a:gd name="T23" fmla="*/ 1 h 4"/>
                    <a:gd name="T24" fmla="*/ 6 w 12"/>
                    <a:gd name="T25" fmla="*/ 1 h 4"/>
                    <a:gd name="T26" fmla="*/ 6 w 12"/>
                    <a:gd name="T27" fmla="*/ 1 h 4"/>
                    <a:gd name="T28" fmla="*/ 6 w 12"/>
                    <a:gd name="T29" fmla="*/ 1 h 4"/>
                    <a:gd name="T30" fmla="*/ 6 w 12"/>
                    <a:gd name="T31" fmla="*/ 1 h 4"/>
                    <a:gd name="T32" fmla="*/ 6 w 12"/>
                    <a:gd name="T33" fmla="*/ 1 h 4"/>
                    <a:gd name="T34" fmla="*/ 10 w 12"/>
                    <a:gd name="T35" fmla="*/ 0 h 4"/>
                    <a:gd name="T36" fmla="*/ 9 w 12"/>
                    <a:gd name="T37" fmla="*/ 0 h 4"/>
                    <a:gd name="T38" fmla="*/ 9 w 12"/>
                    <a:gd name="T39" fmla="*/ 0 h 4"/>
                    <a:gd name="T40" fmla="*/ 6 w 12"/>
                    <a:gd name="T41" fmla="*/ 0 h 4"/>
                    <a:gd name="T42" fmla="*/ 6 w 12"/>
                    <a:gd name="T43" fmla="*/ 0 h 4"/>
                    <a:gd name="T44" fmla="*/ 4 w 12"/>
                    <a:gd name="T45" fmla="*/ 0 h 4"/>
                    <a:gd name="T46" fmla="*/ 4 w 12"/>
                    <a:gd name="T47" fmla="*/ 0 h 4"/>
                    <a:gd name="T48" fmla="*/ 1 w 12"/>
                    <a:gd name="T49" fmla="*/ 0 h 4"/>
                    <a:gd name="T50" fmla="*/ 1 w 12"/>
                    <a:gd name="T51" fmla="*/ 0 h 4"/>
                    <a:gd name="T52" fmla="*/ 0 w 12"/>
                    <a:gd name="T53" fmla="*/ 1 h 4"/>
                    <a:gd name="T54" fmla="*/ 0 w 12"/>
                    <a:gd name="T55" fmla="*/ 1 h 4"/>
                    <a:gd name="T56" fmla="*/ 1 w 12"/>
                    <a:gd name="T57" fmla="*/ 3 h 4"/>
                    <a:gd name="T58" fmla="*/ 1 w 12"/>
                    <a:gd name="T59" fmla="*/ 3 h 4"/>
                    <a:gd name="T60" fmla="*/ 1 w 12"/>
                    <a:gd name="T61" fmla="*/ 3 h 4"/>
                    <a:gd name="T62" fmla="*/ 2 w 12"/>
                    <a:gd name="T63" fmla="*/ 3 h 4"/>
                    <a:gd name="T64" fmla="*/ 2 w 12"/>
                    <a:gd name="T65" fmla="*/ 3 h 4"/>
                    <a:gd name="T66" fmla="*/ 5 w 12"/>
                    <a:gd name="T67" fmla="*/ 4 h 4"/>
                    <a:gd name="T68" fmla="*/ 5 w 12"/>
                    <a:gd name="T69" fmla="*/ 4 h 4"/>
                    <a:gd name="T70" fmla="*/ 8 w 12"/>
                    <a:gd name="T71" fmla="*/ 3 h 4"/>
                    <a:gd name="T72" fmla="*/ 8 w 12"/>
                    <a:gd name="T73" fmla="*/ 3 h 4"/>
                    <a:gd name="T74" fmla="*/ 10 w 12"/>
                    <a:gd name="T75" fmla="*/ 3 h 4"/>
                    <a:gd name="T76" fmla="*/ 10 w 12"/>
                    <a:gd name="T77" fmla="*/ 3 h 4"/>
                    <a:gd name="T78" fmla="*/ 12 w 12"/>
                    <a:gd name="T79" fmla="*/ 1 h 4"/>
                    <a:gd name="T80" fmla="*/ 12 w 12"/>
                    <a:gd name="T81" fmla="*/ 1 h 4"/>
                    <a:gd name="T82" fmla="*/ 10 w 12"/>
                    <a:gd name="T83" fmla="*/ 0 h 4"/>
                    <a:gd name="T84" fmla="*/ 10 w 12"/>
                    <a:gd name="T85" fmla="*/ 0 h 4"/>
                    <a:gd name="T86" fmla="*/ 10 w 12"/>
                    <a:gd name="T87" fmla="*/ 0 h 4"/>
                    <a:gd name="T88" fmla="*/ 6 w 12"/>
                    <a:gd name="T89" fmla="*/ 1 h 4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  <a:cxn ang="0">
                      <a:pos x="T86" y="T87"/>
                    </a:cxn>
                    <a:cxn ang="0">
                      <a:pos x="T88" y="T89"/>
                    </a:cxn>
                  </a:cxnLst>
                  <a:rect l="0" t="0" r="r" b="b"/>
                  <a:pathLst>
                    <a:path w="12" h="4">
                      <a:moveTo>
                        <a:pt x="6" y="1"/>
                      </a:moveTo>
                      <a:lnTo>
                        <a:pt x="6" y="1"/>
                      </a:lnTo>
                      <a:lnTo>
                        <a:pt x="6" y="1"/>
                      </a:lnTo>
                      <a:lnTo>
                        <a:pt x="6" y="1"/>
                      </a:lnTo>
                      <a:lnTo>
                        <a:pt x="6" y="1"/>
                      </a:lnTo>
                      <a:lnTo>
                        <a:pt x="6" y="1"/>
                      </a:lnTo>
                      <a:lnTo>
                        <a:pt x="5" y="1"/>
                      </a:lnTo>
                      <a:lnTo>
                        <a:pt x="5" y="1"/>
                      </a:lnTo>
                      <a:lnTo>
                        <a:pt x="5" y="1"/>
                      </a:lnTo>
                      <a:lnTo>
                        <a:pt x="5" y="1"/>
                      </a:lnTo>
                      <a:lnTo>
                        <a:pt x="5" y="1"/>
                      </a:lnTo>
                      <a:lnTo>
                        <a:pt x="5" y="1"/>
                      </a:lnTo>
                      <a:lnTo>
                        <a:pt x="6" y="1"/>
                      </a:lnTo>
                      <a:lnTo>
                        <a:pt x="6" y="1"/>
                      </a:lnTo>
                      <a:lnTo>
                        <a:pt x="6" y="1"/>
                      </a:lnTo>
                      <a:lnTo>
                        <a:pt x="6" y="1"/>
                      </a:lnTo>
                      <a:lnTo>
                        <a:pt x="6" y="1"/>
                      </a:lnTo>
                      <a:lnTo>
                        <a:pt x="10" y="0"/>
                      </a:lnTo>
                      <a:lnTo>
                        <a:pt x="9" y="0"/>
                      </a:lnTo>
                      <a:lnTo>
                        <a:pt x="9" y="0"/>
                      </a:lnTo>
                      <a:lnTo>
                        <a:pt x="6" y="0"/>
                      </a:lnTo>
                      <a:lnTo>
                        <a:pt x="6" y="0"/>
                      </a:lnTo>
                      <a:lnTo>
                        <a:pt x="4" y="0"/>
                      </a:lnTo>
                      <a:lnTo>
                        <a:pt x="4" y="0"/>
                      </a:lnTo>
                      <a:lnTo>
                        <a:pt x="1" y="0"/>
                      </a:lnTo>
                      <a:lnTo>
                        <a:pt x="1" y="0"/>
                      </a:lnTo>
                      <a:lnTo>
                        <a:pt x="0" y="1"/>
                      </a:lnTo>
                      <a:lnTo>
                        <a:pt x="0" y="1"/>
                      </a:lnTo>
                      <a:lnTo>
                        <a:pt x="1" y="3"/>
                      </a:lnTo>
                      <a:lnTo>
                        <a:pt x="1" y="3"/>
                      </a:lnTo>
                      <a:lnTo>
                        <a:pt x="1" y="3"/>
                      </a:lnTo>
                      <a:lnTo>
                        <a:pt x="2" y="3"/>
                      </a:lnTo>
                      <a:lnTo>
                        <a:pt x="2" y="3"/>
                      </a:lnTo>
                      <a:lnTo>
                        <a:pt x="5" y="4"/>
                      </a:lnTo>
                      <a:lnTo>
                        <a:pt x="5" y="4"/>
                      </a:lnTo>
                      <a:lnTo>
                        <a:pt x="8" y="3"/>
                      </a:lnTo>
                      <a:lnTo>
                        <a:pt x="8" y="3"/>
                      </a:lnTo>
                      <a:lnTo>
                        <a:pt x="10" y="3"/>
                      </a:lnTo>
                      <a:lnTo>
                        <a:pt x="10" y="3"/>
                      </a:lnTo>
                      <a:lnTo>
                        <a:pt x="12" y="1"/>
                      </a:lnTo>
                      <a:lnTo>
                        <a:pt x="12" y="1"/>
                      </a:lnTo>
                      <a:lnTo>
                        <a:pt x="10" y="0"/>
                      </a:lnTo>
                      <a:lnTo>
                        <a:pt x="10" y="0"/>
                      </a:lnTo>
                      <a:lnTo>
                        <a:pt x="10" y="0"/>
                      </a:lnTo>
                      <a:lnTo>
                        <a:pt x="6" y="1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64" name="Freeform 49"/>
                <p:cNvSpPr>
                  <a:spLocks/>
                </p:cNvSpPr>
                <p:nvPr/>
              </p:nvSpPr>
              <p:spPr bwMode="auto">
                <a:xfrm flipH="1">
                  <a:off x="723857" y="1924492"/>
                  <a:ext cx="36344" cy="21556"/>
                </a:xfrm>
                <a:custGeom>
                  <a:avLst/>
                  <a:gdLst>
                    <a:gd name="T0" fmla="*/ 5 w 67"/>
                    <a:gd name="T1" fmla="*/ 2 h 40"/>
                    <a:gd name="T2" fmla="*/ 37 w 67"/>
                    <a:gd name="T3" fmla="*/ 21 h 40"/>
                    <a:gd name="T4" fmla="*/ 67 w 67"/>
                    <a:gd name="T5" fmla="*/ 40 h 40"/>
                    <a:gd name="T6" fmla="*/ 67 w 67"/>
                    <a:gd name="T7" fmla="*/ 40 h 40"/>
                    <a:gd name="T8" fmla="*/ 64 w 67"/>
                    <a:gd name="T9" fmla="*/ 39 h 40"/>
                    <a:gd name="T10" fmla="*/ 63 w 67"/>
                    <a:gd name="T11" fmla="*/ 39 h 40"/>
                    <a:gd name="T12" fmla="*/ 33 w 67"/>
                    <a:gd name="T13" fmla="*/ 19 h 40"/>
                    <a:gd name="T14" fmla="*/ 0 w 67"/>
                    <a:gd name="T15" fmla="*/ 0 h 40"/>
                    <a:gd name="T16" fmla="*/ 5 w 67"/>
                    <a:gd name="T17" fmla="*/ 2 h 40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</a:cxnLst>
                  <a:rect l="0" t="0" r="r" b="b"/>
                  <a:pathLst>
                    <a:path w="67" h="40">
                      <a:moveTo>
                        <a:pt x="5" y="2"/>
                      </a:moveTo>
                      <a:lnTo>
                        <a:pt x="37" y="21"/>
                      </a:lnTo>
                      <a:lnTo>
                        <a:pt x="67" y="40"/>
                      </a:lnTo>
                      <a:lnTo>
                        <a:pt x="67" y="40"/>
                      </a:lnTo>
                      <a:lnTo>
                        <a:pt x="64" y="39"/>
                      </a:lnTo>
                      <a:lnTo>
                        <a:pt x="63" y="39"/>
                      </a:lnTo>
                      <a:lnTo>
                        <a:pt x="33" y="19"/>
                      </a:lnTo>
                      <a:lnTo>
                        <a:pt x="0" y="0"/>
                      </a:lnTo>
                      <a:lnTo>
                        <a:pt x="5" y="2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65" name="Freeform 118"/>
                <p:cNvSpPr>
                  <a:spLocks/>
                </p:cNvSpPr>
                <p:nvPr/>
              </p:nvSpPr>
              <p:spPr bwMode="auto">
                <a:xfrm flipH="1">
                  <a:off x="730909" y="3586515"/>
                  <a:ext cx="13561" cy="11856"/>
                </a:xfrm>
                <a:custGeom>
                  <a:avLst/>
                  <a:gdLst>
                    <a:gd name="T0" fmla="*/ 10 w 25"/>
                    <a:gd name="T1" fmla="*/ 1 h 22"/>
                    <a:gd name="T2" fmla="*/ 9 w 25"/>
                    <a:gd name="T3" fmla="*/ 4 h 22"/>
                    <a:gd name="T4" fmla="*/ 9 w 25"/>
                    <a:gd name="T5" fmla="*/ 5 h 22"/>
                    <a:gd name="T6" fmla="*/ 8 w 25"/>
                    <a:gd name="T7" fmla="*/ 6 h 22"/>
                    <a:gd name="T8" fmla="*/ 8 w 25"/>
                    <a:gd name="T9" fmla="*/ 8 h 22"/>
                    <a:gd name="T10" fmla="*/ 7 w 25"/>
                    <a:gd name="T11" fmla="*/ 9 h 22"/>
                    <a:gd name="T12" fmla="*/ 7 w 25"/>
                    <a:gd name="T13" fmla="*/ 10 h 22"/>
                    <a:gd name="T14" fmla="*/ 5 w 25"/>
                    <a:gd name="T15" fmla="*/ 12 h 22"/>
                    <a:gd name="T16" fmla="*/ 4 w 25"/>
                    <a:gd name="T17" fmla="*/ 12 h 22"/>
                    <a:gd name="T18" fmla="*/ 4 w 25"/>
                    <a:gd name="T19" fmla="*/ 13 h 22"/>
                    <a:gd name="T20" fmla="*/ 3 w 25"/>
                    <a:gd name="T21" fmla="*/ 14 h 22"/>
                    <a:gd name="T22" fmla="*/ 3 w 25"/>
                    <a:gd name="T23" fmla="*/ 16 h 22"/>
                    <a:gd name="T24" fmla="*/ 0 w 25"/>
                    <a:gd name="T25" fmla="*/ 20 h 22"/>
                    <a:gd name="T26" fmla="*/ 1 w 25"/>
                    <a:gd name="T27" fmla="*/ 20 h 22"/>
                    <a:gd name="T28" fmla="*/ 1 w 25"/>
                    <a:gd name="T29" fmla="*/ 20 h 22"/>
                    <a:gd name="T30" fmla="*/ 3 w 25"/>
                    <a:gd name="T31" fmla="*/ 20 h 22"/>
                    <a:gd name="T32" fmla="*/ 4 w 25"/>
                    <a:gd name="T33" fmla="*/ 21 h 22"/>
                    <a:gd name="T34" fmla="*/ 4 w 25"/>
                    <a:gd name="T35" fmla="*/ 21 h 22"/>
                    <a:gd name="T36" fmla="*/ 5 w 25"/>
                    <a:gd name="T37" fmla="*/ 21 h 22"/>
                    <a:gd name="T38" fmla="*/ 7 w 25"/>
                    <a:gd name="T39" fmla="*/ 21 h 22"/>
                    <a:gd name="T40" fmla="*/ 7 w 25"/>
                    <a:gd name="T41" fmla="*/ 21 h 22"/>
                    <a:gd name="T42" fmla="*/ 8 w 25"/>
                    <a:gd name="T43" fmla="*/ 21 h 22"/>
                    <a:gd name="T44" fmla="*/ 9 w 25"/>
                    <a:gd name="T45" fmla="*/ 21 h 22"/>
                    <a:gd name="T46" fmla="*/ 9 w 25"/>
                    <a:gd name="T47" fmla="*/ 21 h 22"/>
                    <a:gd name="T48" fmla="*/ 10 w 25"/>
                    <a:gd name="T49" fmla="*/ 21 h 22"/>
                    <a:gd name="T50" fmla="*/ 10 w 25"/>
                    <a:gd name="T51" fmla="*/ 22 h 22"/>
                    <a:gd name="T52" fmla="*/ 12 w 25"/>
                    <a:gd name="T53" fmla="*/ 22 h 22"/>
                    <a:gd name="T54" fmla="*/ 13 w 25"/>
                    <a:gd name="T55" fmla="*/ 22 h 22"/>
                    <a:gd name="T56" fmla="*/ 13 w 25"/>
                    <a:gd name="T57" fmla="*/ 22 h 22"/>
                    <a:gd name="T58" fmla="*/ 14 w 25"/>
                    <a:gd name="T59" fmla="*/ 21 h 22"/>
                    <a:gd name="T60" fmla="*/ 14 w 25"/>
                    <a:gd name="T61" fmla="*/ 20 h 22"/>
                    <a:gd name="T62" fmla="*/ 16 w 25"/>
                    <a:gd name="T63" fmla="*/ 18 h 22"/>
                    <a:gd name="T64" fmla="*/ 17 w 25"/>
                    <a:gd name="T65" fmla="*/ 17 h 22"/>
                    <a:gd name="T66" fmla="*/ 17 w 25"/>
                    <a:gd name="T67" fmla="*/ 16 h 22"/>
                    <a:gd name="T68" fmla="*/ 18 w 25"/>
                    <a:gd name="T69" fmla="*/ 14 h 22"/>
                    <a:gd name="T70" fmla="*/ 18 w 25"/>
                    <a:gd name="T71" fmla="*/ 13 h 22"/>
                    <a:gd name="T72" fmla="*/ 20 w 25"/>
                    <a:gd name="T73" fmla="*/ 12 h 22"/>
                    <a:gd name="T74" fmla="*/ 20 w 25"/>
                    <a:gd name="T75" fmla="*/ 10 h 22"/>
                    <a:gd name="T76" fmla="*/ 21 w 25"/>
                    <a:gd name="T77" fmla="*/ 10 h 22"/>
                    <a:gd name="T78" fmla="*/ 21 w 25"/>
                    <a:gd name="T79" fmla="*/ 9 h 22"/>
                    <a:gd name="T80" fmla="*/ 22 w 25"/>
                    <a:gd name="T81" fmla="*/ 8 h 22"/>
                    <a:gd name="T82" fmla="*/ 24 w 25"/>
                    <a:gd name="T83" fmla="*/ 6 h 22"/>
                    <a:gd name="T84" fmla="*/ 24 w 25"/>
                    <a:gd name="T85" fmla="*/ 5 h 22"/>
                    <a:gd name="T86" fmla="*/ 25 w 25"/>
                    <a:gd name="T87" fmla="*/ 4 h 22"/>
                    <a:gd name="T88" fmla="*/ 25 w 25"/>
                    <a:gd name="T89" fmla="*/ 3 h 22"/>
                    <a:gd name="T90" fmla="*/ 25 w 25"/>
                    <a:gd name="T91" fmla="*/ 3 h 22"/>
                    <a:gd name="T92" fmla="*/ 24 w 25"/>
                    <a:gd name="T93" fmla="*/ 3 h 22"/>
                    <a:gd name="T94" fmla="*/ 22 w 25"/>
                    <a:gd name="T95" fmla="*/ 3 h 22"/>
                    <a:gd name="T96" fmla="*/ 22 w 25"/>
                    <a:gd name="T97" fmla="*/ 1 h 22"/>
                    <a:gd name="T98" fmla="*/ 21 w 25"/>
                    <a:gd name="T99" fmla="*/ 1 h 22"/>
                    <a:gd name="T100" fmla="*/ 20 w 25"/>
                    <a:gd name="T101" fmla="*/ 1 h 22"/>
                    <a:gd name="T102" fmla="*/ 20 w 25"/>
                    <a:gd name="T103" fmla="*/ 1 h 22"/>
                    <a:gd name="T104" fmla="*/ 18 w 25"/>
                    <a:gd name="T105" fmla="*/ 1 h 22"/>
                    <a:gd name="T106" fmla="*/ 17 w 25"/>
                    <a:gd name="T107" fmla="*/ 1 h 22"/>
                    <a:gd name="T108" fmla="*/ 17 w 25"/>
                    <a:gd name="T109" fmla="*/ 1 h 22"/>
                    <a:gd name="T110" fmla="*/ 16 w 25"/>
                    <a:gd name="T111" fmla="*/ 1 h 22"/>
                    <a:gd name="T112" fmla="*/ 16 w 25"/>
                    <a:gd name="T113" fmla="*/ 0 h 22"/>
                    <a:gd name="T114" fmla="*/ 14 w 25"/>
                    <a:gd name="T115" fmla="*/ 0 h 22"/>
                    <a:gd name="T116" fmla="*/ 13 w 25"/>
                    <a:gd name="T117" fmla="*/ 0 h 22"/>
                    <a:gd name="T118" fmla="*/ 13 w 25"/>
                    <a:gd name="T119" fmla="*/ 0 h 22"/>
                    <a:gd name="T120" fmla="*/ 12 w 25"/>
                    <a:gd name="T121" fmla="*/ 0 h 22"/>
                    <a:gd name="T122" fmla="*/ 10 w 25"/>
                    <a:gd name="T123" fmla="*/ 1 h 22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  <a:cxn ang="0">
                      <a:pos x="T86" y="T87"/>
                    </a:cxn>
                    <a:cxn ang="0">
                      <a:pos x="T88" y="T89"/>
                    </a:cxn>
                    <a:cxn ang="0">
                      <a:pos x="T90" y="T91"/>
                    </a:cxn>
                    <a:cxn ang="0">
                      <a:pos x="T92" y="T93"/>
                    </a:cxn>
                    <a:cxn ang="0">
                      <a:pos x="T94" y="T95"/>
                    </a:cxn>
                    <a:cxn ang="0">
                      <a:pos x="T96" y="T97"/>
                    </a:cxn>
                    <a:cxn ang="0">
                      <a:pos x="T98" y="T99"/>
                    </a:cxn>
                    <a:cxn ang="0">
                      <a:pos x="T100" y="T101"/>
                    </a:cxn>
                    <a:cxn ang="0">
                      <a:pos x="T102" y="T103"/>
                    </a:cxn>
                    <a:cxn ang="0">
                      <a:pos x="T104" y="T105"/>
                    </a:cxn>
                    <a:cxn ang="0">
                      <a:pos x="T106" y="T107"/>
                    </a:cxn>
                    <a:cxn ang="0">
                      <a:pos x="T108" y="T109"/>
                    </a:cxn>
                    <a:cxn ang="0">
                      <a:pos x="T110" y="T111"/>
                    </a:cxn>
                    <a:cxn ang="0">
                      <a:pos x="T112" y="T113"/>
                    </a:cxn>
                    <a:cxn ang="0">
                      <a:pos x="T114" y="T115"/>
                    </a:cxn>
                    <a:cxn ang="0">
                      <a:pos x="T116" y="T117"/>
                    </a:cxn>
                    <a:cxn ang="0">
                      <a:pos x="T118" y="T119"/>
                    </a:cxn>
                    <a:cxn ang="0">
                      <a:pos x="T120" y="T121"/>
                    </a:cxn>
                    <a:cxn ang="0">
                      <a:pos x="T122" y="T123"/>
                    </a:cxn>
                  </a:cxnLst>
                  <a:rect l="0" t="0" r="r" b="b"/>
                  <a:pathLst>
                    <a:path w="25" h="22">
                      <a:moveTo>
                        <a:pt x="10" y="1"/>
                      </a:moveTo>
                      <a:lnTo>
                        <a:pt x="9" y="4"/>
                      </a:lnTo>
                      <a:lnTo>
                        <a:pt x="9" y="5"/>
                      </a:lnTo>
                      <a:lnTo>
                        <a:pt x="8" y="6"/>
                      </a:lnTo>
                      <a:lnTo>
                        <a:pt x="8" y="8"/>
                      </a:lnTo>
                      <a:lnTo>
                        <a:pt x="7" y="9"/>
                      </a:lnTo>
                      <a:lnTo>
                        <a:pt x="7" y="10"/>
                      </a:lnTo>
                      <a:lnTo>
                        <a:pt x="5" y="12"/>
                      </a:lnTo>
                      <a:lnTo>
                        <a:pt x="4" y="12"/>
                      </a:lnTo>
                      <a:lnTo>
                        <a:pt x="4" y="13"/>
                      </a:lnTo>
                      <a:lnTo>
                        <a:pt x="3" y="14"/>
                      </a:lnTo>
                      <a:lnTo>
                        <a:pt x="3" y="16"/>
                      </a:lnTo>
                      <a:lnTo>
                        <a:pt x="0" y="20"/>
                      </a:lnTo>
                      <a:lnTo>
                        <a:pt x="1" y="20"/>
                      </a:lnTo>
                      <a:lnTo>
                        <a:pt x="1" y="20"/>
                      </a:lnTo>
                      <a:lnTo>
                        <a:pt x="3" y="20"/>
                      </a:lnTo>
                      <a:lnTo>
                        <a:pt x="4" y="21"/>
                      </a:lnTo>
                      <a:lnTo>
                        <a:pt x="4" y="21"/>
                      </a:lnTo>
                      <a:lnTo>
                        <a:pt x="5" y="21"/>
                      </a:lnTo>
                      <a:lnTo>
                        <a:pt x="7" y="21"/>
                      </a:lnTo>
                      <a:lnTo>
                        <a:pt x="7" y="21"/>
                      </a:lnTo>
                      <a:lnTo>
                        <a:pt x="8" y="21"/>
                      </a:lnTo>
                      <a:lnTo>
                        <a:pt x="9" y="21"/>
                      </a:lnTo>
                      <a:lnTo>
                        <a:pt x="9" y="21"/>
                      </a:lnTo>
                      <a:lnTo>
                        <a:pt x="10" y="21"/>
                      </a:lnTo>
                      <a:lnTo>
                        <a:pt x="10" y="22"/>
                      </a:lnTo>
                      <a:lnTo>
                        <a:pt x="12" y="22"/>
                      </a:lnTo>
                      <a:lnTo>
                        <a:pt x="13" y="22"/>
                      </a:lnTo>
                      <a:lnTo>
                        <a:pt x="13" y="22"/>
                      </a:lnTo>
                      <a:lnTo>
                        <a:pt x="14" y="21"/>
                      </a:lnTo>
                      <a:lnTo>
                        <a:pt x="14" y="20"/>
                      </a:lnTo>
                      <a:lnTo>
                        <a:pt x="16" y="18"/>
                      </a:lnTo>
                      <a:lnTo>
                        <a:pt x="17" y="17"/>
                      </a:lnTo>
                      <a:lnTo>
                        <a:pt x="17" y="16"/>
                      </a:lnTo>
                      <a:lnTo>
                        <a:pt x="18" y="14"/>
                      </a:lnTo>
                      <a:lnTo>
                        <a:pt x="18" y="13"/>
                      </a:lnTo>
                      <a:lnTo>
                        <a:pt x="20" y="12"/>
                      </a:lnTo>
                      <a:lnTo>
                        <a:pt x="20" y="10"/>
                      </a:lnTo>
                      <a:lnTo>
                        <a:pt x="21" y="10"/>
                      </a:lnTo>
                      <a:lnTo>
                        <a:pt x="21" y="9"/>
                      </a:lnTo>
                      <a:lnTo>
                        <a:pt x="22" y="8"/>
                      </a:lnTo>
                      <a:lnTo>
                        <a:pt x="24" y="6"/>
                      </a:lnTo>
                      <a:lnTo>
                        <a:pt x="24" y="5"/>
                      </a:lnTo>
                      <a:lnTo>
                        <a:pt x="25" y="4"/>
                      </a:lnTo>
                      <a:lnTo>
                        <a:pt x="25" y="3"/>
                      </a:lnTo>
                      <a:lnTo>
                        <a:pt x="25" y="3"/>
                      </a:lnTo>
                      <a:lnTo>
                        <a:pt x="24" y="3"/>
                      </a:lnTo>
                      <a:lnTo>
                        <a:pt x="22" y="3"/>
                      </a:lnTo>
                      <a:lnTo>
                        <a:pt x="22" y="1"/>
                      </a:lnTo>
                      <a:lnTo>
                        <a:pt x="21" y="1"/>
                      </a:lnTo>
                      <a:lnTo>
                        <a:pt x="20" y="1"/>
                      </a:lnTo>
                      <a:lnTo>
                        <a:pt x="20" y="1"/>
                      </a:lnTo>
                      <a:lnTo>
                        <a:pt x="18" y="1"/>
                      </a:lnTo>
                      <a:lnTo>
                        <a:pt x="17" y="1"/>
                      </a:lnTo>
                      <a:lnTo>
                        <a:pt x="17" y="1"/>
                      </a:lnTo>
                      <a:lnTo>
                        <a:pt x="16" y="1"/>
                      </a:lnTo>
                      <a:lnTo>
                        <a:pt x="16" y="0"/>
                      </a:lnTo>
                      <a:lnTo>
                        <a:pt x="14" y="0"/>
                      </a:lnTo>
                      <a:lnTo>
                        <a:pt x="13" y="0"/>
                      </a:lnTo>
                      <a:lnTo>
                        <a:pt x="13" y="0"/>
                      </a:lnTo>
                      <a:lnTo>
                        <a:pt x="12" y="0"/>
                      </a:lnTo>
                      <a:lnTo>
                        <a:pt x="10" y="1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66" name="Freeform 123"/>
                <p:cNvSpPr>
                  <a:spLocks/>
                </p:cNvSpPr>
                <p:nvPr/>
              </p:nvSpPr>
              <p:spPr bwMode="auto">
                <a:xfrm flipH="1">
                  <a:off x="1684005" y="3965374"/>
                  <a:ext cx="11934" cy="6467"/>
                </a:xfrm>
                <a:custGeom>
                  <a:avLst/>
                  <a:gdLst>
                    <a:gd name="T0" fmla="*/ 12 w 22"/>
                    <a:gd name="T1" fmla="*/ 6 h 12"/>
                    <a:gd name="T2" fmla="*/ 13 w 22"/>
                    <a:gd name="T3" fmla="*/ 8 h 12"/>
                    <a:gd name="T4" fmla="*/ 16 w 22"/>
                    <a:gd name="T5" fmla="*/ 9 h 12"/>
                    <a:gd name="T6" fmla="*/ 18 w 22"/>
                    <a:gd name="T7" fmla="*/ 10 h 12"/>
                    <a:gd name="T8" fmla="*/ 21 w 22"/>
                    <a:gd name="T9" fmla="*/ 12 h 12"/>
                    <a:gd name="T10" fmla="*/ 22 w 22"/>
                    <a:gd name="T11" fmla="*/ 12 h 12"/>
                    <a:gd name="T12" fmla="*/ 21 w 22"/>
                    <a:gd name="T13" fmla="*/ 10 h 12"/>
                    <a:gd name="T14" fmla="*/ 20 w 22"/>
                    <a:gd name="T15" fmla="*/ 9 h 12"/>
                    <a:gd name="T16" fmla="*/ 17 w 22"/>
                    <a:gd name="T17" fmla="*/ 8 h 12"/>
                    <a:gd name="T18" fmla="*/ 15 w 22"/>
                    <a:gd name="T19" fmla="*/ 6 h 12"/>
                    <a:gd name="T20" fmla="*/ 12 w 22"/>
                    <a:gd name="T21" fmla="*/ 5 h 12"/>
                    <a:gd name="T22" fmla="*/ 11 w 22"/>
                    <a:gd name="T23" fmla="*/ 5 h 12"/>
                    <a:gd name="T24" fmla="*/ 9 w 22"/>
                    <a:gd name="T25" fmla="*/ 5 h 12"/>
                    <a:gd name="T26" fmla="*/ 8 w 22"/>
                    <a:gd name="T27" fmla="*/ 4 h 12"/>
                    <a:gd name="T28" fmla="*/ 5 w 22"/>
                    <a:gd name="T29" fmla="*/ 3 h 12"/>
                    <a:gd name="T30" fmla="*/ 3 w 22"/>
                    <a:gd name="T31" fmla="*/ 1 h 12"/>
                    <a:gd name="T32" fmla="*/ 0 w 22"/>
                    <a:gd name="T33" fmla="*/ 0 h 12"/>
                    <a:gd name="T34" fmla="*/ 1 w 22"/>
                    <a:gd name="T35" fmla="*/ 1 h 12"/>
                    <a:gd name="T36" fmla="*/ 3 w 22"/>
                    <a:gd name="T37" fmla="*/ 3 h 12"/>
                    <a:gd name="T38" fmla="*/ 5 w 22"/>
                    <a:gd name="T39" fmla="*/ 4 h 12"/>
                    <a:gd name="T40" fmla="*/ 8 w 22"/>
                    <a:gd name="T41" fmla="*/ 5 h 12"/>
                    <a:gd name="T42" fmla="*/ 12 w 22"/>
                    <a:gd name="T43" fmla="*/ 6 h 12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</a:cxnLst>
                  <a:rect l="0" t="0" r="r" b="b"/>
                  <a:pathLst>
                    <a:path w="22" h="12">
                      <a:moveTo>
                        <a:pt x="12" y="6"/>
                      </a:moveTo>
                      <a:lnTo>
                        <a:pt x="13" y="8"/>
                      </a:lnTo>
                      <a:lnTo>
                        <a:pt x="16" y="9"/>
                      </a:lnTo>
                      <a:lnTo>
                        <a:pt x="18" y="10"/>
                      </a:lnTo>
                      <a:lnTo>
                        <a:pt x="21" y="12"/>
                      </a:lnTo>
                      <a:lnTo>
                        <a:pt x="22" y="12"/>
                      </a:lnTo>
                      <a:lnTo>
                        <a:pt x="21" y="10"/>
                      </a:lnTo>
                      <a:lnTo>
                        <a:pt x="20" y="9"/>
                      </a:lnTo>
                      <a:lnTo>
                        <a:pt x="17" y="8"/>
                      </a:lnTo>
                      <a:lnTo>
                        <a:pt x="15" y="6"/>
                      </a:lnTo>
                      <a:lnTo>
                        <a:pt x="12" y="5"/>
                      </a:lnTo>
                      <a:lnTo>
                        <a:pt x="11" y="5"/>
                      </a:lnTo>
                      <a:lnTo>
                        <a:pt x="9" y="5"/>
                      </a:lnTo>
                      <a:lnTo>
                        <a:pt x="8" y="4"/>
                      </a:lnTo>
                      <a:lnTo>
                        <a:pt x="5" y="3"/>
                      </a:lnTo>
                      <a:lnTo>
                        <a:pt x="3" y="1"/>
                      </a:lnTo>
                      <a:lnTo>
                        <a:pt x="0" y="0"/>
                      </a:lnTo>
                      <a:lnTo>
                        <a:pt x="1" y="1"/>
                      </a:lnTo>
                      <a:lnTo>
                        <a:pt x="3" y="3"/>
                      </a:lnTo>
                      <a:lnTo>
                        <a:pt x="5" y="4"/>
                      </a:lnTo>
                      <a:lnTo>
                        <a:pt x="8" y="5"/>
                      </a:lnTo>
                      <a:lnTo>
                        <a:pt x="12" y="6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67" name="Freeform 124"/>
                <p:cNvSpPr>
                  <a:spLocks/>
                </p:cNvSpPr>
                <p:nvPr/>
              </p:nvSpPr>
              <p:spPr bwMode="auto">
                <a:xfrm flipH="1">
                  <a:off x="1170299" y="3976691"/>
                  <a:ext cx="12476" cy="6467"/>
                </a:xfrm>
                <a:custGeom>
                  <a:avLst/>
                  <a:gdLst>
                    <a:gd name="T0" fmla="*/ 6 w 23"/>
                    <a:gd name="T1" fmla="*/ 4 h 12"/>
                    <a:gd name="T2" fmla="*/ 4 w 23"/>
                    <a:gd name="T3" fmla="*/ 5 h 12"/>
                    <a:gd name="T4" fmla="*/ 3 w 23"/>
                    <a:gd name="T5" fmla="*/ 8 h 12"/>
                    <a:gd name="T6" fmla="*/ 2 w 23"/>
                    <a:gd name="T7" fmla="*/ 9 h 12"/>
                    <a:gd name="T8" fmla="*/ 0 w 23"/>
                    <a:gd name="T9" fmla="*/ 10 h 12"/>
                    <a:gd name="T10" fmla="*/ 0 w 23"/>
                    <a:gd name="T11" fmla="*/ 10 h 12"/>
                    <a:gd name="T12" fmla="*/ 3 w 23"/>
                    <a:gd name="T13" fmla="*/ 10 h 12"/>
                    <a:gd name="T14" fmla="*/ 4 w 23"/>
                    <a:gd name="T15" fmla="*/ 10 h 12"/>
                    <a:gd name="T16" fmla="*/ 4 w 23"/>
                    <a:gd name="T17" fmla="*/ 12 h 12"/>
                    <a:gd name="T18" fmla="*/ 6 w 23"/>
                    <a:gd name="T19" fmla="*/ 12 h 12"/>
                    <a:gd name="T20" fmla="*/ 6 w 23"/>
                    <a:gd name="T21" fmla="*/ 12 h 12"/>
                    <a:gd name="T22" fmla="*/ 6 w 23"/>
                    <a:gd name="T23" fmla="*/ 12 h 12"/>
                    <a:gd name="T24" fmla="*/ 7 w 23"/>
                    <a:gd name="T25" fmla="*/ 12 h 12"/>
                    <a:gd name="T26" fmla="*/ 7 w 23"/>
                    <a:gd name="T27" fmla="*/ 12 h 12"/>
                    <a:gd name="T28" fmla="*/ 8 w 23"/>
                    <a:gd name="T29" fmla="*/ 12 h 12"/>
                    <a:gd name="T30" fmla="*/ 10 w 23"/>
                    <a:gd name="T31" fmla="*/ 12 h 12"/>
                    <a:gd name="T32" fmla="*/ 10 w 23"/>
                    <a:gd name="T33" fmla="*/ 12 h 12"/>
                    <a:gd name="T34" fmla="*/ 12 w 23"/>
                    <a:gd name="T35" fmla="*/ 10 h 12"/>
                    <a:gd name="T36" fmla="*/ 14 w 23"/>
                    <a:gd name="T37" fmla="*/ 9 h 12"/>
                    <a:gd name="T38" fmla="*/ 15 w 23"/>
                    <a:gd name="T39" fmla="*/ 8 h 12"/>
                    <a:gd name="T40" fmla="*/ 16 w 23"/>
                    <a:gd name="T41" fmla="*/ 6 h 12"/>
                    <a:gd name="T42" fmla="*/ 17 w 23"/>
                    <a:gd name="T43" fmla="*/ 5 h 12"/>
                    <a:gd name="T44" fmla="*/ 20 w 23"/>
                    <a:gd name="T45" fmla="*/ 4 h 12"/>
                    <a:gd name="T46" fmla="*/ 21 w 23"/>
                    <a:gd name="T47" fmla="*/ 2 h 12"/>
                    <a:gd name="T48" fmla="*/ 23 w 23"/>
                    <a:gd name="T49" fmla="*/ 1 h 12"/>
                    <a:gd name="T50" fmla="*/ 21 w 23"/>
                    <a:gd name="T51" fmla="*/ 1 h 12"/>
                    <a:gd name="T52" fmla="*/ 20 w 23"/>
                    <a:gd name="T53" fmla="*/ 1 h 12"/>
                    <a:gd name="T54" fmla="*/ 17 w 23"/>
                    <a:gd name="T55" fmla="*/ 2 h 12"/>
                    <a:gd name="T56" fmla="*/ 15 w 23"/>
                    <a:gd name="T57" fmla="*/ 4 h 12"/>
                    <a:gd name="T58" fmla="*/ 12 w 23"/>
                    <a:gd name="T59" fmla="*/ 6 h 12"/>
                    <a:gd name="T60" fmla="*/ 8 w 23"/>
                    <a:gd name="T61" fmla="*/ 9 h 12"/>
                    <a:gd name="T62" fmla="*/ 8 w 23"/>
                    <a:gd name="T63" fmla="*/ 9 h 12"/>
                    <a:gd name="T64" fmla="*/ 8 w 23"/>
                    <a:gd name="T65" fmla="*/ 8 h 12"/>
                    <a:gd name="T66" fmla="*/ 8 w 23"/>
                    <a:gd name="T67" fmla="*/ 8 h 12"/>
                    <a:gd name="T68" fmla="*/ 10 w 23"/>
                    <a:gd name="T69" fmla="*/ 5 h 12"/>
                    <a:gd name="T70" fmla="*/ 11 w 23"/>
                    <a:gd name="T71" fmla="*/ 4 h 12"/>
                    <a:gd name="T72" fmla="*/ 12 w 23"/>
                    <a:gd name="T73" fmla="*/ 2 h 12"/>
                    <a:gd name="T74" fmla="*/ 12 w 23"/>
                    <a:gd name="T75" fmla="*/ 1 h 12"/>
                    <a:gd name="T76" fmla="*/ 12 w 23"/>
                    <a:gd name="T77" fmla="*/ 0 h 12"/>
                    <a:gd name="T78" fmla="*/ 11 w 23"/>
                    <a:gd name="T79" fmla="*/ 0 h 12"/>
                    <a:gd name="T80" fmla="*/ 10 w 23"/>
                    <a:gd name="T81" fmla="*/ 1 h 12"/>
                    <a:gd name="T82" fmla="*/ 8 w 23"/>
                    <a:gd name="T83" fmla="*/ 2 h 12"/>
                    <a:gd name="T84" fmla="*/ 7 w 23"/>
                    <a:gd name="T85" fmla="*/ 2 h 12"/>
                    <a:gd name="T86" fmla="*/ 6 w 23"/>
                    <a:gd name="T87" fmla="*/ 4 h 12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  <a:cxn ang="0">
                      <a:pos x="T86" y="T87"/>
                    </a:cxn>
                  </a:cxnLst>
                  <a:rect l="0" t="0" r="r" b="b"/>
                  <a:pathLst>
                    <a:path w="23" h="12">
                      <a:moveTo>
                        <a:pt x="6" y="4"/>
                      </a:moveTo>
                      <a:lnTo>
                        <a:pt x="4" y="5"/>
                      </a:lnTo>
                      <a:lnTo>
                        <a:pt x="3" y="8"/>
                      </a:lnTo>
                      <a:lnTo>
                        <a:pt x="2" y="9"/>
                      </a:lnTo>
                      <a:lnTo>
                        <a:pt x="0" y="10"/>
                      </a:lnTo>
                      <a:lnTo>
                        <a:pt x="0" y="10"/>
                      </a:lnTo>
                      <a:lnTo>
                        <a:pt x="3" y="10"/>
                      </a:lnTo>
                      <a:lnTo>
                        <a:pt x="4" y="10"/>
                      </a:lnTo>
                      <a:lnTo>
                        <a:pt x="4" y="12"/>
                      </a:lnTo>
                      <a:lnTo>
                        <a:pt x="6" y="12"/>
                      </a:lnTo>
                      <a:lnTo>
                        <a:pt x="6" y="12"/>
                      </a:lnTo>
                      <a:lnTo>
                        <a:pt x="6" y="12"/>
                      </a:lnTo>
                      <a:lnTo>
                        <a:pt x="7" y="12"/>
                      </a:lnTo>
                      <a:lnTo>
                        <a:pt x="7" y="12"/>
                      </a:lnTo>
                      <a:lnTo>
                        <a:pt x="8" y="12"/>
                      </a:lnTo>
                      <a:lnTo>
                        <a:pt x="10" y="12"/>
                      </a:lnTo>
                      <a:lnTo>
                        <a:pt x="10" y="12"/>
                      </a:lnTo>
                      <a:lnTo>
                        <a:pt x="12" y="10"/>
                      </a:lnTo>
                      <a:lnTo>
                        <a:pt x="14" y="9"/>
                      </a:lnTo>
                      <a:lnTo>
                        <a:pt x="15" y="8"/>
                      </a:lnTo>
                      <a:lnTo>
                        <a:pt x="16" y="6"/>
                      </a:lnTo>
                      <a:lnTo>
                        <a:pt x="17" y="5"/>
                      </a:lnTo>
                      <a:lnTo>
                        <a:pt x="20" y="4"/>
                      </a:lnTo>
                      <a:lnTo>
                        <a:pt x="21" y="2"/>
                      </a:lnTo>
                      <a:lnTo>
                        <a:pt x="23" y="1"/>
                      </a:lnTo>
                      <a:lnTo>
                        <a:pt x="21" y="1"/>
                      </a:lnTo>
                      <a:lnTo>
                        <a:pt x="20" y="1"/>
                      </a:lnTo>
                      <a:lnTo>
                        <a:pt x="17" y="2"/>
                      </a:lnTo>
                      <a:lnTo>
                        <a:pt x="15" y="4"/>
                      </a:lnTo>
                      <a:lnTo>
                        <a:pt x="12" y="6"/>
                      </a:lnTo>
                      <a:lnTo>
                        <a:pt x="8" y="9"/>
                      </a:lnTo>
                      <a:lnTo>
                        <a:pt x="8" y="9"/>
                      </a:lnTo>
                      <a:lnTo>
                        <a:pt x="8" y="8"/>
                      </a:lnTo>
                      <a:lnTo>
                        <a:pt x="8" y="8"/>
                      </a:lnTo>
                      <a:lnTo>
                        <a:pt x="10" y="5"/>
                      </a:lnTo>
                      <a:lnTo>
                        <a:pt x="11" y="4"/>
                      </a:lnTo>
                      <a:lnTo>
                        <a:pt x="12" y="2"/>
                      </a:lnTo>
                      <a:lnTo>
                        <a:pt x="12" y="1"/>
                      </a:lnTo>
                      <a:lnTo>
                        <a:pt x="12" y="0"/>
                      </a:lnTo>
                      <a:lnTo>
                        <a:pt x="11" y="0"/>
                      </a:lnTo>
                      <a:lnTo>
                        <a:pt x="10" y="1"/>
                      </a:lnTo>
                      <a:lnTo>
                        <a:pt x="8" y="2"/>
                      </a:lnTo>
                      <a:lnTo>
                        <a:pt x="7" y="2"/>
                      </a:lnTo>
                      <a:lnTo>
                        <a:pt x="6" y="4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68" name="Freeform 125"/>
                <p:cNvSpPr>
                  <a:spLocks/>
                </p:cNvSpPr>
                <p:nvPr/>
              </p:nvSpPr>
              <p:spPr bwMode="auto">
                <a:xfrm flipH="1">
                  <a:off x="1171926" y="4079085"/>
                  <a:ext cx="13019" cy="1078"/>
                </a:xfrm>
                <a:custGeom>
                  <a:avLst/>
                  <a:gdLst>
                    <a:gd name="T0" fmla="*/ 3 w 24"/>
                    <a:gd name="T1" fmla="*/ 1 h 2"/>
                    <a:gd name="T2" fmla="*/ 0 w 24"/>
                    <a:gd name="T3" fmla="*/ 2 h 2"/>
                    <a:gd name="T4" fmla="*/ 0 w 24"/>
                    <a:gd name="T5" fmla="*/ 2 h 2"/>
                    <a:gd name="T6" fmla="*/ 4 w 24"/>
                    <a:gd name="T7" fmla="*/ 2 h 2"/>
                    <a:gd name="T8" fmla="*/ 11 w 24"/>
                    <a:gd name="T9" fmla="*/ 1 h 2"/>
                    <a:gd name="T10" fmla="*/ 18 w 24"/>
                    <a:gd name="T11" fmla="*/ 1 h 2"/>
                    <a:gd name="T12" fmla="*/ 24 w 24"/>
                    <a:gd name="T13" fmla="*/ 0 h 2"/>
                    <a:gd name="T14" fmla="*/ 24 w 24"/>
                    <a:gd name="T15" fmla="*/ 0 h 2"/>
                    <a:gd name="T16" fmla="*/ 20 w 24"/>
                    <a:gd name="T17" fmla="*/ 0 h 2"/>
                    <a:gd name="T18" fmla="*/ 14 w 24"/>
                    <a:gd name="T19" fmla="*/ 1 h 2"/>
                    <a:gd name="T20" fmla="*/ 6 w 24"/>
                    <a:gd name="T21" fmla="*/ 1 h 2"/>
                    <a:gd name="T22" fmla="*/ 3 w 24"/>
                    <a:gd name="T23" fmla="*/ 1 h 2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</a:cxnLst>
                  <a:rect l="0" t="0" r="r" b="b"/>
                  <a:pathLst>
                    <a:path w="24" h="2">
                      <a:moveTo>
                        <a:pt x="3" y="1"/>
                      </a:moveTo>
                      <a:lnTo>
                        <a:pt x="0" y="2"/>
                      </a:lnTo>
                      <a:lnTo>
                        <a:pt x="0" y="2"/>
                      </a:lnTo>
                      <a:lnTo>
                        <a:pt x="4" y="2"/>
                      </a:lnTo>
                      <a:lnTo>
                        <a:pt x="11" y="1"/>
                      </a:lnTo>
                      <a:lnTo>
                        <a:pt x="18" y="1"/>
                      </a:lnTo>
                      <a:lnTo>
                        <a:pt x="24" y="0"/>
                      </a:lnTo>
                      <a:lnTo>
                        <a:pt x="24" y="0"/>
                      </a:lnTo>
                      <a:lnTo>
                        <a:pt x="20" y="0"/>
                      </a:lnTo>
                      <a:lnTo>
                        <a:pt x="14" y="1"/>
                      </a:lnTo>
                      <a:lnTo>
                        <a:pt x="6" y="1"/>
                      </a:lnTo>
                      <a:lnTo>
                        <a:pt x="3" y="1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69" name="Freeform 128"/>
                <p:cNvSpPr>
                  <a:spLocks/>
                </p:cNvSpPr>
                <p:nvPr/>
              </p:nvSpPr>
              <p:spPr bwMode="auto">
                <a:xfrm flipH="1">
                  <a:off x="1263601" y="4088247"/>
                  <a:ext cx="16816" cy="539"/>
                </a:xfrm>
                <a:custGeom>
                  <a:avLst/>
                  <a:gdLst>
                    <a:gd name="T0" fmla="*/ 27 w 31"/>
                    <a:gd name="T1" fmla="*/ 0 h 1"/>
                    <a:gd name="T2" fmla="*/ 31 w 31"/>
                    <a:gd name="T3" fmla="*/ 0 h 1"/>
                    <a:gd name="T4" fmla="*/ 16 w 31"/>
                    <a:gd name="T5" fmla="*/ 1 h 1"/>
                    <a:gd name="T6" fmla="*/ 0 w 31"/>
                    <a:gd name="T7" fmla="*/ 1 h 1"/>
                    <a:gd name="T8" fmla="*/ 0 w 31"/>
                    <a:gd name="T9" fmla="*/ 1 h 1"/>
                    <a:gd name="T10" fmla="*/ 27 w 31"/>
                    <a:gd name="T11" fmla="*/ 0 h 1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</a:cxnLst>
                  <a:rect l="0" t="0" r="r" b="b"/>
                  <a:pathLst>
                    <a:path w="31" h="1">
                      <a:moveTo>
                        <a:pt x="27" y="0"/>
                      </a:moveTo>
                      <a:lnTo>
                        <a:pt x="31" y="0"/>
                      </a:lnTo>
                      <a:lnTo>
                        <a:pt x="16" y="1"/>
                      </a:lnTo>
                      <a:lnTo>
                        <a:pt x="0" y="1"/>
                      </a:lnTo>
                      <a:lnTo>
                        <a:pt x="0" y="1"/>
                      </a:lnTo>
                      <a:lnTo>
                        <a:pt x="27" y="0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70" name="Freeform 155"/>
                <p:cNvSpPr>
                  <a:spLocks/>
                </p:cNvSpPr>
                <p:nvPr/>
              </p:nvSpPr>
              <p:spPr bwMode="auto">
                <a:xfrm flipH="1">
                  <a:off x="266565" y="2692450"/>
                  <a:ext cx="3797" cy="8622"/>
                </a:xfrm>
                <a:custGeom>
                  <a:avLst/>
                  <a:gdLst>
                    <a:gd name="T0" fmla="*/ 7 w 7"/>
                    <a:gd name="T1" fmla="*/ 2 h 16"/>
                    <a:gd name="T2" fmla="*/ 7 w 7"/>
                    <a:gd name="T3" fmla="*/ 7 h 16"/>
                    <a:gd name="T4" fmla="*/ 7 w 7"/>
                    <a:gd name="T5" fmla="*/ 11 h 16"/>
                    <a:gd name="T6" fmla="*/ 6 w 7"/>
                    <a:gd name="T7" fmla="*/ 12 h 16"/>
                    <a:gd name="T8" fmla="*/ 4 w 7"/>
                    <a:gd name="T9" fmla="*/ 15 h 16"/>
                    <a:gd name="T10" fmla="*/ 3 w 7"/>
                    <a:gd name="T11" fmla="*/ 15 h 16"/>
                    <a:gd name="T12" fmla="*/ 2 w 7"/>
                    <a:gd name="T13" fmla="*/ 16 h 16"/>
                    <a:gd name="T14" fmla="*/ 2 w 7"/>
                    <a:gd name="T15" fmla="*/ 16 h 16"/>
                    <a:gd name="T16" fmla="*/ 2 w 7"/>
                    <a:gd name="T17" fmla="*/ 16 h 16"/>
                    <a:gd name="T18" fmla="*/ 2 w 7"/>
                    <a:gd name="T19" fmla="*/ 16 h 16"/>
                    <a:gd name="T20" fmla="*/ 0 w 7"/>
                    <a:gd name="T21" fmla="*/ 12 h 16"/>
                    <a:gd name="T22" fmla="*/ 0 w 7"/>
                    <a:gd name="T23" fmla="*/ 8 h 16"/>
                    <a:gd name="T24" fmla="*/ 0 w 7"/>
                    <a:gd name="T25" fmla="*/ 6 h 16"/>
                    <a:gd name="T26" fmla="*/ 2 w 7"/>
                    <a:gd name="T27" fmla="*/ 4 h 16"/>
                    <a:gd name="T28" fmla="*/ 3 w 7"/>
                    <a:gd name="T29" fmla="*/ 3 h 16"/>
                    <a:gd name="T30" fmla="*/ 4 w 7"/>
                    <a:gd name="T31" fmla="*/ 2 h 16"/>
                    <a:gd name="T32" fmla="*/ 7 w 7"/>
                    <a:gd name="T33" fmla="*/ 0 h 16"/>
                    <a:gd name="T34" fmla="*/ 7 w 7"/>
                    <a:gd name="T35" fmla="*/ 2 h 16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</a:cxnLst>
                  <a:rect l="0" t="0" r="r" b="b"/>
                  <a:pathLst>
                    <a:path w="7" h="16">
                      <a:moveTo>
                        <a:pt x="7" y="2"/>
                      </a:moveTo>
                      <a:lnTo>
                        <a:pt x="7" y="7"/>
                      </a:lnTo>
                      <a:lnTo>
                        <a:pt x="7" y="11"/>
                      </a:lnTo>
                      <a:lnTo>
                        <a:pt x="6" y="12"/>
                      </a:lnTo>
                      <a:lnTo>
                        <a:pt x="4" y="15"/>
                      </a:lnTo>
                      <a:lnTo>
                        <a:pt x="3" y="15"/>
                      </a:lnTo>
                      <a:lnTo>
                        <a:pt x="2" y="16"/>
                      </a:lnTo>
                      <a:lnTo>
                        <a:pt x="2" y="16"/>
                      </a:lnTo>
                      <a:lnTo>
                        <a:pt x="2" y="16"/>
                      </a:lnTo>
                      <a:lnTo>
                        <a:pt x="2" y="16"/>
                      </a:lnTo>
                      <a:lnTo>
                        <a:pt x="0" y="12"/>
                      </a:lnTo>
                      <a:lnTo>
                        <a:pt x="0" y="8"/>
                      </a:lnTo>
                      <a:lnTo>
                        <a:pt x="0" y="6"/>
                      </a:lnTo>
                      <a:lnTo>
                        <a:pt x="2" y="4"/>
                      </a:lnTo>
                      <a:lnTo>
                        <a:pt x="3" y="3"/>
                      </a:lnTo>
                      <a:lnTo>
                        <a:pt x="4" y="2"/>
                      </a:lnTo>
                      <a:lnTo>
                        <a:pt x="7" y="0"/>
                      </a:lnTo>
                      <a:lnTo>
                        <a:pt x="7" y="2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71" name="Freeform 164"/>
                <p:cNvSpPr>
                  <a:spLocks/>
                </p:cNvSpPr>
                <p:nvPr/>
              </p:nvSpPr>
              <p:spPr bwMode="auto">
                <a:xfrm flipH="1">
                  <a:off x="1197421" y="4081241"/>
                  <a:ext cx="16816" cy="2694"/>
                </a:xfrm>
                <a:custGeom>
                  <a:avLst/>
                  <a:gdLst>
                    <a:gd name="T0" fmla="*/ 24 w 31"/>
                    <a:gd name="T1" fmla="*/ 2 h 5"/>
                    <a:gd name="T2" fmla="*/ 23 w 31"/>
                    <a:gd name="T3" fmla="*/ 2 h 5"/>
                    <a:gd name="T4" fmla="*/ 20 w 31"/>
                    <a:gd name="T5" fmla="*/ 2 h 5"/>
                    <a:gd name="T6" fmla="*/ 14 w 31"/>
                    <a:gd name="T7" fmla="*/ 4 h 5"/>
                    <a:gd name="T8" fmla="*/ 0 w 31"/>
                    <a:gd name="T9" fmla="*/ 5 h 5"/>
                    <a:gd name="T10" fmla="*/ 2 w 31"/>
                    <a:gd name="T11" fmla="*/ 5 h 5"/>
                    <a:gd name="T12" fmla="*/ 2 w 31"/>
                    <a:gd name="T13" fmla="*/ 5 h 5"/>
                    <a:gd name="T14" fmla="*/ 2 w 31"/>
                    <a:gd name="T15" fmla="*/ 4 h 5"/>
                    <a:gd name="T16" fmla="*/ 2 w 31"/>
                    <a:gd name="T17" fmla="*/ 4 h 5"/>
                    <a:gd name="T18" fmla="*/ 6 w 31"/>
                    <a:gd name="T19" fmla="*/ 4 h 5"/>
                    <a:gd name="T20" fmla="*/ 13 w 31"/>
                    <a:gd name="T21" fmla="*/ 2 h 5"/>
                    <a:gd name="T22" fmla="*/ 20 w 31"/>
                    <a:gd name="T23" fmla="*/ 1 h 5"/>
                    <a:gd name="T24" fmla="*/ 27 w 31"/>
                    <a:gd name="T25" fmla="*/ 0 h 5"/>
                    <a:gd name="T26" fmla="*/ 30 w 31"/>
                    <a:gd name="T27" fmla="*/ 0 h 5"/>
                    <a:gd name="T28" fmla="*/ 31 w 31"/>
                    <a:gd name="T29" fmla="*/ 0 h 5"/>
                    <a:gd name="T30" fmla="*/ 31 w 31"/>
                    <a:gd name="T31" fmla="*/ 0 h 5"/>
                    <a:gd name="T32" fmla="*/ 30 w 31"/>
                    <a:gd name="T33" fmla="*/ 1 h 5"/>
                    <a:gd name="T34" fmla="*/ 27 w 31"/>
                    <a:gd name="T35" fmla="*/ 1 h 5"/>
                    <a:gd name="T36" fmla="*/ 24 w 31"/>
                    <a:gd name="T37" fmla="*/ 2 h 5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</a:cxnLst>
                  <a:rect l="0" t="0" r="r" b="b"/>
                  <a:pathLst>
                    <a:path w="31" h="5">
                      <a:moveTo>
                        <a:pt x="24" y="2"/>
                      </a:moveTo>
                      <a:lnTo>
                        <a:pt x="23" y="2"/>
                      </a:lnTo>
                      <a:lnTo>
                        <a:pt x="20" y="2"/>
                      </a:lnTo>
                      <a:lnTo>
                        <a:pt x="14" y="4"/>
                      </a:lnTo>
                      <a:lnTo>
                        <a:pt x="0" y="5"/>
                      </a:lnTo>
                      <a:lnTo>
                        <a:pt x="2" y="5"/>
                      </a:lnTo>
                      <a:lnTo>
                        <a:pt x="2" y="5"/>
                      </a:lnTo>
                      <a:lnTo>
                        <a:pt x="2" y="4"/>
                      </a:lnTo>
                      <a:lnTo>
                        <a:pt x="2" y="4"/>
                      </a:lnTo>
                      <a:lnTo>
                        <a:pt x="6" y="4"/>
                      </a:lnTo>
                      <a:lnTo>
                        <a:pt x="13" y="2"/>
                      </a:lnTo>
                      <a:lnTo>
                        <a:pt x="20" y="1"/>
                      </a:lnTo>
                      <a:lnTo>
                        <a:pt x="27" y="0"/>
                      </a:lnTo>
                      <a:lnTo>
                        <a:pt x="30" y="0"/>
                      </a:lnTo>
                      <a:lnTo>
                        <a:pt x="31" y="0"/>
                      </a:lnTo>
                      <a:lnTo>
                        <a:pt x="31" y="0"/>
                      </a:lnTo>
                      <a:lnTo>
                        <a:pt x="30" y="1"/>
                      </a:lnTo>
                      <a:lnTo>
                        <a:pt x="27" y="1"/>
                      </a:lnTo>
                      <a:lnTo>
                        <a:pt x="24" y="2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72" name="Freeform 56"/>
                <p:cNvSpPr>
                  <a:spLocks/>
                </p:cNvSpPr>
                <p:nvPr/>
              </p:nvSpPr>
              <p:spPr bwMode="auto">
                <a:xfrm flipH="1">
                  <a:off x="737532" y="3969183"/>
                  <a:ext cx="1178205" cy="128372"/>
                </a:xfrm>
                <a:custGeom>
                  <a:avLst/>
                  <a:gdLst>
                    <a:gd name="T0" fmla="*/ 2161 w 2166"/>
                    <a:gd name="T1" fmla="*/ 2 h 234"/>
                    <a:gd name="T2" fmla="*/ 2137 w 2166"/>
                    <a:gd name="T3" fmla="*/ 17 h 234"/>
                    <a:gd name="T4" fmla="*/ 2134 w 2166"/>
                    <a:gd name="T5" fmla="*/ 18 h 234"/>
                    <a:gd name="T6" fmla="*/ 2070 w 2166"/>
                    <a:gd name="T7" fmla="*/ 50 h 234"/>
                    <a:gd name="T8" fmla="*/ 1998 w 2166"/>
                    <a:gd name="T9" fmla="*/ 80 h 234"/>
                    <a:gd name="T10" fmla="*/ 1920 w 2166"/>
                    <a:gd name="T11" fmla="*/ 108 h 234"/>
                    <a:gd name="T12" fmla="*/ 1832 w 2166"/>
                    <a:gd name="T13" fmla="*/ 135 h 234"/>
                    <a:gd name="T14" fmla="*/ 1739 w 2166"/>
                    <a:gd name="T15" fmla="*/ 158 h 234"/>
                    <a:gd name="T16" fmla="*/ 1638 w 2166"/>
                    <a:gd name="T17" fmla="*/ 179 h 234"/>
                    <a:gd name="T18" fmla="*/ 1637 w 2166"/>
                    <a:gd name="T19" fmla="*/ 179 h 234"/>
                    <a:gd name="T20" fmla="*/ 1634 w 2166"/>
                    <a:gd name="T21" fmla="*/ 180 h 234"/>
                    <a:gd name="T22" fmla="*/ 1508 w 2166"/>
                    <a:gd name="T23" fmla="*/ 201 h 234"/>
                    <a:gd name="T24" fmla="*/ 1378 w 2166"/>
                    <a:gd name="T25" fmla="*/ 217 h 234"/>
                    <a:gd name="T26" fmla="*/ 1247 w 2166"/>
                    <a:gd name="T27" fmla="*/ 228 h 234"/>
                    <a:gd name="T28" fmla="*/ 1116 w 2166"/>
                    <a:gd name="T29" fmla="*/ 233 h 234"/>
                    <a:gd name="T30" fmla="*/ 987 w 2166"/>
                    <a:gd name="T31" fmla="*/ 234 h 234"/>
                    <a:gd name="T32" fmla="*/ 983 w 2166"/>
                    <a:gd name="T33" fmla="*/ 234 h 234"/>
                    <a:gd name="T34" fmla="*/ 875 w 2166"/>
                    <a:gd name="T35" fmla="*/ 232 h 234"/>
                    <a:gd name="T36" fmla="*/ 771 w 2166"/>
                    <a:gd name="T37" fmla="*/ 225 h 234"/>
                    <a:gd name="T38" fmla="*/ 667 w 2166"/>
                    <a:gd name="T39" fmla="*/ 216 h 234"/>
                    <a:gd name="T40" fmla="*/ 566 w 2166"/>
                    <a:gd name="T41" fmla="*/ 204 h 234"/>
                    <a:gd name="T42" fmla="*/ 470 w 2166"/>
                    <a:gd name="T43" fmla="*/ 188 h 234"/>
                    <a:gd name="T44" fmla="*/ 378 w 2166"/>
                    <a:gd name="T45" fmla="*/ 170 h 234"/>
                    <a:gd name="T46" fmla="*/ 374 w 2166"/>
                    <a:gd name="T47" fmla="*/ 169 h 234"/>
                    <a:gd name="T48" fmla="*/ 289 w 2166"/>
                    <a:gd name="T49" fmla="*/ 149 h 234"/>
                    <a:gd name="T50" fmla="*/ 209 w 2166"/>
                    <a:gd name="T51" fmla="*/ 125 h 234"/>
                    <a:gd name="T52" fmla="*/ 135 w 2166"/>
                    <a:gd name="T53" fmla="*/ 99 h 234"/>
                    <a:gd name="T54" fmla="*/ 66 w 2166"/>
                    <a:gd name="T55" fmla="*/ 71 h 234"/>
                    <a:gd name="T56" fmla="*/ 4 w 2166"/>
                    <a:gd name="T57" fmla="*/ 40 h 234"/>
                    <a:gd name="T58" fmla="*/ 0 w 2166"/>
                    <a:gd name="T59" fmla="*/ 38 h 234"/>
                    <a:gd name="T60" fmla="*/ 63 w 2166"/>
                    <a:gd name="T61" fmla="*/ 69 h 234"/>
                    <a:gd name="T62" fmla="*/ 131 w 2166"/>
                    <a:gd name="T63" fmla="*/ 97 h 234"/>
                    <a:gd name="T64" fmla="*/ 207 w 2166"/>
                    <a:gd name="T65" fmla="*/ 123 h 234"/>
                    <a:gd name="T66" fmla="*/ 286 w 2166"/>
                    <a:gd name="T67" fmla="*/ 146 h 234"/>
                    <a:gd name="T68" fmla="*/ 373 w 2166"/>
                    <a:gd name="T69" fmla="*/ 167 h 234"/>
                    <a:gd name="T70" fmla="*/ 375 w 2166"/>
                    <a:gd name="T71" fmla="*/ 169 h 234"/>
                    <a:gd name="T72" fmla="*/ 468 w 2166"/>
                    <a:gd name="T73" fmla="*/ 187 h 234"/>
                    <a:gd name="T74" fmla="*/ 565 w 2166"/>
                    <a:gd name="T75" fmla="*/ 203 h 234"/>
                    <a:gd name="T76" fmla="*/ 666 w 2166"/>
                    <a:gd name="T77" fmla="*/ 215 h 234"/>
                    <a:gd name="T78" fmla="*/ 769 w 2166"/>
                    <a:gd name="T79" fmla="*/ 224 h 234"/>
                    <a:gd name="T80" fmla="*/ 875 w 2166"/>
                    <a:gd name="T81" fmla="*/ 230 h 234"/>
                    <a:gd name="T82" fmla="*/ 983 w 2166"/>
                    <a:gd name="T83" fmla="*/ 233 h 234"/>
                    <a:gd name="T84" fmla="*/ 987 w 2166"/>
                    <a:gd name="T85" fmla="*/ 233 h 234"/>
                    <a:gd name="T86" fmla="*/ 1117 w 2166"/>
                    <a:gd name="T87" fmla="*/ 233 h 234"/>
                    <a:gd name="T88" fmla="*/ 1248 w 2166"/>
                    <a:gd name="T89" fmla="*/ 226 h 234"/>
                    <a:gd name="T90" fmla="*/ 1379 w 2166"/>
                    <a:gd name="T91" fmla="*/ 216 h 234"/>
                    <a:gd name="T92" fmla="*/ 1509 w 2166"/>
                    <a:gd name="T93" fmla="*/ 200 h 234"/>
                    <a:gd name="T94" fmla="*/ 1636 w 2166"/>
                    <a:gd name="T95" fmla="*/ 179 h 234"/>
                    <a:gd name="T96" fmla="*/ 1640 w 2166"/>
                    <a:gd name="T97" fmla="*/ 178 h 234"/>
                    <a:gd name="T98" fmla="*/ 1640 w 2166"/>
                    <a:gd name="T99" fmla="*/ 178 h 234"/>
                    <a:gd name="T100" fmla="*/ 1740 w 2166"/>
                    <a:gd name="T101" fmla="*/ 157 h 234"/>
                    <a:gd name="T102" fmla="*/ 1835 w 2166"/>
                    <a:gd name="T103" fmla="*/ 133 h 234"/>
                    <a:gd name="T104" fmla="*/ 1921 w 2166"/>
                    <a:gd name="T105" fmla="*/ 107 h 234"/>
                    <a:gd name="T106" fmla="*/ 2001 w 2166"/>
                    <a:gd name="T107" fmla="*/ 78 h 234"/>
                    <a:gd name="T108" fmla="*/ 2073 w 2166"/>
                    <a:gd name="T109" fmla="*/ 48 h 234"/>
                    <a:gd name="T110" fmla="*/ 2138 w 2166"/>
                    <a:gd name="T111" fmla="*/ 16 h 234"/>
                    <a:gd name="T112" fmla="*/ 2140 w 2166"/>
                    <a:gd name="T113" fmla="*/ 16 h 234"/>
                    <a:gd name="T114" fmla="*/ 2166 w 2166"/>
                    <a:gd name="T115" fmla="*/ 0 h 234"/>
                    <a:gd name="T116" fmla="*/ 2161 w 2166"/>
                    <a:gd name="T117" fmla="*/ 2 h 234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  <a:cxn ang="0">
                      <a:pos x="T86" y="T87"/>
                    </a:cxn>
                    <a:cxn ang="0">
                      <a:pos x="T88" y="T89"/>
                    </a:cxn>
                    <a:cxn ang="0">
                      <a:pos x="T90" y="T91"/>
                    </a:cxn>
                    <a:cxn ang="0">
                      <a:pos x="T92" y="T93"/>
                    </a:cxn>
                    <a:cxn ang="0">
                      <a:pos x="T94" y="T95"/>
                    </a:cxn>
                    <a:cxn ang="0">
                      <a:pos x="T96" y="T97"/>
                    </a:cxn>
                    <a:cxn ang="0">
                      <a:pos x="T98" y="T99"/>
                    </a:cxn>
                    <a:cxn ang="0">
                      <a:pos x="T100" y="T101"/>
                    </a:cxn>
                    <a:cxn ang="0">
                      <a:pos x="T102" y="T103"/>
                    </a:cxn>
                    <a:cxn ang="0">
                      <a:pos x="T104" y="T105"/>
                    </a:cxn>
                    <a:cxn ang="0">
                      <a:pos x="T106" y="T107"/>
                    </a:cxn>
                    <a:cxn ang="0">
                      <a:pos x="T108" y="T109"/>
                    </a:cxn>
                    <a:cxn ang="0">
                      <a:pos x="T110" y="T111"/>
                    </a:cxn>
                    <a:cxn ang="0">
                      <a:pos x="T112" y="T113"/>
                    </a:cxn>
                    <a:cxn ang="0">
                      <a:pos x="T114" y="T115"/>
                    </a:cxn>
                    <a:cxn ang="0">
                      <a:pos x="T116" y="T117"/>
                    </a:cxn>
                  </a:cxnLst>
                  <a:rect l="0" t="0" r="r" b="b"/>
                  <a:pathLst>
                    <a:path w="2166" h="234">
                      <a:moveTo>
                        <a:pt x="2161" y="2"/>
                      </a:moveTo>
                      <a:lnTo>
                        <a:pt x="2137" y="17"/>
                      </a:lnTo>
                      <a:lnTo>
                        <a:pt x="2134" y="18"/>
                      </a:lnTo>
                      <a:lnTo>
                        <a:pt x="2070" y="50"/>
                      </a:lnTo>
                      <a:lnTo>
                        <a:pt x="1998" y="80"/>
                      </a:lnTo>
                      <a:lnTo>
                        <a:pt x="1920" y="108"/>
                      </a:lnTo>
                      <a:lnTo>
                        <a:pt x="1832" y="135"/>
                      </a:lnTo>
                      <a:lnTo>
                        <a:pt x="1739" y="158"/>
                      </a:lnTo>
                      <a:lnTo>
                        <a:pt x="1638" y="179"/>
                      </a:lnTo>
                      <a:lnTo>
                        <a:pt x="1637" y="179"/>
                      </a:lnTo>
                      <a:lnTo>
                        <a:pt x="1634" y="180"/>
                      </a:lnTo>
                      <a:lnTo>
                        <a:pt x="1508" y="201"/>
                      </a:lnTo>
                      <a:lnTo>
                        <a:pt x="1378" y="217"/>
                      </a:lnTo>
                      <a:lnTo>
                        <a:pt x="1247" y="228"/>
                      </a:lnTo>
                      <a:lnTo>
                        <a:pt x="1116" y="233"/>
                      </a:lnTo>
                      <a:lnTo>
                        <a:pt x="987" y="234"/>
                      </a:lnTo>
                      <a:lnTo>
                        <a:pt x="983" y="234"/>
                      </a:lnTo>
                      <a:lnTo>
                        <a:pt x="875" y="232"/>
                      </a:lnTo>
                      <a:lnTo>
                        <a:pt x="771" y="225"/>
                      </a:lnTo>
                      <a:lnTo>
                        <a:pt x="667" y="216"/>
                      </a:lnTo>
                      <a:lnTo>
                        <a:pt x="566" y="204"/>
                      </a:lnTo>
                      <a:lnTo>
                        <a:pt x="470" y="188"/>
                      </a:lnTo>
                      <a:lnTo>
                        <a:pt x="378" y="170"/>
                      </a:lnTo>
                      <a:lnTo>
                        <a:pt x="374" y="169"/>
                      </a:lnTo>
                      <a:lnTo>
                        <a:pt x="289" y="149"/>
                      </a:lnTo>
                      <a:lnTo>
                        <a:pt x="209" y="125"/>
                      </a:lnTo>
                      <a:lnTo>
                        <a:pt x="135" y="99"/>
                      </a:lnTo>
                      <a:lnTo>
                        <a:pt x="66" y="71"/>
                      </a:lnTo>
                      <a:lnTo>
                        <a:pt x="4" y="40"/>
                      </a:lnTo>
                      <a:lnTo>
                        <a:pt x="0" y="38"/>
                      </a:lnTo>
                      <a:lnTo>
                        <a:pt x="63" y="69"/>
                      </a:lnTo>
                      <a:lnTo>
                        <a:pt x="131" y="97"/>
                      </a:lnTo>
                      <a:lnTo>
                        <a:pt x="207" y="123"/>
                      </a:lnTo>
                      <a:lnTo>
                        <a:pt x="286" y="146"/>
                      </a:lnTo>
                      <a:lnTo>
                        <a:pt x="373" y="167"/>
                      </a:lnTo>
                      <a:lnTo>
                        <a:pt x="375" y="169"/>
                      </a:lnTo>
                      <a:lnTo>
                        <a:pt x="468" y="187"/>
                      </a:lnTo>
                      <a:lnTo>
                        <a:pt x="565" y="203"/>
                      </a:lnTo>
                      <a:lnTo>
                        <a:pt x="666" y="215"/>
                      </a:lnTo>
                      <a:lnTo>
                        <a:pt x="769" y="224"/>
                      </a:lnTo>
                      <a:lnTo>
                        <a:pt x="875" y="230"/>
                      </a:lnTo>
                      <a:lnTo>
                        <a:pt x="983" y="233"/>
                      </a:lnTo>
                      <a:lnTo>
                        <a:pt x="987" y="233"/>
                      </a:lnTo>
                      <a:lnTo>
                        <a:pt x="1117" y="233"/>
                      </a:lnTo>
                      <a:lnTo>
                        <a:pt x="1248" y="226"/>
                      </a:lnTo>
                      <a:lnTo>
                        <a:pt x="1379" y="216"/>
                      </a:lnTo>
                      <a:lnTo>
                        <a:pt x="1509" y="200"/>
                      </a:lnTo>
                      <a:lnTo>
                        <a:pt x="1636" y="179"/>
                      </a:lnTo>
                      <a:lnTo>
                        <a:pt x="1640" y="178"/>
                      </a:lnTo>
                      <a:lnTo>
                        <a:pt x="1640" y="178"/>
                      </a:lnTo>
                      <a:lnTo>
                        <a:pt x="1740" y="157"/>
                      </a:lnTo>
                      <a:lnTo>
                        <a:pt x="1835" y="133"/>
                      </a:lnTo>
                      <a:lnTo>
                        <a:pt x="1921" y="107"/>
                      </a:lnTo>
                      <a:lnTo>
                        <a:pt x="2001" y="78"/>
                      </a:lnTo>
                      <a:lnTo>
                        <a:pt x="2073" y="48"/>
                      </a:lnTo>
                      <a:lnTo>
                        <a:pt x="2138" y="16"/>
                      </a:lnTo>
                      <a:lnTo>
                        <a:pt x="2140" y="16"/>
                      </a:lnTo>
                      <a:lnTo>
                        <a:pt x="2166" y="0"/>
                      </a:lnTo>
                      <a:lnTo>
                        <a:pt x="2161" y="2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>
                      <a:alpha val="25000"/>
                    </a:srgbClr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73" name="Freeform 172"/>
                <p:cNvSpPr>
                  <a:spLocks/>
                </p:cNvSpPr>
                <p:nvPr/>
              </p:nvSpPr>
              <p:spPr bwMode="auto">
                <a:xfrm flipH="1">
                  <a:off x="1651165" y="1977157"/>
                  <a:ext cx="33934" cy="21363"/>
                </a:xfrm>
                <a:custGeom>
                  <a:avLst/>
                  <a:gdLst>
                    <a:gd name="T0" fmla="*/ 38 w 62"/>
                    <a:gd name="T1" fmla="*/ 31 h 39"/>
                    <a:gd name="T2" fmla="*/ 29 w 62"/>
                    <a:gd name="T3" fmla="*/ 31 h 39"/>
                    <a:gd name="T4" fmla="*/ 19 w 62"/>
                    <a:gd name="T5" fmla="*/ 33 h 39"/>
                    <a:gd name="T6" fmla="*/ 3 w 62"/>
                    <a:gd name="T7" fmla="*/ 39 h 39"/>
                    <a:gd name="T8" fmla="*/ 12 w 62"/>
                    <a:gd name="T9" fmla="*/ 33 h 39"/>
                    <a:gd name="T10" fmla="*/ 16 w 62"/>
                    <a:gd name="T11" fmla="*/ 30 h 39"/>
                    <a:gd name="T12" fmla="*/ 17 w 62"/>
                    <a:gd name="T13" fmla="*/ 27 h 39"/>
                    <a:gd name="T14" fmla="*/ 19 w 62"/>
                    <a:gd name="T15" fmla="*/ 26 h 39"/>
                    <a:gd name="T16" fmla="*/ 16 w 62"/>
                    <a:gd name="T17" fmla="*/ 26 h 39"/>
                    <a:gd name="T18" fmla="*/ 11 w 62"/>
                    <a:gd name="T19" fmla="*/ 26 h 39"/>
                    <a:gd name="T20" fmla="*/ 3 w 62"/>
                    <a:gd name="T21" fmla="*/ 26 h 39"/>
                    <a:gd name="T22" fmla="*/ 0 w 62"/>
                    <a:gd name="T23" fmla="*/ 23 h 39"/>
                    <a:gd name="T24" fmla="*/ 4 w 62"/>
                    <a:gd name="T25" fmla="*/ 21 h 39"/>
                    <a:gd name="T26" fmla="*/ 8 w 62"/>
                    <a:gd name="T27" fmla="*/ 19 h 39"/>
                    <a:gd name="T28" fmla="*/ 13 w 62"/>
                    <a:gd name="T29" fmla="*/ 17 h 39"/>
                    <a:gd name="T30" fmla="*/ 21 w 62"/>
                    <a:gd name="T31" fmla="*/ 12 h 39"/>
                    <a:gd name="T32" fmla="*/ 20 w 62"/>
                    <a:gd name="T33" fmla="*/ 10 h 39"/>
                    <a:gd name="T34" fmla="*/ 19 w 62"/>
                    <a:gd name="T35" fmla="*/ 10 h 39"/>
                    <a:gd name="T36" fmla="*/ 19 w 62"/>
                    <a:gd name="T37" fmla="*/ 9 h 39"/>
                    <a:gd name="T38" fmla="*/ 17 w 62"/>
                    <a:gd name="T39" fmla="*/ 9 h 39"/>
                    <a:gd name="T40" fmla="*/ 46 w 62"/>
                    <a:gd name="T41" fmla="*/ 0 h 39"/>
                    <a:gd name="T42" fmla="*/ 62 w 62"/>
                    <a:gd name="T43" fmla="*/ 1 h 39"/>
                    <a:gd name="T44" fmla="*/ 49 w 62"/>
                    <a:gd name="T45" fmla="*/ 6 h 39"/>
                    <a:gd name="T46" fmla="*/ 37 w 62"/>
                    <a:gd name="T47" fmla="*/ 12 h 39"/>
                    <a:gd name="T48" fmla="*/ 33 w 62"/>
                    <a:gd name="T49" fmla="*/ 14 h 39"/>
                    <a:gd name="T50" fmla="*/ 32 w 62"/>
                    <a:gd name="T51" fmla="*/ 17 h 39"/>
                    <a:gd name="T52" fmla="*/ 32 w 62"/>
                    <a:gd name="T53" fmla="*/ 18 h 39"/>
                    <a:gd name="T54" fmla="*/ 30 w 62"/>
                    <a:gd name="T55" fmla="*/ 21 h 39"/>
                    <a:gd name="T56" fmla="*/ 25 w 62"/>
                    <a:gd name="T57" fmla="*/ 23 h 39"/>
                    <a:gd name="T58" fmla="*/ 30 w 62"/>
                    <a:gd name="T59" fmla="*/ 23 h 39"/>
                    <a:gd name="T60" fmla="*/ 47 w 62"/>
                    <a:gd name="T61" fmla="*/ 18 h 39"/>
                    <a:gd name="T62" fmla="*/ 58 w 62"/>
                    <a:gd name="T63" fmla="*/ 18 h 39"/>
                    <a:gd name="T64" fmla="*/ 54 w 62"/>
                    <a:gd name="T65" fmla="*/ 23 h 39"/>
                    <a:gd name="T66" fmla="*/ 50 w 62"/>
                    <a:gd name="T67" fmla="*/ 27 h 39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</a:cxnLst>
                  <a:rect l="0" t="0" r="r" b="b"/>
                  <a:pathLst>
                    <a:path w="62" h="39">
                      <a:moveTo>
                        <a:pt x="47" y="27"/>
                      </a:moveTo>
                      <a:lnTo>
                        <a:pt x="38" y="31"/>
                      </a:lnTo>
                      <a:lnTo>
                        <a:pt x="33" y="33"/>
                      </a:lnTo>
                      <a:lnTo>
                        <a:pt x="29" y="31"/>
                      </a:lnTo>
                      <a:lnTo>
                        <a:pt x="26" y="29"/>
                      </a:lnTo>
                      <a:lnTo>
                        <a:pt x="19" y="33"/>
                      </a:lnTo>
                      <a:lnTo>
                        <a:pt x="11" y="37"/>
                      </a:lnTo>
                      <a:lnTo>
                        <a:pt x="3" y="39"/>
                      </a:lnTo>
                      <a:lnTo>
                        <a:pt x="8" y="35"/>
                      </a:lnTo>
                      <a:lnTo>
                        <a:pt x="12" y="33"/>
                      </a:lnTo>
                      <a:lnTo>
                        <a:pt x="15" y="31"/>
                      </a:lnTo>
                      <a:lnTo>
                        <a:pt x="16" y="30"/>
                      </a:lnTo>
                      <a:lnTo>
                        <a:pt x="17" y="29"/>
                      </a:lnTo>
                      <a:lnTo>
                        <a:pt x="17" y="27"/>
                      </a:lnTo>
                      <a:lnTo>
                        <a:pt x="17" y="27"/>
                      </a:lnTo>
                      <a:lnTo>
                        <a:pt x="19" y="26"/>
                      </a:lnTo>
                      <a:lnTo>
                        <a:pt x="17" y="26"/>
                      </a:lnTo>
                      <a:lnTo>
                        <a:pt x="16" y="26"/>
                      </a:lnTo>
                      <a:lnTo>
                        <a:pt x="15" y="26"/>
                      </a:lnTo>
                      <a:lnTo>
                        <a:pt x="11" y="26"/>
                      </a:lnTo>
                      <a:lnTo>
                        <a:pt x="7" y="26"/>
                      </a:lnTo>
                      <a:lnTo>
                        <a:pt x="3" y="26"/>
                      </a:lnTo>
                      <a:lnTo>
                        <a:pt x="2" y="25"/>
                      </a:lnTo>
                      <a:lnTo>
                        <a:pt x="0" y="23"/>
                      </a:lnTo>
                      <a:lnTo>
                        <a:pt x="3" y="22"/>
                      </a:lnTo>
                      <a:lnTo>
                        <a:pt x="4" y="21"/>
                      </a:lnTo>
                      <a:lnTo>
                        <a:pt x="7" y="21"/>
                      </a:lnTo>
                      <a:lnTo>
                        <a:pt x="8" y="19"/>
                      </a:lnTo>
                      <a:lnTo>
                        <a:pt x="11" y="18"/>
                      </a:lnTo>
                      <a:lnTo>
                        <a:pt x="13" y="17"/>
                      </a:lnTo>
                      <a:lnTo>
                        <a:pt x="16" y="14"/>
                      </a:lnTo>
                      <a:lnTo>
                        <a:pt x="21" y="12"/>
                      </a:lnTo>
                      <a:lnTo>
                        <a:pt x="20" y="12"/>
                      </a:lnTo>
                      <a:lnTo>
                        <a:pt x="20" y="10"/>
                      </a:lnTo>
                      <a:lnTo>
                        <a:pt x="20" y="10"/>
                      </a:lnTo>
                      <a:lnTo>
                        <a:pt x="19" y="10"/>
                      </a:lnTo>
                      <a:lnTo>
                        <a:pt x="19" y="9"/>
                      </a:lnTo>
                      <a:lnTo>
                        <a:pt x="19" y="9"/>
                      </a:lnTo>
                      <a:lnTo>
                        <a:pt x="17" y="9"/>
                      </a:lnTo>
                      <a:lnTo>
                        <a:pt x="17" y="9"/>
                      </a:lnTo>
                      <a:lnTo>
                        <a:pt x="34" y="4"/>
                      </a:lnTo>
                      <a:lnTo>
                        <a:pt x="46" y="0"/>
                      </a:lnTo>
                      <a:lnTo>
                        <a:pt x="55" y="0"/>
                      </a:lnTo>
                      <a:lnTo>
                        <a:pt x="62" y="1"/>
                      </a:lnTo>
                      <a:lnTo>
                        <a:pt x="55" y="4"/>
                      </a:lnTo>
                      <a:lnTo>
                        <a:pt x="49" y="6"/>
                      </a:lnTo>
                      <a:lnTo>
                        <a:pt x="42" y="9"/>
                      </a:lnTo>
                      <a:lnTo>
                        <a:pt x="37" y="12"/>
                      </a:lnTo>
                      <a:lnTo>
                        <a:pt x="34" y="13"/>
                      </a:lnTo>
                      <a:lnTo>
                        <a:pt x="33" y="14"/>
                      </a:lnTo>
                      <a:lnTo>
                        <a:pt x="32" y="16"/>
                      </a:lnTo>
                      <a:lnTo>
                        <a:pt x="32" y="17"/>
                      </a:lnTo>
                      <a:lnTo>
                        <a:pt x="32" y="17"/>
                      </a:lnTo>
                      <a:lnTo>
                        <a:pt x="32" y="18"/>
                      </a:lnTo>
                      <a:lnTo>
                        <a:pt x="32" y="19"/>
                      </a:lnTo>
                      <a:lnTo>
                        <a:pt x="30" y="21"/>
                      </a:lnTo>
                      <a:lnTo>
                        <a:pt x="28" y="22"/>
                      </a:lnTo>
                      <a:lnTo>
                        <a:pt x="25" y="23"/>
                      </a:lnTo>
                      <a:lnTo>
                        <a:pt x="21" y="26"/>
                      </a:lnTo>
                      <a:lnTo>
                        <a:pt x="30" y="23"/>
                      </a:lnTo>
                      <a:lnTo>
                        <a:pt x="38" y="22"/>
                      </a:lnTo>
                      <a:lnTo>
                        <a:pt x="47" y="18"/>
                      </a:lnTo>
                      <a:lnTo>
                        <a:pt x="62" y="14"/>
                      </a:lnTo>
                      <a:lnTo>
                        <a:pt x="58" y="18"/>
                      </a:lnTo>
                      <a:lnTo>
                        <a:pt x="55" y="21"/>
                      </a:lnTo>
                      <a:lnTo>
                        <a:pt x="54" y="23"/>
                      </a:lnTo>
                      <a:lnTo>
                        <a:pt x="54" y="26"/>
                      </a:lnTo>
                      <a:lnTo>
                        <a:pt x="50" y="27"/>
                      </a:lnTo>
                      <a:lnTo>
                        <a:pt x="47" y="27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/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74" name="Freeform 58"/>
                <p:cNvSpPr>
                  <a:spLocks/>
                </p:cNvSpPr>
                <p:nvPr/>
              </p:nvSpPr>
              <p:spPr bwMode="auto">
                <a:xfrm flipH="1">
                  <a:off x="1826309" y="1870346"/>
                  <a:ext cx="547" cy="0"/>
                </a:xfrm>
                <a:custGeom>
                  <a:avLst/>
                  <a:gdLst>
                    <a:gd name="T0" fmla="*/ 1 w 1"/>
                    <a:gd name="T1" fmla="*/ 1 w 1"/>
                    <a:gd name="T2" fmla="*/ 0 w 1"/>
                    <a:gd name="T3" fmla="*/ 1 w 1"/>
                  </a:gdLst>
                  <a:ahLst/>
                  <a:cxnLst>
                    <a:cxn ang="0">
                      <a:pos x="T0" y="0"/>
                    </a:cxn>
                    <a:cxn ang="0">
                      <a:pos x="T1" y="0"/>
                    </a:cxn>
                    <a:cxn ang="0">
                      <a:pos x="T2" y="0"/>
                    </a:cxn>
                    <a:cxn ang="0">
                      <a:pos x="T3" y="0"/>
                    </a:cxn>
                  </a:cxnLst>
                  <a:rect l="0" t="0" r="r" b="b"/>
                  <a:pathLst>
                    <a:path w="1">
                      <a:moveTo>
                        <a:pt x="1" y="0"/>
                      </a:moveTo>
                      <a:lnTo>
                        <a:pt x="1" y="0"/>
                      </a:lnTo>
                      <a:lnTo>
                        <a:pt x="0" y="0"/>
                      </a:lnTo>
                      <a:lnTo>
                        <a:pt x="1" y="0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/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75" name="Freeform 84"/>
                <p:cNvSpPr>
                  <a:spLocks/>
                </p:cNvSpPr>
                <p:nvPr/>
              </p:nvSpPr>
              <p:spPr bwMode="auto">
                <a:xfrm flipH="1">
                  <a:off x="1553194" y="1792017"/>
                  <a:ext cx="4378" cy="547"/>
                </a:xfrm>
                <a:custGeom>
                  <a:avLst/>
                  <a:gdLst>
                    <a:gd name="T0" fmla="*/ 8 w 8"/>
                    <a:gd name="T1" fmla="*/ 0 h 1"/>
                    <a:gd name="T2" fmla="*/ 0 w 8"/>
                    <a:gd name="T3" fmla="*/ 1 h 1"/>
                    <a:gd name="T4" fmla="*/ 8 w 8"/>
                    <a:gd name="T5" fmla="*/ 0 h 1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</a:cxnLst>
                  <a:rect l="0" t="0" r="r" b="b"/>
                  <a:pathLst>
                    <a:path w="8" h="1">
                      <a:moveTo>
                        <a:pt x="8" y="0"/>
                      </a:moveTo>
                      <a:lnTo>
                        <a:pt x="0" y="1"/>
                      </a:lnTo>
                      <a:lnTo>
                        <a:pt x="8" y="0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/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376" name="Freeform 59"/>
                <p:cNvSpPr>
                  <a:spLocks/>
                </p:cNvSpPr>
                <p:nvPr/>
              </p:nvSpPr>
              <p:spPr bwMode="auto">
                <a:xfrm flipH="1">
                  <a:off x="1843276" y="1878014"/>
                  <a:ext cx="50901" cy="23554"/>
                </a:xfrm>
                <a:custGeom>
                  <a:avLst/>
                  <a:gdLst>
                    <a:gd name="T0" fmla="*/ 0 w 93"/>
                    <a:gd name="T1" fmla="*/ 43 h 43"/>
                    <a:gd name="T2" fmla="*/ 18 w 93"/>
                    <a:gd name="T3" fmla="*/ 34 h 43"/>
                    <a:gd name="T4" fmla="*/ 37 w 93"/>
                    <a:gd name="T5" fmla="*/ 25 h 43"/>
                    <a:gd name="T6" fmla="*/ 54 w 93"/>
                    <a:gd name="T7" fmla="*/ 17 h 43"/>
                    <a:gd name="T8" fmla="*/ 69 w 93"/>
                    <a:gd name="T9" fmla="*/ 11 h 43"/>
                    <a:gd name="T10" fmla="*/ 81 w 93"/>
                    <a:gd name="T11" fmla="*/ 4 h 43"/>
                    <a:gd name="T12" fmla="*/ 90 w 93"/>
                    <a:gd name="T13" fmla="*/ 2 h 43"/>
                    <a:gd name="T14" fmla="*/ 93 w 93"/>
                    <a:gd name="T15" fmla="*/ 0 h 43"/>
                    <a:gd name="T16" fmla="*/ 0 w 93"/>
                    <a:gd name="T17" fmla="*/ 43 h 43"/>
                    <a:gd name="T18" fmla="*/ 0 w 93"/>
                    <a:gd name="T19" fmla="*/ 43 h 43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</a:cxnLst>
                  <a:rect l="0" t="0" r="r" b="b"/>
                  <a:pathLst>
                    <a:path w="93" h="43">
                      <a:moveTo>
                        <a:pt x="0" y="43"/>
                      </a:moveTo>
                      <a:lnTo>
                        <a:pt x="18" y="34"/>
                      </a:lnTo>
                      <a:lnTo>
                        <a:pt x="37" y="25"/>
                      </a:lnTo>
                      <a:lnTo>
                        <a:pt x="54" y="17"/>
                      </a:lnTo>
                      <a:lnTo>
                        <a:pt x="69" y="11"/>
                      </a:lnTo>
                      <a:lnTo>
                        <a:pt x="81" y="4"/>
                      </a:lnTo>
                      <a:lnTo>
                        <a:pt x="90" y="2"/>
                      </a:lnTo>
                      <a:lnTo>
                        <a:pt x="93" y="0"/>
                      </a:lnTo>
                      <a:lnTo>
                        <a:pt x="0" y="43"/>
                      </a:lnTo>
                      <a:lnTo>
                        <a:pt x="0" y="43"/>
                      </a:lnTo>
                      <a:close/>
                    </a:path>
                  </a:pathLst>
                </a:custGeo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  <a:ln w="0">
                  <a:solidFill>
                    <a:srgbClr val="FFFFFF"/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grpSp>
              <p:nvGrpSpPr>
                <p:cNvPr id="377" name="Group 824"/>
                <p:cNvGrpSpPr/>
                <p:nvPr/>
              </p:nvGrpSpPr>
              <p:grpSpPr>
                <a:xfrm flipH="1">
                  <a:off x="2042502" y="1989755"/>
                  <a:ext cx="155440" cy="129817"/>
                  <a:chOff x="2750263" y="1304301"/>
                  <a:chExt cx="341167" cy="284706"/>
                </a:xfrm>
                <a:gradFill>
                  <a:gsLst>
                    <a:gs pos="0">
                      <a:sysClr val="window" lastClr="FFFFFF">
                        <a:lumMod val="85000"/>
                      </a:sysClr>
                    </a:gs>
                    <a:gs pos="99000">
                      <a:sysClr val="window" lastClr="FFFFFF">
                        <a:lumMod val="85000"/>
                      </a:sysClr>
                    </a:gs>
                  </a:gsLst>
                  <a:lin ang="5400000" scaled="1"/>
                </a:gradFill>
              </p:grpSpPr>
              <p:sp>
                <p:nvSpPr>
                  <p:cNvPr id="378" name="Freeform 60"/>
                  <p:cNvSpPr>
                    <a:spLocks/>
                  </p:cNvSpPr>
                  <p:nvPr/>
                </p:nvSpPr>
                <p:spPr bwMode="auto">
                  <a:xfrm>
                    <a:off x="2750263" y="1317515"/>
                    <a:ext cx="323148" cy="271492"/>
                  </a:xfrm>
                  <a:custGeom>
                    <a:avLst/>
                    <a:gdLst>
                      <a:gd name="T0" fmla="*/ 2 w 269"/>
                      <a:gd name="T1" fmla="*/ 224 h 226"/>
                      <a:gd name="T2" fmla="*/ 25 w 269"/>
                      <a:gd name="T3" fmla="*/ 205 h 226"/>
                      <a:gd name="T4" fmla="*/ 47 w 269"/>
                      <a:gd name="T5" fmla="*/ 187 h 226"/>
                      <a:gd name="T6" fmla="*/ 68 w 269"/>
                      <a:gd name="T7" fmla="*/ 167 h 226"/>
                      <a:gd name="T8" fmla="*/ 63 w 269"/>
                      <a:gd name="T9" fmla="*/ 171 h 226"/>
                      <a:gd name="T10" fmla="*/ 57 w 269"/>
                      <a:gd name="T11" fmla="*/ 175 h 226"/>
                      <a:gd name="T12" fmla="*/ 60 w 269"/>
                      <a:gd name="T13" fmla="*/ 174 h 226"/>
                      <a:gd name="T14" fmla="*/ 63 w 269"/>
                      <a:gd name="T15" fmla="*/ 171 h 226"/>
                      <a:gd name="T16" fmla="*/ 66 w 269"/>
                      <a:gd name="T17" fmla="*/ 166 h 226"/>
                      <a:gd name="T18" fmla="*/ 74 w 269"/>
                      <a:gd name="T19" fmla="*/ 160 h 226"/>
                      <a:gd name="T20" fmla="*/ 85 w 269"/>
                      <a:gd name="T21" fmla="*/ 150 h 226"/>
                      <a:gd name="T22" fmla="*/ 98 w 269"/>
                      <a:gd name="T23" fmla="*/ 137 h 226"/>
                      <a:gd name="T24" fmla="*/ 116 w 269"/>
                      <a:gd name="T25" fmla="*/ 120 h 226"/>
                      <a:gd name="T26" fmla="*/ 112 w 269"/>
                      <a:gd name="T27" fmla="*/ 124 h 226"/>
                      <a:gd name="T28" fmla="*/ 108 w 269"/>
                      <a:gd name="T29" fmla="*/ 127 h 226"/>
                      <a:gd name="T30" fmla="*/ 115 w 269"/>
                      <a:gd name="T31" fmla="*/ 122 h 226"/>
                      <a:gd name="T32" fmla="*/ 120 w 269"/>
                      <a:gd name="T33" fmla="*/ 116 h 226"/>
                      <a:gd name="T34" fmla="*/ 127 w 269"/>
                      <a:gd name="T35" fmla="*/ 111 h 226"/>
                      <a:gd name="T36" fmla="*/ 136 w 269"/>
                      <a:gd name="T37" fmla="*/ 103 h 226"/>
                      <a:gd name="T38" fmla="*/ 149 w 269"/>
                      <a:gd name="T39" fmla="*/ 92 h 226"/>
                      <a:gd name="T40" fmla="*/ 152 w 269"/>
                      <a:gd name="T41" fmla="*/ 90 h 226"/>
                      <a:gd name="T42" fmla="*/ 154 w 269"/>
                      <a:gd name="T43" fmla="*/ 88 h 226"/>
                      <a:gd name="T44" fmla="*/ 157 w 269"/>
                      <a:gd name="T45" fmla="*/ 86 h 226"/>
                      <a:gd name="T46" fmla="*/ 159 w 269"/>
                      <a:gd name="T47" fmla="*/ 84 h 226"/>
                      <a:gd name="T48" fmla="*/ 162 w 269"/>
                      <a:gd name="T49" fmla="*/ 82 h 226"/>
                      <a:gd name="T50" fmla="*/ 163 w 269"/>
                      <a:gd name="T51" fmla="*/ 81 h 226"/>
                      <a:gd name="T52" fmla="*/ 166 w 269"/>
                      <a:gd name="T53" fmla="*/ 78 h 226"/>
                      <a:gd name="T54" fmla="*/ 169 w 269"/>
                      <a:gd name="T55" fmla="*/ 77 h 226"/>
                      <a:gd name="T56" fmla="*/ 190 w 269"/>
                      <a:gd name="T57" fmla="*/ 60 h 226"/>
                      <a:gd name="T58" fmla="*/ 209 w 269"/>
                      <a:gd name="T59" fmla="*/ 44 h 226"/>
                      <a:gd name="T60" fmla="*/ 228 w 269"/>
                      <a:gd name="T61" fmla="*/ 30 h 226"/>
                      <a:gd name="T62" fmla="*/ 245 w 269"/>
                      <a:gd name="T63" fmla="*/ 18 h 226"/>
                      <a:gd name="T64" fmla="*/ 259 w 269"/>
                      <a:gd name="T65" fmla="*/ 8 h 226"/>
                      <a:gd name="T66" fmla="*/ 269 w 269"/>
                      <a:gd name="T67" fmla="*/ 0 h 226"/>
                      <a:gd name="T68" fmla="*/ 258 w 269"/>
                      <a:gd name="T69" fmla="*/ 9 h 226"/>
                      <a:gd name="T70" fmla="*/ 224 w 269"/>
                      <a:gd name="T71" fmla="*/ 34 h 226"/>
                      <a:gd name="T72" fmla="*/ 195 w 269"/>
                      <a:gd name="T73" fmla="*/ 56 h 226"/>
                      <a:gd name="T74" fmla="*/ 171 w 269"/>
                      <a:gd name="T75" fmla="*/ 76 h 226"/>
                      <a:gd name="T76" fmla="*/ 149 w 269"/>
                      <a:gd name="T77" fmla="*/ 93 h 226"/>
                      <a:gd name="T78" fmla="*/ 131 w 269"/>
                      <a:gd name="T79" fmla="*/ 107 h 226"/>
                      <a:gd name="T80" fmla="*/ 114 w 269"/>
                      <a:gd name="T81" fmla="*/ 122 h 226"/>
                      <a:gd name="T82" fmla="*/ 98 w 269"/>
                      <a:gd name="T83" fmla="*/ 135 h 226"/>
                      <a:gd name="T84" fmla="*/ 82 w 269"/>
                      <a:gd name="T85" fmla="*/ 149 h 226"/>
                      <a:gd name="T86" fmla="*/ 66 w 269"/>
                      <a:gd name="T87" fmla="*/ 164 h 226"/>
                      <a:gd name="T88" fmla="*/ 49 w 269"/>
                      <a:gd name="T89" fmla="*/ 179 h 226"/>
                      <a:gd name="T90" fmla="*/ 31 w 269"/>
                      <a:gd name="T91" fmla="*/ 196 h 226"/>
                      <a:gd name="T92" fmla="*/ 10 w 269"/>
                      <a:gd name="T93" fmla="*/ 217 h 226"/>
                      <a:gd name="T94" fmla="*/ 6 w 269"/>
                      <a:gd name="T95" fmla="*/ 220 h 226"/>
                      <a:gd name="T96" fmla="*/ 4 w 269"/>
                      <a:gd name="T97" fmla="*/ 224 h 226"/>
                      <a:gd name="T98" fmla="*/ 0 w 269"/>
                      <a:gd name="T99" fmla="*/ 226 h 226"/>
                      <a:gd name="T100" fmla="*/ 1 w 269"/>
                      <a:gd name="T101" fmla="*/ 225 h 226"/>
                      <a:gd name="T102" fmla="*/ 2 w 269"/>
                      <a:gd name="T103" fmla="*/ 224 h 226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  <a:cxn ang="0">
                        <a:pos x="T14" y="T15"/>
                      </a:cxn>
                      <a:cxn ang="0">
                        <a:pos x="T16" y="T17"/>
                      </a:cxn>
                      <a:cxn ang="0">
                        <a:pos x="T18" y="T19"/>
                      </a:cxn>
                      <a:cxn ang="0">
                        <a:pos x="T20" y="T21"/>
                      </a:cxn>
                      <a:cxn ang="0">
                        <a:pos x="T22" y="T23"/>
                      </a:cxn>
                      <a:cxn ang="0">
                        <a:pos x="T24" y="T25"/>
                      </a:cxn>
                      <a:cxn ang="0">
                        <a:pos x="T26" y="T27"/>
                      </a:cxn>
                      <a:cxn ang="0">
                        <a:pos x="T28" y="T29"/>
                      </a:cxn>
                      <a:cxn ang="0">
                        <a:pos x="T30" y="T31"/>
                      </a:cxn>
                      <a:cxn ang="0">
                        <a:pos x="T32" y="T33"/>
                      </a:cxn>
                      <a:cxn ang="0">
                        <a:pos x="T34" y="T35"/>
                      </a:cxn>
                      <a:cxn ang="0">
                        <a:pos x="T36" y="T37"/>
                      </a:cxn>
                      <a:cxn ang="0">
                        <a:pos x="T38" y="T39"/>
                      </a:cxn>
                      <a:cxn ang="0">
                        <a:pos x="T40" y="T41"/>
                      </a:cxn>
                      <a:cxn ang="0">
                        <a:pos x="T42" y="T43"/>
                      </a:cxn>
                      <a:cxn ang="0">
                        <a:pos x="T44" y="T45"/>
                      </a:cxn>
                      <a:cxn ang="0">
                        <a:pos x="T46" y="T47"/>
                      </a:cxn>
                      <a:cxn ang="0">
                        <a:pos x="T48" y="T49"/>
                      </a:cxn>
                      <a:cxn ang="0">
                        <a:pos x="T50" y="T51"/>
                      </a:cxn>
                      <a:cxn ang="0">
                        <a:pos x="T52" y="T53"/>
                      </a:cxn>
                      <a:cxn ang="0">
                        <a:pos x="T54" y="T55"/>
                      </a:cxn>
                      <a:cxn ang="0">
                        <a:pos x="T56" y="T57"/>
                      </a:cxn>
                      <a:cxn ang="0">
                        <a:pos x="T58" y="T59"/>
                      </a:cxn>
                      <a:cxn ang="0">
                        <a:pos x="T60" y="T61"/>
                      </a:cxn>
                      <a:cxn ang="0">
                        <a:pos x="T62" y="T63"/>
                      </a:cxn>
                      <a:cxn ang="0">
                        <a:pos x="T64" y="T65"/>
                      </a:cxn>
                      <a:cxn ang="0">
                        <a:pos x="T66" y="T67"/>
                      </a:cxn>
                      <a:cxn ang="0">
                        <a:pos x="T68" y="T69"/>
                      </a:cxn>
                      <a:cxn ang="0">
                        <a:pos x="T70" y="T71"/>
                      </a:cxn>
                      <a:cxn ang="0">
                        <a:pos x="T72" y="T73"/>
                      </a:cxn>
                      <a:cxn ang="0">
                        <a:pos x="T74" y="T75"/>
                      </a:cxn>
                      <a:cxn ang="0">
                        <a:pos x="T76" y="T77"/>
                      </a:cxn>
                      <a:cxn ang="0">
                        <a:pos x="T78" y="T79"/>
                      </a:cxn>
                      <a:cxn ang="0">
                        <a:pos x="T80" y="T81"/>
                      </a:cxn>
                      <a:cxn ang="0">
                        <a:pos x="T82" y="T83"/>
                      </a:cxn>
                      <a:cxn ang="0">
                        <a:pos x="T84" y="T85"/>
                      </a:cxn>
                      <a:cxn ang="0">
                        <a:pos x="T86" y="T87"/>
                      </a:cxn>
                      <a:cxn ang="0">
                        <a:pos x="T88" y="T89"/>
                      </a:cxn>
                      <a:cxn ang="0">
                        <a:pos x="T90" y="T91"/>
                      </a:cxn>
                      <a:cxn ang="0">
                        <a:pos x="T92" y="T93"/>
                      </a:cxn>
                      <a:cxn ang="0">
                        <a:pos x="T94" y="T95"/>
                      </a:cxn>
                      <a:cxn ang="0">
                        <a:pos x="T96" y="T97"/>
                      </a:cxn>
                      <a:cxn ang="0">
                        <a:pos x="T98" y="T99"/>
                      </a:cxn>
                      <a:cxn ang="0">
                        <a:pos x="T100" y="T101"/>
                      </a:cxn>
                      <a:cxn ang="0">
                        <a:pos x="T102" y="T103"/>
                      </a:cxn>
                    </a:cxnLst>
                    <a:rect l="0" t="0" r="r" b="b"/>
                    <a:pathLst>
                      <a:path w="269" h="226">
                        <a:moveTo>
                          <a:pt x="2" y="224"/>
                        </a:moveTo>
                        <a:lnTo>
                          <a:pt x="25" y="205"/>
                        </a:lnTo>
                        <a:lnTo>
                          <a:pt x="47" y="187"/>
                        </a:lnTo>
                        <a:lnTo>
                          <a:pt x="68" y="167"/>
                        </a:lnTo>
                        <a:lnTo>
                          <a:pt x="63" y="171"/>
                        </a:lnTo>
                        <a:lnTo>
                          <a:pt x="57" y="175"/>
                        </a:lnTo>
                        <a:lnTo>
                          <a:pt x="60" y="174"/>
                        </a:lnTo>
                        <a:lnTo>
                          <a:pt x="63" y="171"/>
                        </a:lnTo>
                        <a:lnTo>
                          <a:pt x="66" y="166"/>
                        </a:lnTo>
                        <a:lnTo>
                          <a:pt x="74" y="160"/>
                        </a:lnTo>
                        <a:lnTo>
                          <a:pt x="85" y="150"/>
                        </a:lnTo>
                        <a:lnTo>
                          <a:pt x="98" y="137"/>
                        </a:lnTo>
                        <a:lnTo>
                          <a:pt x="116" y="120"/>
                        </a:lnTo>
                        <a:lnTo>
                          <a:pt x="112" y="124"/>
                        </a:lnTo>
                        <a:lnTo>
                          <a:pt x="108" y="127"/>
                        </a:lnTo>
                        <a:lnTo>
                          <a:pt x="115" y="122"/>
                        </a:lnTo>
                        <a:lnTo>
                          <a:pt x="120" y="116"/>
                        </a:lnTo>
                        <a:lnTo>
                          <a:pt x="127" y="111"/>
                        </a:lnTo>
                        <a:lnTo>
                          <a:pt x="136" y="103"/>
                        </a:lnTo>
                        <a:lnTo>
                          <a:pt x="149" y="92"/>
                        </a:lnTo>
                        <a:lnTo>
                          <a:pt x="152" y="90"/>
                        </a:lnTo>
                        <a:lnTo>
                          <a:pt x="154" y="88"/>
                        </a:lnTo>
                        <a:lnTo>
                          <a:pt x="157" y="86"/>
                        </a:lnTo>
                        <a:lnTo>
                          <a:pt x="159" y="84"/>
                        </a:lnTo>
                        <a:lnTo>
                          <a:pt x="162" y="82"/>
                        </a:lnTo>
                        <a:lnTo>
                          <a:pt x="163" y="81"/>
                        </a:lnTo>
                        <a:lnTo>
                          <a:pt x="166" y="78"/>
                        </a:lnTo>
                        <a:lnTo>
                          <a:pt x="169" y="77"/>
                        </a:lnTo>
                        <a:lnTo>
                          <a:pt x="190" y="60"/>
                        </a:lnTo>
                        <a:lnTo>
                          <a:pt x="209" y="44"/>
                        </a:lnTo>
                        <a:lnTo>
                          <a:pt x="228" y="30"/>
                        </a:lnTo>
                        <a:lnTo>
                          <a:pt x="245" y="18"/>
                        </a:lnTo>
                        <a:lnTo>
                          <a:pt x="259" y="8"/>
                        </a:lnTo>
                        <a:lnTo>
                          <a:pt x="269" y="0"/>
                        </a:lnTo>
                        <a:lnTo>
                          <a:pt x="258" y="9"/>
                        </a:lnTo>
                        <a:lnTo>
                          <a:pt x="224" y="34"/>
                        </a:lnTo>
                        <a:lnTo>
                          <a:pt x="195" y="56"/>
                        </a:lnTo>
                        <a:lnTo>
                          <a:pt x="171" y="76"/>
                        </a:lnTo>
                        <a:lnTo>
                          <a:pt x="149" y="93"/>
                        </a:lnTo>
                        <a:lnTo>
                          <a:pt x="131" y="107"/>
                        </a:lnTo>
                        <a:lnTo>
                          <a:pt x="114" y="122"/>
                        </a:lnTo>
                        <a:lnTo>
                          <a:pt x="98" y="135"/>
                        </a:lnTo>
                        <a:lnTo>
                          <a:pt x="82" y="149"/>
                        </a:lnTo>
                        <a:lnTo>
                          <a:pt x="66" y="164"/>
                        </a:lnTo>
                        <a:lnTo>
                          <a:pt x="49" y="179"/>
                        </a:lnTo>
                        <a:lnTo>
                          <a:pt x="31" y="196"/>
                        </a:lnTo>
                        <a:lnTo>
                          <a:pt x="10" y="217"/>
                        </a:lnTo>
                        <a:lnTo>
                          <a:pt x="6" y="220"/>
                        </a:lnTo>
                        <a:lnTo>
                          <a:pt x="4" y="224"/>
                        </a:lnTo>
                        <a:lnTo>
                          <a:pt x="0" y="226"/>
                        </a:lnTo>
                        <a:lnTo>
                          <a:pt x="1" y="225"/>
                        </a:lnTo>
                        <a:lnTo>
                          <a:pt x="2" y="224"/>
                        </a:lnTo>
                        <a:close/>
                      </a:path>
                    </a:pathLst>
                  </a:custGeom>
                  <a:grpFill/>
                  <a:ln w="0">
                    <a:solidFill>
                      <a:srgbClr val="FFFFFF"/>
                    </a:solidFill>
                    <a:prstDash val="solid"/>
                    <a:round/>
                    <a:headEnd/>
                    <a:tailEnd/>
                  </a:ln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800" b="0" i="0" u="none" strike="noStrike" kern="0" cap="none" spc="0" normalizeH="0" baseline="0" noProof="0" smtClean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/>
                      <a:ea typeface="+mn-ea"/>
                    </a:endParaRPr>
                  </a:p>
                </p:txBody>
              </p:sp>
              <p:sp>
                <p:nvSpPr>
                  <p:cNvPr id="379" name="Freeform 61"/>
                  <p:cNvSpPr>
                    <a:spLocks/>
                  </p:cNvSpPr>
                  <p:nvPr/>
                </p:nvSpPr>
                <p:spPr bwMode="auto">
                  <a:xfrm>
                    <a:off x="2898022" y="1372775"/>
                    <a:ext cx="108116" cy="88896"/>
                  </a:xfrm>
                  <a:custGeom>
                    <a:avLst/>
                    <a:gdLst>
                      <a:gd name="T0" fmla="*/ 42 w 90"/>
                      <a:gd name="T1" fmla="*/ 35 h 74"/>
                      <a:gd name="T2" fmla="*/ 27 w 90"/>
                      <a:gd name="T3" fmla="*/ 48 h 74"/>
                      <a:gd name="T4" fmla="*/ 17 w 90"/>
                      <a:gd name="T5" fmla="*/ 57 h 74"/>
                      <a:gd name="T6" fmla="*/ 10 w 90"/>
                      <a:gd name="T7" fmla="*/ 64 h 74"/>
                      <a:gd name="T8" fmla="*/ 5 w 90"/>
                      <a:gd name="T9" fmla="*/ 69 h 74"/>
                      <a:gd name="T10" fmla="*/ 2 w 90"/>
                      <a:gd name="T11" fmla="*/ 72 h 74"/>
                      <a:gd name="T12" fmla="*/ 1 w 90"/>
                      <a:gd name="T13" fmla="*/ 73 h 74"/>
                      <a:gd name="T14" fmla="*/ 0 w 90"/>
                      <a:gd name="T15" fmla="*/ 74 h 74"/>
                      <a:gd name="T16" fmla="*/ 1 w 90"/>
                      <a:gd name="T17" fmla="*/ 73 h 74"/>
                      <a:gd name="T18" fmla="*/ 4 w 90"/>
                      <a:gd name="T19" fmla="*/ 73 h 74"/>
                      <a:gd name="T20" fmla="*/ 6 w 90"/>
                      <a:gd name="T21" fmla="*/ 72 h 74"/>
                      <a:gd name="T22" fmla="*/ 9 w 90"/>
                      <a:gd name="T23" fmla="*/ 70 h 74"/>
                      <a:gd name="T24" fmla="*/ 14 w 90"/>
                      <a:gd name="T25" fmla="*/ 69 h 74"/>
                      <a:gd name="T26" fmla="*/ 19 w 90"/>
                      <a:gd name="T27" fmla="*/ 65 h 74"/>
                      <a:gd name="T28" fmla="*/ 29 w 90"/>
                      <a:gd name="T29" fmla="*/ 59 h 74"/>
                      <a:gd name="T30" fmla="*/ 39 w 90"/>
                      <a:gd name="T31" fmla="*/ 51 h 74"/>
                      <a:gd name="T32" fmla="*/ 46 w 90"/>
                      <a:gd name="T33" fmla="*/ 44 h 74"/>
                      <a:gd name="T34" fmla="*/ 48 w 90"/>
                      <a:gd name="T35" fmla="*/ 40 h 74"/>
                      <a:gd name="T36" fmla="*/ 51 w 90"/>
                      <a:gd name="T37" fmla="*/ 38 h 74"/>
                      <a:gd name="T38" fmla="*/ 52 w 90"/>
                      <a:gd name="T39" fmla="*/ 36 h 74"/>
                      <a:gd name="T40" fmla="*/ 52 w 90"/>
                      <a:gd name="T41" fmla="*/ 35 h 74"/>
                      <a:gd name="T42" fmla="*/ 52 w 90"/>
                      <a:gd name="T43" fmla="*/ 35 h 74"/>
                      <a:gd name="T44" fmla="*/ 52 w 90"/>
                      <a:gd name="T45" fmla="*/ 34 h 74"/>
                      <a:gd name="T46" fmla="*/ 53 w 90"/>
                      <a:gd name="T47" fmla="*/ 34 h 74"/>
                      <a:gd name="T48" fmla="*/ 56 w 90"/>
                      <a:gd name="T49" fmla="*/ 31 h 74"/>
                      <a:gd name="T50" fmla="*/ 59 w 90"/>
                      <a:gd name="T51" fmla="*/ 30 h 74"/>
                      <a:gd name="T52" fmla="*/ 61 w 90"/>
                      <a:gd name="T53" fmla="*/ 26 h 74"/>
                      <a:gd name="T54" fmla="*/ 67 w 90"/>
                      <a:gd name="T55" fmla="*/ 22 h 74"/>
                      <a:gd name="T56" fmla="*/ 72 w 90"/>
                      <a:gd name="T57" fmla="*/ 18 h 74"/>
                      <a:gd name="T58" fmla="*/ 76 w 90"/>
                      <a:gd name="T59" fmla="*/ 14 h 74"/>
                      <a:gd name="T60" fmla="*/ 80 w 90"/>
                      <a:gd name="T61" fmla="*/ 11 h 74"/>
                      <a:gd name="T62" fmla="*/ 82 w 90"/>
                      <a:gd name="T63" fmla="*/ 9 h 74"/>
                      <a:gd name="T64" fmla="*/ 85 w 90"/>
                      <a:gd name="T65" fmla="*/ 6 h 74"/>
                      <a:gd name="T66" fmla="*/ 88 w 90"/>
                      <a:gd name="T67" fmla="*/ 5 h 74"/>
                      <a:gd name="T68" fmla="*/ 90 w 90"/>
                      <a:gd name="T69" fmla="*/ 1 h 74"/>
                      <a:gd name="T70" fmla="*/ 89 w 90"/>
                      <a:gd name="T71" fmla="*/ 2 h 74"/>
                      <a:gd name="T72" fmla="*/ 88 w 90"/>
                      <a:gd name="T73" fmla="*/ 4 h 74"/>
                      <a:gd name="T74" fmla="*/ 86 w 90"/>
                      <a:gd name="T75" fmla="*/ 5 h 74"/>
                      <a:gd name="T76" fmla="*/ 85 w 90"/>
                      <a:gd name="T77" fmla="*/ 5 h 74"/>
                      <a:gd name="T78" fmla="*/ 84 w 90"/>
                      <a:gd name="T79" fmla="*/ 6 h 74"/>
                      <a:gd name="T80" fmla="*/ 82 w 90"/>
                      <a:gd name="T81" fmla="*/ 8 h 74"/>
                      <a:gd name="T82" fmla="*/ 81 w 90"/>
                      <a:gd name="T83" fmla="*/ 8 h 74"/>
                      <a:gd name="T84" fmla="*/ 80 w 90"/>
                      <a:gd name="T85" fmla="*/ 9 h 74"/>
                      <a:gd name="T86" fmla="*/ 82 w 90"/>
                      <a:gd name="T87" fmla="*/ 5 h 74"/>
                      <a:gd name="T88" fmla="*/ 85 w 90"/>
                      <a:gd name="T89" fmla="*/ 4 h 74"/>
                      <a:gd name="T90" fmla="*/ 88 w 90"/>
                      <a:gd name="T91" fmla="*/ 1 h 74"/>
                      <a:gd name="T92" fmla="*/ 88 w 90"/>
                      <a:gd name="T93" fmla="*/ 0 h 74"/>
                      <a:gd name="T94" fmla="*/ 89 w 90"/>
                      <a:gd name="T95" fmla="*/ 0 h 74"/>
                      <a:gd name="T96" fmla="*/ 89 w 90"/>
                      <a:gd name="T97" fmla="*/ 0 h 74"/>
                      <a:gd name="T98" fmla="*/ 88 w 90"/>
                      <a:gd name="T99" fmla="*/ 0 h 74"/>
                      <a:gd name="T100" fmla="*/ 86 w 90"/>
                      <a:gd name="T101" fmla="*/ 0 h 74"/>
                      <a:gd name="T102" fmla="*/ 85 w 90"/>
                      <a:gd name="T103" fmla="*/ 1 h 74"/>
                      <a:gd name="T104" fmla="*/ 82 w 90"/>
                      <a:gd name="T105" fmla="*/ 4 h 74"/>
                      <a:gd name="T106" fmla="*/ 64 w 90"/>
                      <a:gd name="T107" fmla="*/ 17 h 74"/>
                      <a:gd name="T108" fmla="*/ 52 w 90"/>
                      <a:gd name="T109" fmla="*/ 26 h 74"/>
                      <a:gd name="T110" fmla="*/ 44 w 90"/>
                      <a:gd name="T111" fmla="*/ 32 h 74"/>
                      <a:gd name="T112" fmla="*/ 42 w 90"/>
                      <a:gd name="T113" fmla="*/ 35 h 74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  <a:cxn ang="0">
                        <a:pos x="T14" y="T15"/>
                      </a:cxn>
                      <a:cxn ang="0">
                        <a:pos x="T16" y="T17"/>
                      </a:cxn>
                      <a:cxn ang="0">
                        <a:pos x="T18" y="T19"/>
                      </a:cxn>
                      <a:cxn ang="0">
                        <a:pos x="T20" y="T21"/>
                      </a:cxn>
                      <a:cxn ang="0">
                        <a:pos x="T22" y="T23"/>
                      </a:cxn>
                      <a:cxn ang="0">
                        <a:pos x="T24" y="T25"/>
                      </a:cxn>
                      <a:cxn ang="0">
                        <a:pos x="T26" y="T27"/>
                      </a:cxn>
                      <a:cxn ang="0">
                        <a:pos x="T28" y="T29"/>
                      </a:cxn>
                      <a:cxn ang="0">
                        <a:pos x="T30" y="T31"/>
                      </a:cxn>
                      <a:cxn ang="0">
                        <a:pos x="T32" y="T33"/>
                      </a:cxn>
                      <a:cxn ang="0">
                        <a:pos x="T34" y="T35"/>
                      </a:cxn>
                      <a:cxn ang="0">
                        <a:pos x="T36" y="T37"/>
                      </a:cxn>
                      <a:cxn ang="0">
                        <a:pos x="T38" y="T39"/>
                      </a:cxn>
                      <a:cxn ang="0">
                        <a:pos x="T40" y="T41"/>
                      </a:cxn>
                      <a:cxn ang="0">
                        <a:pos x="T42" y="T43"/>
                      </a:cxn>
                      <a:cxn ang="0">
                        <a:pos x="T44" y="T45"/>
                      </a:cxn>
                      <a:cxn ang="0">
                        <a:pos x="T46" y="T47"/>
                      </a:cxn>
                      <a:cxn ang="0">
                        <a:pos x="T48" y="T49"/>
                      </a:cxn>
                      <a:cxn ang="0">
                        <a:pos x="T50" y="T51"/>
                      </a:cxn>
                      <a:cxn ang="0">
                        <a:pos x="T52" y="T53"/>
                      </a:cxn>
                      <a:cxn ang="0">
                        <a:pos x="T54" y="T55"/>
                      </a:cxn>
                      <a:cxn ang="0">
                        <a:pos x="T56" y="T57"/>
                      </a:cxn>
                      <a:cxn ang="0">
                        <a:pos x="T58" y="T59"/>
                      </a:cxn>
                      <a:cxn ang="0">
                        <a:pos x="T60" y="T61"/>
                      </a:cxn>
                      <a:cxn ang="0">
                        <a:pos x="T62" y="T63"/>
                      </a:cxn>
                      <a:cxn ang="0">
                        <a:pos x="T64" y="T65"/>
                      </a:cxn>
                      <a:cxn ang="0">
                        <a:pos x="T66" y="T67"/>
                      </a:cxn>
                      <a:cxn ang="0">
                        <a:pos x="T68" y="T69"/>
                      </a:cxn>
                      <a:cxn ang="0">
                        <a:pos x="T70" y="T71"/>
                      </a:cxn>
                      <a:cxn ang="0">
                        <a:pos x="T72" y="T73"/>
                      </a:cxn>
                      <a:cxn ang="0">
                        <a:pos x="T74" y="T75"/>
                      </a:cxn>
                      <a:cxn ang="0">
                        <a:pos x="T76" y="T77"/>
                      </a:cxn>
                      <a:cxn ang="0">
                        <a:pos x="T78" y="T79"/>
                      </a:cxn>
                      <a:cxn ang="0">
                        <a:pos x="T80" y="T81"/>
                      </a:cxn>
                      <a:cxn ang="0">
                        <a:pos x="T82" y="T83"/>
                      </a:cxn>
                      <a:cxn ang="0">
                        <a:pos x="T84" y="T85"/>
                      </a:cxn>
                      <a:cxn ang="0">
                        <a:pos x="T86" y="T87"/>
                      </a:cxn>
                      <a:cxn ang="0">
                        <a:pos x="T88" y="T89"/>
                      </a:cxn>
                      <a:cxn ang="0">
                        <a:pos x="T90" y="T91"/>
                      </a:cxn>
                      <a:cxn ang="0">
                        <a:pos x="T92" y="T93"/>
                      </a:cxn>
                      <a:cxn ang="0">
                        <a:pos x="T94" y="T95"/>
                      </a:cxn>
                      <a:cxn ang="0">
                        <a:pos x="T96" y="T97"/>
                      </a:cxn>
                      <a:cxn ang="0">
                        <a:pos x="T98" y="T99"/>
                      </a:cxn>
                      <a:cxn ang="0">
                        <a:pos x="T100" y="T101"/>
                      </a:cxn>
                      <a:cxn ang="0">
                        <a:pos x="T102" y="T103"/>
                      </a:cxn>
                      <a:cxn ang="0">
                        <a:pos x="T104" y="T105"/>
                      </a:cxn>
                      <a:cxn ang="0">
                        <a:pos x="T106" y="T107"/>
                      </a:cxn>
                      <a:cxn ang="0">
                        <a:pos x="T108" y="T109"/>
                      </a:cxn>
                      <a:cxn ang="0">
                        <a:pos x="T110" y="T111"/>
                      </a:cxn>
                      <a:cxn ang="0">
                        <a:pos x="T112" y="T113"/>
                      </a:cxn>
                    </a:cxnLst>
                    <a:rect l="0" t="0" r="r" b="b"/>
                    <a:pathLst>
                      <a:path w="90" h="74">
                        <a:moveTo>
                          <a:pt x="42" y="35"/>
                        </a:moveTo>
                        <a:lnTo>
                          <a:pt x="27" y="48"/>
                        </a:lnTo>
                        <a:lnTo>
                          <a:pt x="17" y="57"/>
                        </a:lnTo>
                        <a:lnTo>
                          <a:pt x="10" y="64"/>
                        </a:lnTo>
                        <a:lnTo>
                          <a:pt x="5" y="69"/>
                        </a:lnTo>
                        <a:lnTo>
                          <a:pt x="2" y="72"/>
                        </a:lnTo>
                        <a:lnTo>
                          <a:pt x="1" y="73"/>
                        </a:lnTo>
                        <a:lnTo>
                          <a:pt x="0" y="74"/>
                        </a:lnTo>
                        <a:lnTo>
                          <a:pt x="1" y="73"/>
                        </a:lnTo>
                        <a:lnTo>
                          <a:pt x="4" y="73"/>
                        </a:lnTo>
                        <a:lnTo>
                          <a:pt x="6" y="72"/>
                        </a:lnTo>
                        <a:lnTo>
                          <a:pt x="9" y="70"/>
                        </a:lnTo>
                        <a:lnTo>
                          <a:pt x="14" y="69"/>
                        </a:lnTo>
                        <a:lnTo>
                          <a:pt x="19" y="65"/>
                        </a:lnTo>
                        <a:lnTo>
                          <a:pt x="29" y="59"/>
                        </a:lnTo>
                        <a:lnTo>
                          <a:pt x="39" y="51"/>
                        </a:lnTo>
                        <a:lnTo>
                          <a:pt x="46" y="44"/>
                        </a:lnTo>
                        <a:lnTo>
                          <a:pt x="48" y="40"/>
                        </a:lnTo>
                        <a:lnTo>
                          <a:pt x="51" y="38"/>
                        </a:lnTo>
                        <a:lnTo>
                          <a:pt x="52" y="36"/>
                        </a:lnTo>
                        <a:lnTo>
                          <a:pt x="52" y="35"/>
                        </a:lnTo>
                        <a:lnTo>
                          <a:pt x="52" y="35"/>
                        </a:lnTo>
                        <a:lnTo>
                          <a:pt x="52" y="34"/>
                        </a:lnTo>
                        <a:lnTo>
                          <a:pt x="53" y="34"/>
                        </a:lnTo>
                        <a:lnTo>
                          <a:pt x="56" y="31"/>
                        </a:lnTo>
                        <a:lnTo>
                          <a:pt x="59" y="30"/>
                        </a:lnTo>
                        <a:lnTo>
                          <a:pt x="61" y="26"/>
                        </a:lnTo>
                        <a:lnTo>
                          <a:pt x="67" y="22"/>
                        </a:lnTo>
                        <a:lnTo>
                          <a:pt x="72" y="18"/>
                        </a:lnTo>
                        <a:lnTo>
                          <a:pt x="76" y="14"/>
                        </a:lnTo>
                        <a:lnTo>
                          <a:pt x="80" y="11"/>
                        </a:lnTo>
                        <a:lnTo>
                          <a:pt x="82" y="9"/>
                        </a:lnTo>
                        <a:lnTo>
                          <a:pt x="85" y="6"/>
                        </a:lnTo>
                        <a:lnTo>
                          <a:pt x="88" y="5"/>
                        </a:lnTo>
                        <a:lnTo>
                          <a:pt x="90" y="1"/>
                        </a:lnTo>
                        <a:lnTo>
                          <a:pt x="89" y="2"/>
                        </a:lnTo>
                        <a:lnTo>
                          <a:pt x="88" y="4"/>
                        </a:lnTo>
                        <a:lnTo>
                          <a:pt x="86" y="5"/>
                        </a:lnTo>
                        <a:lnTo>
                          <a:pt x="85" y="5"/>
                        </a:lnTo>
                        <a:lnTo>
                          <a:pt x="84" y="6"/>
                        </a:lnTo>
                        <a:lnTo>
                          <a:pt x="82" y="8"/>
                        </a:lnTo>
                        <a:lnTo>
                          <a:pt x="81" y="8"/>
                        </a:lnTo>
                        <a:lnTo>
                          <a:pt x="80" y="9"/>
                        </a:lnTo>
                        <a:lnTo>
                          <a:pt x="82" y="5"/>
                        </a:lnTo>
                        <a:lnTo>
                          <a:pt x="85" y="4"/>
                        </a:lnTo>
                        <a:lnTo>
                          <a:pt x="88" y="1"/>
                        </a:lnTo>
                        <a:lnTo>
                          <a:pt x="88" y="0"/>
                        </a:lnTo>
                        <a:lnTo>
                          <a:pt x="89" y="0"/>
                        </a:lnTo>
                        <a:lnTo>
                          <a:pt x="89" y="0"/>
                        </a:lnTo>
                        <a:lnTo>
                          <a:pt x="88" y="0"/>
                        </a:lnTo>
                        <a:lnTo>
                          <a:pt x="86" y="0"/>
                        </a:lnTo>
                        <a:lnTo>
                          <a:pt x="85" y="1"/>
                        </a:lnTo>
                        <a:lnTo>
                          <a:pt x="82" y="4"/>
                        </a:lnTo>
                        <a:lnTo>
                          <a:pt x="64" y="17"/>
                        </a:lnTo>
                        <a:lnTo>
                          <a:pt x="52" y="26"/>
                        </a:lnTo>
                        <a:lnTo>
                          <a:pt x="44" y="32"/>
                        </a:lnTo>
                        <a:lnTo>
                          <a:pt x="42" y="35"/>
                        </a:lnTo>
                        <a:close/>
                      </a:path>
                    </a:pathLst>
                  </a:custGeom>
                  <a:grpFill/>
                  <a:ln w="0">
                    <a:solidFill>
                      <a:srgbClr val="FFFFFF"/>
                    </a:solidFill>
                    <a:prstDash val="solid"/>
                    <a:round/>
                    <a:headEnd/>
                    <a:tailEnd/>
                  </a:ln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800" b="0" i="0" u="none" strike="noStrike" kern="0" cap="none" spc="0" normalizeH="0" baseline="0" noProof="0" smtClean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/>
                      <a:ea typeface="+mn-ea"/>
                    </a:endParaRPr>
                  </a:p>
                </p:txBody>
              </p:sp>
              <p:sp>
                <p:nvSpPr>
                  <p:cNvPr id="380" name="Freeform 827"/>
                  <p:cNvSpPr>
                    <a:spLocks/>
                  </p:cNvSpPr>
                  <p:nvPr/>
                </p:nvSpPr>
                <p:spPr bwMode="auto">
                  <a:xfrm>
                    <a:off x="2762276" y="1304301"/>
                    <a:ext cx="329154" cy="273895"/>
                  </a:xfrm>
                  <a:custGeom>
                    <a:avLst/>
                    <a:gdLst>
                      <a:gd name="T0" fmla="*/ 12 w 274"/>
                      <a:gd name="T1" fmla="*/ 218 h 228"/>
                      <a:gd name="T2" fmla="*/ 7 w 274"/>
                      <a:gd name="T3" fmla="*/ 222 h 228"/>
                      <a:gd name="T4" fmla="*/ 0 w 274"/>
                      <a:gd name="T5" fmla="*/ 228 h 228"/>
                      <a:gd name="T6" fmla="*/ 56 w 274"/>
                      <a:gd name="T7" fmla="*/ 176 h 228"/>
                      <a:gd name="T8" fmla="*/ 98 w 274"/>
                      <a:gd name="T9" fmla="*/ 138 h 228"/>
                      <a:gd name="T10" fmla="*/ 132 w 274"/>
                      <a:gd name="T11" fmla="*/ 109 h 228"/>
                      <a:gd name="T12" fmla="*/ 161 w 274"/>
                      <a:gd name="T13" fmla="*/ 86 h 228"/>
                      <a:gd name="T14" fmla="*/ 190 w 274"/>
                      <a:gd name="T15" fmla="*/ 62 h 228"/>
                      <a:gd name="T16" fmla="*/ 225 w 274"/>
                      <a:gd name="T17" fmla="*/ 36 h 228"/>
                      <a:gd name="T18" fmla="*/ 259 w 274"/>
                      <a:gd name="T19" fmla="*/ 11 h 228"/>
                      <a:gd name="T20" fmla="*/ 263 w 274"/>
                      <a:gd name="T21" fmla="*/ 8 h 228"/>
                      <a:gd name="T22" fmla="*/ 267 w 274"/>
                      <a:gd name="T23" fmla="*/ 6 h 228"/>
                      <a:gd name="T24" fmla="*/ 274 w 274"/>
                      <a:gd name="T25" fmla="*/ 0 h 228"/>
                      <a:gd name="T26" fmla="*/ 261 w 274"/>
                      <a:gd name="T27" fmla="*/ 10 h 228"/>
                      <a:gd name="T28" fmla="*/ 256 w 274"/>
                      <a:gd name="T29" fmla="*/ 14 h 228"/>
                      <a:gd name="T30" fmla="*/ 248 w 274"/>
                      <a:gd name="T31" fmla="*/ 19 h 228"/>
                      <a:gd name="T32" fmla="*/ 242 w 274"/>
                      <a:gd name="T33" fmla="*/ 23 h 228"/>
                      <a:gd name="T34" fmla="*/ 244 w 274"/>
                      <a:gd name="T35" fmla="*/ 21 h 228"/>
                      <a:gd name="T36" fmla="*/ 246 w 274"/>
                      <a:gd name="T37" fmla="*/ 20 h 228"/>
                      <a:gd name="T38" fmla="*/ 252 w 274"/>
                      <a:gd name="T39" fmla="*/ 17 h 228"/>
                      <a:gd name="T40" fmla="*/ 246 w 274"/>
                      <a:gd name="T41" fmla="*/ 21 h 228"/>
                      <a:gd name="T42" fmla="*/ 244 w 274"/>
                      <a:gd name="T43" fmla="*/ 24 h 228"/>
                      <a:gd name="T44" fmla="*/ 240 w 274"/>
                      <a:gd name="T45" fmla="*/ 27 h 228"/>
                      <a:gd name="T46" fmla="*/ 176 w 274"/>
                      <a:gd name="T47" fmla="*/ 75 h 228"/>
                      <a:gd name="T48" fmla="*/ 173 w 274"/>
                      <a:gd name="T49" fmla="*/ 76 h 228"/>
                      <a:gd name="T50" fmla="*/ 153 w 274"/>
                      <a:gd name="T51" fmla="*/ 92 h 228"/>
                      <a:gd name="T52" fmla="*/ 125 w 274"/>
                      <a:gd name="T53" fmla="*/ 117 h 228"/>
                      <a:gd name="T54" fmla="*/ 91 w 274"/>
                      <a:gd name="T55" fmla="*/ 144 h 228"/>
                      <a:gd name="T56" fmla="*/ 59 w 274"/>
                      <a:gd name="T57" fmla="*/ 172 h 228"/>
                      <a:gd name="T58" fmla="*/ 45 w 274"/>
                      <a:gd name="T59" fmla="*/ 185 h 228"/>
                      <a:gd name="T60" fmla="*/ 42 w 274"/>
                      <a:gd name="T61" fmla="*/ 188 h 228"/>
                      <a:gd name="T62" fmla="*/ 39 w 274"/>
                      <a:gd name="T63" fmla="*/ 190 h 228"/>
                      <a:gd name="T64" fmla="*/ 37 w 274"/>
                      <a:gd name="T65" fmla="*/ 193 h 228"/>
                      <a:gd name="T66" fmla="*/ 15 w 274"/>
                      <a:gd name="T67" fmla="*/ 215 h 228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  <a:cxn ang="0">
                        <a:pos x="T14" y="T15"/>
                      </a:cxn>
                      <a:cxn ang="0">
                        <a:pos x="T16" y="T17"/>
                      </a:cxn>
                      <a:cxn ang="0">
                        <a:pos x="T18" y="T19"/>
                      </a:cxn>
                      <a:cxn ang="0">
                        <a:pos x="T20" y="T21"/>
                      </a:cxn>
                      <a:cxn ang="0">
                        <a:pos x="T22" y="T23"/>
                      </a:cxn>
                      <a:cxn ang="0">
                        <a:pos x="T24" y="T25"/>
                      </a:cxn>
                      <a:cxn ang="0">
                        <a:pos x="T26" y="T27"/>
                      </a:cxn>
                      <a:cxn ang="0">
                        <a:pos x="T28" y="T29"/>
                      </a:cxn>
                      <a:cxn ang="0">
                        <a:pos x="T30" y="T31"/>
                      </a:cxn>
                      <a:cxn ang="0">
                        <a:pos x="T32" y="T33"/>
                      </a:cxn>
                      <a:cxn ang="0">
                        <a:pos x="T34" y="T35"/>
                      </a:cxn>
                      <a:cxn ang="0">
                        <a:pos x="T36" y="T37"/>
                      </a:cxn>
                      <a:cxn ang="0">
                        <a:pos x="T38" y="T39"/>
                      </a:cxn>
                      <a:cxn ang="0">
                        <a:pos x="T40" y="T41"/>
                      </a:cxn>
                      <a:cxn ang="0">
                        <a:pos x="T42" y="T43"/>
                      </a:cxn>
                      <a:cxn ang="0">
                        <a:pos x="T44" y="T45"/>
                      </a:cxn>
                      <a:cxn ang="0">
                        <a:pos x="T46" y="T47"/>
                      </a:cxn>
                      <a:cxn ang="0">
                        <a:pos x="T48" y="T49"/>
                      </a:cxn>
                      <a:cxn ang="0">
                        <a:pos x="T50" y="T51"/>
                      </a:cxn>
                      <a:cxn ang="0">
                        <a:pos x="T52" y="T53"/>
                      </a:cxn>
                      <a:cxn ang="0">
                        <a:pos x="T54" y="T55"/>
                      </a:cxn>
                      <a:cxn ang="0">
                        <a:pos x="T56" y="T57"/>
                      </a:cxn>
                      <a:cxn ang="0">
                        <a:pos x="T58" y="T59"/>
                      </a:cxn>
                      <a:cxn ang="0">
                        <a:pos x="T60" y="T61"/>
                      </a:cxn>
                      <a:cxn ang="0">
                        <a:pos x="T62" y="T63"/>
                      </a:cxn>
                      <a:cxn ang="0">
                        <a:pos x="T64" y="T65"/>
                      </a:cxn>
                      <a:cxn ang="0">
                        <a:pos x="T66" y="T67"/>
                      </a:cxn>
                    </a:cxnLst>
                    <a:rect l="0" t="0" r="r" b="b"/>
                    <a:pathLst>
                      <a:path w="274" h="228">
                        <a:moveTo>
                          <a:pt x="15" y="215"/>
                        </a:moveTo>
                        <a:lnTo>
                          <a:pt x="12" y="218"/>
                        </a:lnTo>
                        <a:lnTo>
                          <a:pt x="9" y="219"/>
                        </a:lnTo>
                        <a:lnTo>
                          <a:pt x="7" y="222"/>
                        </a:lnTo>
                        <a:lnTo>
                          <a:pt x="4" y="224"/>
                        </a:lnTo>
                        <a:lnTo>
                          <a:pt x="0" y="228"/>
                        </a:lnTo>
                        <a:lnTo>
                          <a:pt x="30" y="201"/>
                        </a:lnTo>
                        <a:lnTo>
                          <a:pt x="56" y="176"/>
                        </a:lnTo>
                        <a:lnTo>
                          <a:pt x="79" y="156"/>
                        </a:lnTo>
                        <a:lnTo>
                          <a:pt x="98" y="138"/>
                        </a:lnTo>
                        <a:lnTo>
                          <a:pt x="117" y="122"/>
                        </a:lnTo>
                        <a:lnTo>
                          <a:pt x="132" y="109"/>
                        </a:lnTo>
                        <a:lnTo>
                          <a:pt x="147" y="96"/>
                        </a:lnTo>
                        <a:lnTo>
                          <a:pt x="161" y="86"/>
                        </a:lnTo>
                        <a:lnTo>
                          <a:pt x="176" y="74"/>
                        </a:lnTo>
                        <a:lnTo>
                          <a:pt x="190" y="62"/>
                        </a:lnTo>
                        <a:lnTo>
                          <a:pt x="207" y="49"/>
                        </a:lnTo>
                        <a:lnTo>
                          <a:pt x="225" y="36"/>
                        </a:lnTo>
                        <a:lnTo>
                          <a:pt x="248" y="20"/>
                        </a:lnTo>
                        <a:lnTo>
                          <a:pt x="259" y="11"/>
                        </a:lnTo>
                        <a:lnTo>
                          <a:pt x="262" y="10"/>
                        </a:lnTo>
                        <a:lnTo>
                          <a:pt x="263" y="8"/>
                        </a:lnTo>
                        <a:lnTo>
                          <a:pt x="266" y="7"/>
                        </a:lnTo>
                        <a:lnTo>
                          <a:pt x="267" y="6"/>
                        </a:lnTo>
                        <a:lnTo>
                          <a:pt x="270" y="3"/>
                        </a:lnTo>
                        <a:lnTo>
                          <a:pt x="274" y="0"/>
                        </a:lnTo>
                        <a:lnTo>
                          <a:pt x="259" y="11"/>
                        </a:lnTo>
                        <a:lnTo>
                          <a:pt x="261" y="10"/>
                        </a:lnTo>
                        <a:lnTo>
                          <a:pt x="258" y="12"/>
                        </a:lnTo>
                        <a:lnTo>
                          <a:pt x="256" y="14"/>
                        </a:lnTo>
                        <a:lnTo>
                          <a:pt x="252" y="16"/>
                        </a:lnTo>
                        <a:lnTo>
                          <a:pt x="248" y="19"/>
                        </a:lnTo>
                        <a:lnTo>
                          <a:pt x="245" y="21"/>
                        </a:lnTo>
                        <a:lnTo>
                          <a:pt x="242" y="23"/>
                        </a:lnTo>
                        <a:lnTo>
                          <a:pt x="244" y="23"/>
                        </a:lnTo>
                        <a:lnTo>
                          <a:pt x="244" y="21"/>
                        </a:lnTo>
                        <a:lnTo>
                          <a:pt x="245" y="21"/>
                        </a:lnTo>
                        <a:lnTo>
                          <a:pt x="246" y="20"/>
                        </a:lnTo>
                        <a:lnTo>
                          <a:pt x="249" y="19"/>
                        </a:lnTo>
                        <a:lnTo>
                          <a:pt x="252" y="17"/>
                        </a:lnTo>
                        <a:lnTo>
                          <a:pt x="249" y="20"/>
                        </a:lnTo>
                        <a:lnTo>
                          <a:pt x="246" y="21"/>
                        </a:lnTo>
                        <a:lnTo>
                          <a:pt x="245" y="23"/>
                        </a:lnTo>
                        <a:lnTo>
                          <a:pt x="244" y="24"/>
                        </a:lnTo>
                        <a:lnTo>
                          <a:pt x="242" y="25"/>
                        </a:lnTo>
                        <a:lnTo>
                          <a:pt x="240" y="27"/>
                        </a:lnTo>
                        <a:lnTo>
                          <a:pt x="208" y="50"/>
                        </a:lnTo>
                        <a:lnTo>
                          <a:pt x="176" y="75"/>
                        </a:lnTo>
                        <a:lnTo>
                          <a:pt x="177" y="74"/>
                        </a:lnTo>
                        <a:lnTo>
                          <a:pt x="173" y="76"/>
                        </a:lnTo>
                        <a:lnTo>
                          <a:pt x="164" y="83"/>
                        </a:lnTo>
                        <a:lnTo>
                          <a:pt x="153" y="92"/>
                        </a:lnTo>
                        <a:lnTo>
                          <a:pt x="140" y="104"/>
                        </a:lnTo>
                        <a:lnTo>
                          <a:pt x="125" y="117"/>
                        </a:lnTo>
                        <a:lnTo>
                          <a:pt x="108" y="130"/>
                        </a:lnTo>
                        <a:lnTo>
                          <a:pt x="91" y="144"/>
                        </a:lnTo>
                        <a:lnTo>
                          <a:pt x="75" y="159"/>
                        </a:lnTo>
                        <a:lnTo>
                          <a:pt x="59" y="172"/>
                        </a:lnTo>
                        <a:lnTo>
                          <a:pt x="46" y="184"/>
                        </a:lnTo>
                        <a:lnTo>
                          <a:pt x="45" y="185"/>
                        </a:lnTo>
                        <a:lnTo>
                          <a:pt x="43" y="186"/>
                        </a:lnTo>
                        <a:lnTo>
                          <a:pt x="42" y="188"/>
                        </a:lnTo>
                        <a:lnTo>
                          <a:pt x="41" y="189"/>
                        </a:lnTo>
                        <a:lnTo>
                          <a:pt x="39" y="190"/>
                        </a:lnTo>
                        <a:lnTo>
                          <a:pt x="38" y="192"/>
                        </a:lnTo>
                        <a:lnTo>
                          <a:pt x="37" y="193"/>
                        </a:lnTo>
                        <a:lnTo>
                          <a:pt x="37" y="194"/>
                        </a:lnTo>
                        <a:lnTo>
                          <a:pt x="15" y="215"/>
                        </a:lnTo>
                        <a:close/>
                      </a:path>
                    </a:pathLst>
                  </a:custGeom>
                  <a:grpFill/>
                  <a:ln w="0">
                    <a:solidFill>
                      <a:srgbClr val="FFFFFF"/>
                    </a:solidFill>
                    <a:prstDash val="solid"/>
                    <a:round/>
                    <a:headEnd/>
                    <a:tailEnd/>
                  </a:ln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800" b="0" i="0" u="none" strike="noStrike" kern="0" cap="none" spc="0" normalizeH="0" baseline="0" noProof="0" smtClean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/>
                      <a:ea typeface="+mn-ea"/>
                    </a:endParaRPr>
                  </a:p>
                </p:txBody>
              </p:sp>
            </p:grpSp>
          </p:grpSp>
          <p:grpSp>
            <p:nvGrpSpPr>
              <p:cNvPr id="259" name="Group 706"/>
              <p:cNvGrpSpPr/>
              <p:nvPr/>
            </p:nvGrpSpPr>
            <p:grpSpPr>
              <a:xfrm rot="21600000" flipH="1">
                <a:off x="389281" y="2453939"/>
                <a:ext cx="1661159" cy="1901157"/>
                <a:chOff x="1987443" y="850213"/>
                <a:chExt cx="4484423" cy="5128315"/>
              </a:xfrm>
              <a:gradFill>
                <a:gsLst>
                  <a:gs pos="0">
                    <a:srgbClr val="0070C0"/>
                  </a:gs>
                  <a:gs pos="100000">
                    <a:srgbClr val="00B0F0"/>
                  </a:gs>
                </a:gsLst>
                <a:lin ang="5400000" scaled="1"/>
              </a:gradFill>
            </p:grpSpPr>
            <p:sp>
              <p:nvSpPr>
                <p:cNvPr id="260" name="Freeform 85"/>
                <p:cNvSpPr>
                  <a:spLocks/>
                </p:cNvSpPr>
                <p:nvPr/>
              </p:nvSpPr>
              <p:spPr bwMode="auto">
                <a:xfrm>
                  <a:off x="3690875" y="850213"/>
                  <a:ext cx="1054734" cy="153765"/>
                </a:xfrm>
                <a:custGeom>
                  <a:avLst/>
                  <a:gdLst>
                    <a:gd name="T0" fmla="*/ 256 w 878"/>
                    <a:gd name="T1" fmla="*/ 128 h 128"/>
                    <a:gd name="T2" fmla="*/ 247 w 878"/>
                    <a:gd name="T3" fmla="*/ 123 h 128"/>
                    <a:gd name="T4" fmla="*/ 234 w 878"/>
                    <a:gd name="T5" fmla="*/ 114 h 128"/>
                    <a:gd name="T6" fmla="*/ 213 w 878"/>
                    <a:gd name="T7" fmla="*/ 106 h 128"/>
                    <a:gd name="T8" fmla="*/ 199 w 878"/>
                    <a:gd name="T9" fmla="*/ 106 h 128"/>
                    <a:gd name="T10" fmla="*/ 163 w 878"/>
                    <a:gd name="T11" fmla="*/ 109 h 128"/>
                    <a:gd name="T12" fmla="*/ 141 w 878"/>
                    <a:gd name="T13" fmla="*/ 106 h 128"/>
                    <a:gd name="T14" fmla="*/ 107 w 878"/>
                    <a:gd name="T15" fmla="*/ 115 h 128"/>
                    <a:gd name="T16" fmla="*/ 112 w 878"/>
                    <a:gd name="T17" fmla="*/ 113 h 128"/>
                    <a:gd name="T18" fmla="*/ 106 w 878"/>
                    <a:gd name="T19" fmla="*/ 113 h 128"/>
                    <a:gd name="T20" fmla="*/ 76 w 878"/>
                    <a:gd name="T21" fmla="*/ 115 h 128"/>
                    <a:gd name="T22" fmla="*/ 25 w 878"/>
                    <a:gd name="T23" fmla="*/ 122 h 128"/>
                    <a:gd name="T24" fmla="*/ 43 w 878"/>
                    <a:gd name="T25" fmla="*/ 113 h 128"/>
                    <a:gd name="T26" fmla="*/ 15 w 878"/>
                    <a:gd name="T27" fmla="*/ 114 h 128"/>
                    <a:gd name="T28" fmla="*/ 67 w 878"/>
                    <a:gd name="T29" fmla="*/ 97 h 128"/>
                    <a:gd name="T30" fmla="*/ 211 w 878"/>
                    <a:gd name="T31" fmla="*/ 55 h 128"/>
                    <a:gd name="T32" fmla="*/ 277 w 878"/>
                    <a:gd name="T33" fmla="*/ 39 h 128"/>
                    <a:gd name="T34" fmla="*/ 408 w 878"/>
                    <a:gd name="T35" fmla="*/ 16 h 128"/>
                    <a:gd name="T36" fmla="*/ 489 w 878"/>
                    <a:gd name="T37" fmla="*/ 9 h 128"/>
                    <a:gd name="T38" fmla="*/ 556 w 878"/>
                    <a:gd name="T39" fmla="*/ 8 h 128"/>
                    <a:gd name="T40" fmla="*/ 556 w 878"/>
                    <a:gd name="T41" fmla="*/ 8 h 128"/>
                    <a:gd name="T42" fmla="*/ 635 w 878"/>
                    <a:gd name="T43" fmla="*/ 4 h 128"/>
                    <a:gd name="T44" fmla="*/ 619 w 878"/>
                    <a:gd name="T45" fmla="*/ 16 h 128"/>
                    <a:gd name="T46" fmla="*/ 589 w 878"/>
                    <a:gd name="T47" fmla="*/ 18 h 128"/>
                    <a:gd name="T48" fmla="*/ 594 w 878"/>
                    <a:gd name="T49" fmla="*/ 22 h 128"/>
                    <a:gd name="T50" fmla="*/ 610 w 878"/>
                    <a:gd name="T51" fmla="*/ 25 h 128"/>
                    <a:gd name="T52" fmla="*/ 677 w 878"/>
                    <a:gd name="T53" fmla="*/ 16 h 128"/>
                    <a:gd name="T54" fmla="*/ 725 w 878"/>
                    <a:gd name="T55" fmla="*/ 8 h 128"/>
                    <a:gd name="T56" fmla="*/ 762 w 878"/>
                    <a:gd name="T57" fmla="*/ 0 h 128"/>
                    <a:gd name="T58" fmla="*/ 856 w 878"/>
                    <a:gd name="T59" fmla="*/ 11 h 128"/>
                    <a:gd name="T60" fmla="*/ 844 w 878"/>
                    <a:gd name="T61" fmla="*/ 17 h 128"/>
                    <a:gd name="T62" fmla="*/ 873 w 878"/>
                    <a:gd name="T63" fmla="*/ 20 h 128"/>
                    <a:gd name="T64" fmla="*/ 869 w 878"/>
                    <a:gd name="T65" fmla="*/ 28 h 128"/>
                    <a:gd name="T66" fmla="*/ 876 w 878"/>
                    <a:gd name="T67" fmla="*/ 28 h 128"/>
                    <a:gd name="T68" fmla="*/ 843 w 878"/>
                    <a:gd name="T69" fmla="*/ 39 h 128"/>
                    <a:gd name="T70" fmla="*/ 818 w 878"/>
                    <a:gd name="T71" fmla="*/ 34 h 128"/>
                    <a:gd name="T72" fmla="*/ 805 w 878"/>
                    <a:gd name="T73" fmla="*/ 37 h 128"/>
                    <a:gd name="T74" fmla="*/ 810 w 878"/>
                    <a:gd name="T75" fmla="*/ 42 h 128"/>
                    <a:gd name="T76" fmla="*/ 797 w 878"/>
                    <a:gd name="T77" fmla="*/ 45 h 128"/>
                    <a:gd name="T78" fmla="*/ 696 w 878"/>
                    <a:gd name="T79" fmla="*/ 49 h 128"/>
                    <a:gd name="T80" fmla="*/ 596 w 878"/>
                    <a:gd name="T81" fmla="*/ 45 h 128"/>
                    <a:gd name="T82" fmla="*/ 539 w 878"/>
                    <a:gd name="T83" fmla="*/ 45 h 128"/>
                    <a:gd name="T84" fmla="*/ 500 w 878"/>
                    <a:gd name="T85" fmla="*/ 50 h 128"/>
                    <a:gd name="T86" fmla="*/ 492 w 878"/>
                    <a:gd name="T87" fmla="*/ 58 h 128"/>
                    <a:gd name="T88" fmla="*/ 480 w 878"/>
                    <a:gd name="T89" fmla="*/ 56 h 128"/>
                    <a:gd name="T90" fmla="*/ 461 w 878"/>
                    <a:gd name="T91" fmla="*/ 75 h 128"/>
                    <a:gd name="T92" fmla="*/ 420 w 878"/>
                    <a:gd name="T93" fmla="*/ 89 h 128"/>
                    <a:gd name="T94" fmla="*/ 410 w 878"/>
                    <a:gd name="T95" fmla="*/ 94 h 128"/>
                    <a:gd name="T96" fmla="*/ 403 w 878"/>
                    <a:gd name="T97" fmla="*/ 94 h 128"/>
                    <a:gd name="T98" fmla="*/ 332 w 878"/>
                    <a:gd name="T99" fmla="*/ 106 h 128"/>
                    <a:gd name="T100" fmla="*/ 289 w 878"/>
                    <a:gd name="T101" fmla="*/ 109 h 128"/>
                    <a:gd name="T102" fmla="*/ 272 w 878"/>
                    <a:gd name="T103" fmla="*/ 117 h 128"/>
                    <a:gd name="T104" fmla="*/ 264 w 878"/>
                    <a:gd name="T105" fmla="*/ 128 h 128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  <a:cxn ang="0">
                      <a:pos x="T86" y="T87"/>
                    </a:cxn>
                    <a:cxn ang="0">
                      <a:pos x="T88" y="T89"/>
                    </a:cxn>
                    <a:cxn ang="0">
                      <a:pos x="T90" y="T91"/>
                    </a:cxn>
                    <a:cxn ang="0">
                      <a:pos x="T92" y="T93"/>
                    </a:cxn>
                    <a:cxn ang="0">
                      <a:pos x="T94" y="T95"/>
                    </a:cxn>
                    <a:cxn ang="0">
                      <a:pos x="T96" y="T97"/>
                    </a:cxn>
                    <a:cxn ang="0">
                      <a:pos x="T98" y="T99"/>
                    </a:cxn>
                    <a:cxn ang="0">
                      <a:pos x="T100" y="T101"/>
                    </a:cxn>
                    <a:cxn ang="0">
                      <a:pos x="T102" y="T103"/>
                    </a:cxn>
                    <a:cxn ang="0">
                      <a:pos x="T104" y="T105"/>
                    </a:cxn>
                  </a:cxnLst>
                  <a:rect l="0" t="0" r="r" b="b"/>
                  <a:pathLst>
                    <a:path w="878" h="128">
                      <a:moveTo>
                        <a:pt x="264" y="128"/>
                      </a:moveTo>
                      <a:lnTo>
                        <a:pt x="263" y="128"/>
                      </a:lnTo>
                      <a:lnTo>
                        <a:pt x="260" y="128"/>
                      </a:lnTo>
                      <a:lnTo>
                        <a:pt x="259" y="128"/>
                      </a:lnTo>
                      <a:lnTo>
                        <a:pt x="256" y="128"/>
                      </a:lnTo>
                      <a:lnTo>
                        <a:pt x="255" y="128"/>
                      </a:lnTo>
                      <a:lnTo>
                        <a:pt x="252" y="128"/>
                      </a:lnTo>
                      <a:lnTo>
                        <a:pt x="251" y="128"/>
                      </a:lnTo>
                      <a:lnTo>
                        <a:pt x="249" y="126"/>
                      </a:lnTo>
                      <a:lnTo>
                        <a:pt x="247" y="123"/>
                      </a:lnTo>
                      <a:lnTo>
                        <a:pt x="245" y="119"/>
                      </a:lnTo>
                      <a:lnTo>
                        <a:pt x="243" y="117"/>
                      </a:lnTo>
                      <a:lnTo>
                        <a:pt x="237" y="117"/>
                      </a:lnTo>
                      <a:lnTo>
                        <a:pt x="231" y="115"/>
                      </a:lnTo>
                      <a:lnTo>
                        <a:pt x="234" y="114"/>
                      </a:lnTo>
                      <a:lnTo>
                        <a:pt x="238" y="114"/>
                      </a:lnTo>
                      <a:lnTo>
                        <a:pt x="242" y="114"/>
                      </a:lnTo>
                      <a:lnTo>
                        <a:pt x="228" y="110"/>
                      </a:lnTo>
                      <a:lnTo>
                        <a:pt x="218" y="107"/>
                      </a:lnTo>
                      <a:lnTo>
                        <a:pt x="213" y="106"/>
                      </a:lnTo>
                      <a:lnTo>
                        <a:pt x="212" y="106"/>
                      </a:lnTo>
                      <a:lnTo>
                        <a:pt x="212" y="105"/>
                      </a:lnTo>
                      <a:lnTo>
                        <a:pt x="208" y="105"/>
                      </a:lnTo>
                      <a:lnTo>
                        <a:pt x="204" y="105"/>
                      </a:lnTo>
                      <a:lnTo>
                        <a:pt x="199" y="106"/>
                      </a:lnTo>
                      <a:lnTo>
                        <a:pt x="190" y="107"/>
                      </a:lnTo>
                      <a:lnTo>
                        <a:pt x="178" y="110"/>
                      </a:lnTo>
                      <a:lnTo>
                        <a:pt x="159" y="114"/>
                      </a:lnTo>
                      <a:lnTo>
                        <a:pt x="161" y="111"/>
                      </a:lnTo>
                      <a:lnTo>
                        <a:pt x="163" y="109"/>
                      </a:lnTo>
                      <a:lnTo>
                        <a:pt x="166" y="107"/>
                      </a:lnTo>
                      <a:lnTo>
                        <a:pt x="161" y="106"/>
                      </a:lnTo>
                      <a:lnTo>
                        <a:pt x="157" y="106"/>
                      </a:lnTo>
                      <a:lnTo>
                        <a:pt x="152" y="106"/>
                      </a:lnTo>
                      <a:lnTo>
                        <a:pt x="141" y="106"/>
                      </a:lnTo>
                      <a:lnTo>
                        <a:pt x="139" y="109"/>
                      </a:lnTo>
                      <a:lnTo>
                        <a:pt x="136" y="111"/>
                      </a:lnTo>
                      <a:lnTo>
                        <a:pt x="131" y="113"/>
                      </a:lnTo>
                      <a:lnTo>
                        <a:pt x="121" y="114"/>
                      </a:lnTo>
                      <a:lnTo>
                        <a:pt x="107" y="115"/>
                      </a:lnTo>
                      <a:lnTo>
                        <a:pt x="108" y="115"/>
                      </a:lnTo>
                      <a:lnTo>
                        <a:pt x="110" y="114"/>
                      </a:lnTo>
                      <a:lnTo>
                        <a:pt x="110" y="114"/>
                      </a:lnTo>
                      <a:lnTo>
                        <a:pt x="111" y="114"/>
                      </a:lnTo>
                      <a:lnTo>
                        <a:pt x="112" y="113"/>
                      </a:lnTo>
                      <a:lnTo>
                        <a:pt x="112" y="113"/>
                      </a:lnTo>
                      <a:lnTo>
                        <a:pt x="114" y="113"/>
                      </a:lnTo>
                      <a:lnTo>
                        <a:pt x="112" y="113"/>
                      </a:lnTo>
                      <a:lnTo>
                        <a:pt x="110" y="113"/>
                      </a:lnTo>
                      <a:lnTo>
                        <a:pt x="106" y="113"/>
                      </a:lnTo>
                      <a:lnTo>
                        <a:pt x="99" y="114"/>
                      </a:lnTo>
                      <a:lnTo>
                        <a:pt x="87" y="115"/>
                      </a:lnTo>
                      <a:lnTo>
                        <a:pt x="72" y="118"/>
                      </a:lnTo>
                      <a:lnTo>
                        <a:pt x="73" y="117"/>
                      </a:lnTo>
                      <a:lnTo>
                        <a:pt x="76" y="115"/>
                      </a:lnTo>
                      <a:lnTo>
                        <a:pt x="69" y="115"/>
                      </a:lnTo>
                      <a:lnTo>
                        <a:pt x="63" y="115"/>
                      </a:lnTo>
                      <a:lnTo>
                        <a:pt x="53" y="115"/>
                      </a:lnTo>
                      <a:lnTo>
                        <a:pt x="42" y="118"/>
                      </a:lnTo>
                      <a:lnTo>
                        <a:pt x="25" y="122"/>
                      </a:lnTo>
                      <a:lnTo>
                        <a:pt x="2" y="128"/>
                      </a:lnTo>
                      <a:lnTo>
                        <a:pt x="10" y="123"/>
                      </a:lnTo>
                      <a:lnTo>
                        <a:pt x="21" y="119"/>
                      </a:lnTo>
                      <a:lnTo>
                        <a:pt x="32" y="115"/>
                      </a:lnTo>
                      <a:lnTo>
                        <a:pt x="43" y="113"/>
                      </a:lnTo>
                      <a:lnTo>
                        <a:pt x="29" y="115"/>
                      </a:lnTo>
                      <a:lnTo>
                        <a:pt x="14" y="119"/>
                      </a:lnTo>
                      <a:lnTo>
                        <a:pt x="0" y="123"/>
                      </a:lnTo>
                      <a:lnTo>
                        <a:pt x="5" y="119"/>
                      </a:lnTo>
                      <a:lnTo>
                        <a:pt x="15" y="114"/>
                      </a:lnTo>
                      <a:lnTo>
                        <a:pt x="29" y="109"/>
                      </a:lnTo>
                      <a:lnTo>
                        <a:pt x="42" y="105"/>
                      </a:lnTo>
                      <a:lnTo>
                        <a:pt x="53" y="101"/>
                      </a:lnTo>
                      <a:lnTo>
                        <a:pt x="63" y="97"/>
                      </a:lnTo>
                      <a:lnTo>
                        <a:pt x="67" y="97"/>
                      </a:lnTo>
                      <a:lnTo>
                        <a:pt x="118" y="80"/>
                      </a:lnTo>
                      <a:lnTo>
                        <a:pt x="149" y="72"/>
                      </a:lnTo>
                      <a:lnTo>
                        <a:pt x="174" y="64"/>
                      </a:lnTo>
                      <a:lnTo>
                        <a:pt x="194" y="59"/>
                      </a:lnTo>
                      <a:lnTo>
                        <a:pt x="211" y="55"/>
                      </a:lnTo>
                      <a:lnTo>
                        <a:pt x="224" y="51"/>
                      </a:lnTo>
                      <a:lnTo>
                        <a:pt x="235" y="49"/>
                      </a:lnTo>
                      <a:lnTo>
                        <a:pt x="247" y="46"/>
                      </a:lnTo>
                      <a:lnTo>
                        <a:pt x="262" y="42"/>
                      </a:lnTo>
                      <a:lnTo>
                        <a:pt x="277" y="39"/>
                      </a:lnTo>
                      <a:lnTo>
                        <a:pt x="310" y="33"/>
                      </a:lnTo>
                      <a:lnTo>
                        <a:pt x="344" y="26"/>
                      </a:lnTo>
                      <a:lnTo>
                        <a:pt x="376" y="20"/>
                      </a:lnTo>
                      <a:lnTo>
                        <a:pt x="394" y="17"/>
                      </a:lnTo>
                      <a:lnTo>
                        <a:pt x="408" y="16"/>
                      </a:lnTo>
                      <a:lnTo>
                        <a:pt x="423" y="13"/>
                      </a:lnTo>
                      <a:lnTo>
                        <a:pt x="436" y="12"/>
                      </a:lnTo>
                      <a:lnTo>
                        <a:pt x="450" y="11"/>
                      </a:lnTo>
                      <a:lnTo>
                        <a:pt x="468" y="11"/>
                      </a:lnTo>
                      <a:lnTo>
                        <a:pt x="489" y="9"/>
                      </a:lnTo>
                      <a:lnTo>
                        <a:pt x="518" y="8"/>
                      </a:lnTo>
                      <a:lnTo>
                        <a:pt x="552" y="8"/>
                      </a:lnTo>
                      <a:lnTo>
                        <a:pt x="555" y="8"/>
                      </a:lnTo>
                      <a:lnTo>
                        <a:pt x="556" y="8"/>
                      </a:lnTo>
                      <a:lnTo>
                        <a:pt x="556" y="8"/>
                      </a:lnTo>
                      <a:lnTo>
                        <a:pt x="556" y="8"/>
                      </a:lnTo>
                      <a:lnTo>
                        <a:pt x="556" y="8"/>
                      </a:lnTo>
                      <a:lnTo>
                        <a:pt x="556" y="8"/>
                      </a:lnTo>
                      <a:lnTo>
                        <a:pt x="556" y="8"/>
                      </a:lnTo>
                      <a:lnTo>
                        <a:pt x="556" y="8"/>
                      </a:lnTo>
                      <a:lnTo>
                        <a:pt x="556" y="8"/>
                      </a:lnTo>
                      <a:lnTo>
                        <a:pt x="584" y="4"/>
                      </a:lnTo>
                      <a:lnTo>
                        <a:pt x="606" y="3"/>
                      </a:lnTo>
                      <a:lnTo>
                        <a:pt x="622" y="3"/>
                      </a:lnTo>
                      <a:lnTo>
                        <a:pt x="635" y="4"/>
                      </a:lnTo>
                      <a:lnTo>
                        <a:pt x="643" y="5"/>
                      </a:lnTo>
                      <a:lnTo>
                        <a:pt x="651" y="8"/>
                      </a:lnTo>
                      <a:lnTo>
                        <a:pt x="657" y="11"/>
                      </a:lnTo>
                      <a:lnTo>
                        <a:pt x="635" y="13"/>
                      </a:lnTo>
                      <a:lnTo>
                        <a:pt x="619" y="16"/>
                      </a:lnTo>
                      <a:lnTo>
                        <a:pt x="609" y="16"/>
                      </a:lnTo>
                      <a:lnTo>
                        <a:pt x="601" y="17"/>
                      </a:lnTo>
                      <a:lnTo>
                        <a:pt x="597" y="18"/>
                      </a:lnTo>
                      <a:lnTo>
                        <a:pt x="593" y="18"/>
                      </a:lnTo>
                      <a:lnTo>
                        <a:pt x="589" y="18"/>
                      </a:lnTo>
                      <a:lnTo>
                        <a:pt x="590" y="20"/>
                      </a:lnTo>
                      <a:lnTo>
                        <a:pt x="590" y="20"/>
                      </a:lnTo>
                      <a:lnTo>
                        <a:pt x="592" y="21"/>
                      </a:lnTo>
                      <a:lnTo>
                        <a:pt x="593" y="21"/>
                      </a:lnTo>
                      <a:lnTo>
                        <a:pt x="594" y="22"/>
                      </a:lnTo>
                      <a:lnTo>
                        <a:pt x="597" y="24"/>
                      </a:lnTo>
                      <a:lnTo>
                        <a:pt x="601" y="26"/>
                      </a:lnTo>
                      <a:lnTo>
                        <a:pt x="606" y="29"/>
                      </a:lnTo>
                      <a:lnTo>
                        <a:pt x="609" y="28"/>
                      </a:lnTo>
                      <a:lnTo>
                        <a:pt x="610" y="25"/>
                      </a:lnTo>
                      <a:lnTo>
                        <a:pt x="610" y="28"/>
                      </a:lnTo>
                      <a:lnTo>
                        <a:pt x="610" y="30"/>
                      </a:lnTo>
                      <a:lnTo>
                        <a:pt x="632" y="29"/>
                      </a:lnTo>
                      <a:lnTo>
                        <a:pt x="654" y="22"/>
                      </a:lnTo>
                      <a:lnTo>
                        <a:pt x="677" y="16"/>
                      </a:lnTo>
                      <a:lnTo>
                        <a:pt x="699" y="9"/>
                      </a:lnTo>
                      <a:lnTo>
                        <a:pt x="723" y="8"/>
                      </a:lnTo>
                      <a:lnTo>
                        <a:pt x="724" y="8"/>
                      </a:lnTo>
                      <a:lnTo>
                        <a:pt x="725" y="8"/>
                      </a:lnTo>
                      <a:lnTo>
                        <a:pt x="725" y="8"/>
                      </a:lnTo>
                      <a:lnTo>
                        <a:pt x="729" y="5"/>
                      </a:lnTo>
                      <a:lnTo>
                        <a:pt x="734" y="3"/>
                      </a:lnTo>
                      <a:lnTo>
                        <a:pt x="741" y="1"/>
                      </a:lnTo>
                      <a:lnTo>
                        <a:pt x="749" y="0"/>
                      </a:lnTo>
                      <a:lnTo>
                        <a:pt x="762" y="0"/>
                      </a:lnTo>
                      <a:lnTo>
                        <a:pt x="778" y="0"/>
                      </a:lnTo>
                      <a:lnTo>
                        <a:pt x="800" y="1"/>
                      </a:lnTo>
                      <a:lnTo>
                        <a:pt x="829" y="4"/>
                      </a:lnTo>
                      <a:lnTo>
                        <a:pt x="864" y="8"/>
                      </a:lnTo>
                      <a:lnTo>
                        <a:pt x="856" y="11"/>
                      </a:lnTo>
                      <a:lnTo>
                        <a:pt x="846" y="12"/>
                      </a:lnTo>
                      <a:lnTo>
                        <a:pt x="836" y="13"/>
                      </a:lnTo>
                      <a:lnTo>
                        <a:pt x="829" y="14"/>
                      </a:lnTo>
                      <a:lnTo>
                        <a:pt x="826" y="14"/>
                      </a:lnTo>
                      <a:lnTo>
                        <a:pt x="844" y="17"/>
                      </a:lnTo>
                      <a:lnTo>
                        <a:pt x="857" y="18"/>
                      </a:lnTo>
                      <a:lnTo>
                        <a:pt x="865" y="18"/>
                      </a:lnTo>
                      <a:lnTo>
                        <a:pt x="869" y="20"/>
                      </a:lnTo>
                      <a:lnTo>
                        <a:pt x="872" y="20"/>
                      </a:lnTo>
                      <a:lnTo>
                        <a:pt x="873" y="20"/>
                      </a:lnTo>
                      <a:lnTo>
                        <a:pt x="872" y="22"/>
                      </a:lnTo>
                      <a:lnTo>
                        <a:pt x="872" y="25"/>
                      </a:lnTo>
                      <a:lnTo>
                        <a:pt x="869" y="26"/>
                      </a:lnTo>
                      <a:lnTo>
                        <a:pt x="867" y="26"/>
                      </a:lnTo>
                      <a:lnTo>
                        <a:pt x="869" y="28"/>
                      </a:lnTo>
                      <a:lnTo>
                        <a:pt x="870" y="28"/>
                      </a:lnTo>
                      <a:lnTo>
                        <a:pt x="872" y="28"/>
                      </a:lnTo>
                      <a:lnTo>
                        <a:pt x="873" y="28"/>
                      </a:lnTo>
                      <a:lnTo>
                        <a:pt x="874" y="28"/>
                      </a:lnTo>
                      <a:lnTo>
                        <a:pt x="876" y="28"/>
                      </a:lnTo>
                      <a:lnTo>
                        <a:pt x="877" y="28"/>
                      </a:lnTo>
                      <a:lnTo>
                        <a:pt x="878" y="28"/>
                      </a:lnTo>
                      <a:lnTo>
                        <a:pt x="868" y="34"/>
                      </a:lnTo>
                      <a:lnTo>
                        <a:pt x="856" y="38"/>
                      </a:lnTo>
                      <a:lnTo>
                        <a:pt x="843" y="39"/>
                      </a:lnTo>
                      <a:lnTo>
                        <a:pt x="833" y="39"/>
                      </a:lnTo>
                      <a:lnTo>
                        <a:pt x="823" y="39"/>
                      </a:lnTo>
                      <a:lnTo>
                        <a:pt x="821" y="39"/>
                      </a:lnTo>
                      <a:lnTo>
                        <a:pt x="819" y="37"/>
                      </a:lnTo>
                      <a:lnTo>
                        <a:pt x="818" y="34"/>
                      </a:lnTo>
                      <a:lnTo>
                        <a:pt x="815" y="33"/>
                      </a:lnTo>
                      <a:lnTo>
                        <a:pt x="813" y="33"/>
                      </a:lnTo>
                      <a:lnTo>
                        <a:pt x="810" y="33"/>
                      </a:lnTo>
                      <a:lnTo>
                        <a:pt x="809" y="34"/>
                      </a:lnTo>
                      <a:lnTo>
                        <a:pt x="805" y="37"/>
                      </a:lnTo>
                      <a:lnTo>
                        <a:pt x="808" y="38"/>
                      </a:lnTo>
                      <a:lnTo>
                        <a:pt x="810" y="41"/>
                      </a:lnTo>
                      <a:lnTo>
                        <a:pt x="813" y="41"/>
                      </a:lnTo>
                      <a:lnTo>
                        <a:pt x="813" y="41"/>
                      </a:lnTo>
                      <a:lnTo>
                        <a:pt x="810" y="42"/>
                      </a:lnTo>
                      <a:lnTo>
                        <a:pt x="809" y="42"/>
                      </a:lnTo>
                      <a:lnTo>
                        <a:pt x="808" y="43"/>
                      </a:lnTo>
                      <a:lnTo>
                        <a:pt x="805" y="43"/>
                      </a:lnTo>
                      <a:lnTo>
                        <a:pt x="801" y="45"/>
                      </a:lnTo>
                      <a:lnTo>
                        <a:pt x="797" y="45"/>
                      </a:lnTo>
                      <a:lnTo>
                        <a:pt x="798" y="43"/>
                      </a:lnTo>
                      <a:lnTo>
                        <a:pt x="800" y="41"/>
                      </a:lnTo>
                      <a:lnTo>
                        <a:pt x="766" y="46"/>
                      </a:lnTo>
                      <a:lnTo>
                        <a:pt x="732" y="47"/>
                      </a:lnTo>
                      <a:lnTo>
                        <a:pt x="696" y="49"/>
                      </a:lnTo>
                      <a:lnTo>
                        <a:pt x="662" y="50"/>
                      </a:lnTo>
                      <a:lnTo>
                        <a:pt x="649" y="50"/>
                      </a:lnTo>
                      <a:lnTo>
                        <a:pt x="632" y="50"/>
                      </a:lnTo>
                      <a:lnTo>
                        <a:pt x="614" y="47"/>
                      </a:lnTo>
                      <a:lnTo>
                        <a:pt x="596" y="45"/>
                      </a:lnTo>
                      <a:lnTo>
                        <a:pt x="580" y="43"/>
                      </a:lnTo>
                      <a:lnTo>
                        <a:pt x="569" y="41"/>
                      </a:lnTo>
                      <a:lnTo>
                        <a:pt x="565" y="41"/>
                      </a:lnTo>
                      <a:lnTo>
                        <a:pt x="552" y="41"/>
                      </a:lnTo>
                      <a:lnTo>
                        <a:pt x="539" y="45"/>
                      </a:lnTo>
                      <a:lnTo>
                        <a:pt x="527" y="50"/>
                      </a:lnTo>
                      <a:lnTo>
                        <a:pt x="516" y="54"/>
                      </a:lnTo>
                      <a:lnTo>
                        <a:pt x="510" y="52"/>
                      </a:lnTo>
                      <a:lnTo>
                        <a:pt x="505" y="51"/>
                      </a:lnTo>
                      <a:lnTo>
                        <a:pt x="500" y="50"/>
                      </a:lnTo>
                      <a:lnTo>
                        <a:pt x="500" y="52"/>
                      </a:lnTo>
                      <a:lnTo>
                        <a:pt x="501" y="55"/>
                      </a:lnTo>
                      <a:lnTo>
                        <a:pt x="500" y="56"/>
                      </a:lnTo>
                      <a:lnTo>
                        <a:pt x="499" y="59"/>
                      </a:lnTo>
                      <a:lnTo>
                        <a:pt x="492" y="58"/>
                      </a:lnTo>
                      <a:lnTo>
                        <a:pt x="487" y="58"/>
                      </a:lnTo>
                      <a:lnTo>
                        <a:pt x="484" y="56"/>
                      </a:lnTo>
                      <a:lnTo>
                        <a:pt x="483" y="56"/>
                      </a:lnTo>
                      <a:lnTo>
                        <a:pt x="480" y="56"/>
                      </a:lnTo>
                      <a:lnTo>
                        <a:pt x="480" y="56"/>
                      </a:lnTo>
                      <a:lnTo>
                        <a:pt x="479" y="56"/>
                      </a:lnTo>
                      <a:lnTo>
                        <a:pt x="480" y="60"/>
                      </a:lnTo>
                      <a:lnTo>
                        <a:pt x="483" y="63"/>
                      </a:lnTo>
                      <a:lnTo>
                        <a:pt x="484" y="67"/>
                      </a:lnTo>
                      <a:lnTo>
                        <a:pt x="461" y="75"/>
                      </a:lnTo>
                      <a:lnTo>
                        <a:pt x="445" y="80"/>
                      </a:lnTo>
                      <a:lnTo>
                        <a:pt x="433" y="84"/>
                      </a:lnTo>
                      <a:lnTo>
                        <a:pt x="427" y="86"/>
                      </a:lnTo>
                      <a:lnTo>
                        <a:pt x="421" y="88"/>
                      </a:lnTo>
                      <a:lnTo>
                        <a:pt x="420" y="89"/>
                      </a:lnTo>
                      <a:lnTo>
                        <a:pt x="417" y="90"/>
                      </a:lnTo>
                      <a:lnTo>
                        <a:pt x="412" y="90"/>
                      </a:lnTo>
                      <a:lnTo>
                        <a:pt x="407" y="90"/>
                      </a:lnTo>
                      <a:lnTo>
                        <a:pt x="408" y="92"/>
                      </a:lnTo>
                      <a:lnTo>
                        <a:pt x="410" y="94"/>
                      </a:lnTo>
                      <a:lnTo>
                        <a:pt x="410" y="94"/>
                      </a:lnTo>
                      <a:lnTo>
                        <a:pt x="404" y="93"/>
                      </a:lnTo>
                      <a:lnTo>
                        <a:pt x="399" y="92"/>
                      </a:lnTo>
                      <a:lnTo>
                        <a:pt x="402" y="93"/>
                      </a:lnTo>
                      <a:lnTo>
                        <a:pt x="403" y="94"/>
                      </a:lnTo>
                      <a:lnTo>
                        <a:pt x="377" y="98"/>
                      </a:lnTo>
                      <a:lnTo>
                        <a:pt x="349" y="98"/>
                      </a:lnTo>
                      <a:lnTo>
                        <a:pt x="323" y="102"/>
                      </a:lnTo>
                      <a:lnTo>
                        <a:pt x="327" y="105"/>
                      </a:lnTo>
                      <a:lnTo>
                        <a:pt x="332" y="106"/>
                      </a:lnTo>
                      <a:lnTo>
                        <a:pt x="314" y="106"/>
                      </a:lnTo>
                      <a:lnTo>
                        <a:pt x="304" y="105"/>
                      </a:lnTo>
                      <a:lnTo>
                        <a:pt x="297" y="106"/>
                      </a:lnTo>
                      <a:lnTo>
                        <a:pt x="293" y="106"/>
                      </a:lnTo>
                      <a:lnTo>
                        <a:pt x="289" y="109"/>
                      </a:lnTo>
                      <a:lnTo>
                        <a:pt x="297" y="109"/>
                      </a:lnTo>
                      <a:lnTo>
                        <a:pt x="305" y="110"/>
                      </a:lnTo>
                      <a:lnTo>
                        <a:pt x="289" y="111"/>
                      </a:lnTo>
                      <a:lnTo>
                        <a:pt x="279" y="114"/>
                      </a:lnTo>
                      <a:lnTo>
                        <a:pt x="272" y="117"/>
                      </a:lnTo>
                      <a:lnTo>
                        <a:pt x="269" y="121"/>
                      </a:lnTo>
                      <a:lnTo>
                        <a:pt x="268" y="126"/>
                      </a:lnTo>
                      <a:lnTo>
                        <a:pt x="266" y="127"/>
                      </a:lnTo>
                      <a:lnTo>
                        <a:pt x="266" y="128"/>
                      </a:lnTo>
                      <a:lnTo>
                        <a:pt x="264" y="128"/>
                      </a:lnTo>
                      <a:close/>
                    </a:path>
                  </a:pathLst>
                </a:custGeom>
                <a:grpFill/>
                <a:ln w="0">
                  <a:solidFill>
                    <a:srgbClr val="FFFFFF"/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261" name="Freeform 86"/>
                <p:cNvSpPr>
                  <a:spLocks/>
                </p:cNvSpPr>
                <p:nvPr/>
              </p:nvSpPr>
              <p:spPr bwMode="auto">
                <a:xfrm>
                  <a:off x="3937140" y="1288684"/>
                  <a:ext cx="45649" cy="27630"/>
                </a:xfrm>
                <a:custGeom>
                  <a:avLst/>
                  <a:gdLst>
                    <a:gd name="T0" fmla="*/ 16 w 38"/>
                    <a:gd name="T1" fmla="*/ 23 h 23"/>
                    <a:gd name="T2" fmla="*/ 15 w 38"/>
                    <a:gd name="T3" fmla="*/ 21 h 23"/>
                    <a:gd name="T4" fmla="*/ 13 w 38"/>
                    <a:gd name="T5" fmla="*/ 21 h 23"/>
                    <a:gd name="T6" fmla="*/ 11 w 38"/>
                    <a:gd name="T7" fmla="*/ 21 h 23"/>
                    <a:gd name="T8" fmla="*/ 8 w 38"/>
                    <a:gd name="T9" fmla="*/ 23 h 23"/>
                    <a:gd name="T10" fmla="*/ 4 w 38"/>
                    <a:gd name="T11" fmla="*/ 23 h 23"/>
                    <a:gd name="T12" fmla="*/ 3 w 38"/>
                    <a:gd name="T13" fmla="*/ 23 h 23"/>
                    <a:gd name="T14" fmla="*/ 0 w 38"/>
                    <a:gd name="T15" fmla="*/ 23 h 23"/>
                    <a:gd name="T16" fmla="*/ 24 w 38"/>
                    <a:gd name="T17" fmla="*/ 8 h 23"/>
                    <a:gd name="T18" fmla="*/ 28 w 38"/>
                    <a:gd name="T19" fmla="*/ 6 h 23"/>
                    <a:gd name="T20" fmla="*/ 30 w 38"/>
                    <a:gd name="T21" fmla="*/ 4 h 23"/>
                    <a:gd name="T22" fmla="*/ 33 w 38"/>
                    <a:gd name="T23" fmla="*/ 3 h 23"/>
                    <a:gd name="T24" fmla="*/ 36 w 38"/>
                    <a:gd name="T25" fmla="*/ 2 h 23"/>
                    <a:gd name="T26" fmla="*/ 37 w 38"/>
                    <a:gd name="T27" fmla="*/ 0 h 23"/>
                    <a:gd name="T28" fmla="*/ 37 w 38"/>
                    <a:gd name="T29" fmla="*/ 0 h 23"/>
                    <a:gd name="T30" fmla="*/ 38 w 38"/>
                    <a:gd name="T31" fmla="*/ 2 h 23"/>
                    <a:gd name="T32" fmla="*/ 37 w 38"/>
                    <a:gd name="T33" fmla="*/ 2 h 23"/>
                    <a:gd name="T34" fmla="*/ 36 w 38"/>
                    <a:gd name="T35" fmla="*/ 3 h 23"/>
                    <a:gd name="T36" fmla="*/ 34 w 38"/>
                    <a:gd name="T37" fmla="*/ 4 h 23"/>
                    <a:gd name="T38" fmla="*/ 33 w 38"/>
                    <a:gd name="T39" fmla="*/ 6 h 23"/>
                    <a:gd name="T40" fmla="*/ 30 w 38"/>
                    <a:gd name="T41" fmla="*/ 7 h 23"/>
                    <a:gd name="T42" fmla="*/ 28 w 38"/>
                    <a:gd name="T43" fmla="*/ 8 h 23"/>
                    <a:gd name="T44" fmla="*/ 23 w 38"/>
                    <a:gd name="T45" fmla="*/ 12 h 23"/>
                    <a:gd name="T46" fmla="*/ 28 w 38"/>
                    <a:gd name="T47" fmla="*/ 9 h 23"/>
                    <a:gd name="T48" fmla="*/ 32 w 38"/>
                    <a:gd name="T49" fmla="*/ 8 h 23"/>
                    <a:gd name="T50" fmla="*/ 34 w 38"/>
                    <a:gd name="T51" fmla="*/ 8 h 23"/>
                    <a:gd name="T52" fmla="*/ 36 w 38"/>
                    <a:gd name="T53" fmla="*/ 7 h 23"/>
                    <a:gd name="T54" fmla="*/ 37 w 38"/>
                    <a:gd name="T55" fmla="*/ 7 h 23"/>
                    <a:gd name="T56" fmla="*/ 37 w 38"/>
                    <a:gd name="T57" fmla="*/ 8 h 23"/>
                    <a:gd name="T58" fmla="*/ 37 w 38"/>
                    <a:gd name="T59" fmla="*/ 8 h 23"/>
                    <a:gd name="T60" fmla="*/ 16 w 38"/>
                    <a:gd name="T61" fmla="*/ 23 h 23"/>
                    <a:gd name="T62" fmla="*/ 16 w 38"/>
                    <a:gd name="T63" fmla="*/ 23 h 23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</a:cxnLst>
                  <a:rect l="0" t="0" r="r" b="b"/>
                  <a:pathLst>
                    <a:path w="38" h="23">
                      <a:moveTo>
                        <a:pt x="16" y="23"/>
                      </a:moveTo>
                      <a:lnTo>
                        <a:pt x="15" y="21"/>
                      </a:lnTo>
                      <a:lnTo>
                        <a:pt x="13" y="21"/>
                      </a:lnTo>
                      <a:lnTo>
                        <a:pt x="11" y="21"/>
                      </a:lnTo>
                      <a:lnTo>
                        <a:pt x="8" y="23"/>
                      </a:lnTo>
                      <a:lnTo>
                        <a:pt x="4" y="23"/>
                      </a:lnTo>
                      <a:lnTo>
                        <a:pt x="3" y="23"/>
                      </a:lnTo>
                      <a:lnTo>
                        <a:pt x="0" y="23"/>
                      </a:lnTo>
                      <a:lnTo>
                        <a:pt x="24" y="8"/>
                      </a:lnTo>
                      <a:lnTo>
                        <a:pt x="28" y="6"/>
                      </a:lnTo>
                      <a:lnTo>
                        <a:pt x="30" y="4"/>
                      </a:lnTo>
                      <a:lnTo>
                        <a:pt x="33" y="3"/>
                      </a:lnTo>
                      <a:lnTo>
                        <a:pt x="36" y="2"/>
                      </a:lnTo>
                      <a:lnTo>
                        <a:pt x="37" y="0"/>
                      </a:lnTo>
                      <a:lnTo>
                        <a:pt x="37" y="0"/>
                      </a:lnTo>
                      <a:lnTo>
                        <a:pt x="38" y="2"/>
                      </a:lnTo>
                      <a:lnTo>
                        <a:pt x="37" y="2"/>
                      </a:lnTo>
                      <a:lnTo>
                        <a:pt x="36" y="3"/>
                      </a:lnTo>
                      <a:lnTo>
                        <a:pt x="34" y="4"/>
                      </a:lnTo>
                      <a:lnTo>
                        <a:pt x="33" y="6"/>
                      </a:lnTo>
                      <a:lnTo>
                        <a:pt x="30" y="7"/>
                      </a:lnTo>
                      <a:lnTo>
                        <a:pt x="28" y="8"/>
                      </a:lnTo>
                      <a:lnTo>
                        <a:pt x="23" y="12"/>
                      </a:lnTo>
                      <a:lnTo>
                        <a:pt x="28" y="9"/>
                      </a:lnTo>
                      <a:lnTo>
                        <a:pt x="32" y="8"/>
                      </a:lnTo>
                      <a:lnTo>
                        <a:pt x="34" y="8"/>
                      </a:lnTo>
                      <a:lnTo>
                        <a:pt x="36" y="7"/>
                      </a:lnTo>
                      <a:lnTo>
                        <a:pt x="37" y="7"/>
                      </a:lnTo>
                      <a:lnTo>
                        <a:pt x="37" y="8"/>
                      </a:lnTo>
                      <a:lnTo>
                        <a:pt x="37" y="8"/>
                      </a:lnTo>
                      <a:lnTo>
                        <a:pt x="16" y="23"/>
                      </a:lnTo>
                      <a:lnTo>
                        <a:pt x="16" y="23"/>
                      </a:lnTo>
                      <a:close/>
                    </a:path>
                  </a:pathLst>
                </a:custGeom>
                <a:grpFill/>
                <a:ln w="0">
                  <a:solidFill>
                    <a:srgbClr val="FFFFFF"/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262" name="Freeform 87"/>
                <p:cNvSpPr>
                  <a:spLocks/>
                </p:cNvSpPr>
                <p:nvPr/>
              </p:nvSpPr>
              <p:spPr bwMode="auto">
                <a:xfrm>
                  <a:off x="4122139" y="1382385"/>
                  <a:ext cx="84090" cy="86493"/>
                </a:xfrm>
                <a:custGeom>
                  <a:avLst/>
                  <a:gdLst>
                    <a:gd name="T0" fmla="*/ 58 w 70"/>
                    <a:gd name="T1" fmla="*/ 55 h 72"/>
                    <a:gd name="T2" fmla="*/ 49 w 70"/>
                    <a:gd name="T3" fmla="*/ 66 h 72"/>
                    <a:gd name="T4" fmla="*/ 41 w 70"/>
                    <a:gd name="T5" fmla="*/ 72 h 72"/>
                    <a:gd name="T6" fmla="*/ 34 w 70"/>
                    <a:gd name="T7" fmla="*/ 70 h 72"/>
                    <a:gd name="T8" fmla="*/ 28 w 70"/>
                    <a:gd name="T9" fmla="*/ 65 h 72"/>
                    <a:gd name="T10" fmla="*/ 23 w 70"/>
                    <a:gd name="T11" fmla="*/ 61 h 72"/>
                    <a:gd name="T12" fmla="*/ 18 w 70"/>
                    <a:gd name="T13" fmla="*/ 58 h 72"/>
                    <a:gd name="T14" fmla="*/ 10 w 70"/>
                    <a:gd name="T15" fmla="*/ 57 h 72"/>
                    <a:gd name="T16" fmla="*/ 11 w 70"/>
                    <a:gd name="T17" fmla="*/ 52 h 72"/>
                    <a:gd name="T18" fmla="*/ 10 w 70"/>
                    <a:gd name="T19" fmla="*/ 48 h 72"/>
                    <a:gd name="T20" fmla="*/ 9 w 70"/>
                    <a:gd name="T21" fmla="*/ 43 h 72"/>
                    <a:gd name="T22" fmla="*/ 11 w 70"/>
                    <a:gd name="T23" fmla="*/ 36 h 72"/>
                    <a:gd name="T24" fmla="*/ 15 w 70"/>
                    <a:gd name="T25" fmla="*/ 30 h 72"/>
                    <a:gd name="T26" fmla="*/ 10 w 70"/>
                    <a:gd name="T27" fmla="*/ 31 h 72"/>
                    <a:gd name="T28" fmla="*/ 7 w 70"/>
                    <a:gd name="T29" fmla="*/ 35 h 72"/>
                    <a:gd name="T30" fmla="*/ 3 w 70"/>
                    <a:gd name="T31" fmla="*/ 38 h 72"/>
                    <a:gd name="T32" fmla="*/ 0 w 70"/>
                    <a:gd name="T33" fmla="*/ 35 h 72"/>
                    <a:gd name="T34" fmla="*/ 0 w 70"/>
                    <a:gd name="T35" fmla="*/ 30 h 72"/>
                    <a:gd name="T36" fmla="*/ 1 w 70"/>
                    <a:gd name="T37" fmla="*/ 26 h 72"/>
                    <a:gd name="T38" fmla="*/ 3 w 70"/>
                    <a:gd name="T39" fmla="*/ 23 h 72"/>
                    <a:gd name="T40" fmla="*/ 9 w 70"/>
                    <a:gd name="T41" fmla="*/ 19 h 72"/>
                    <a:gd name="T42" fmla="*/ 13 w 70"/>
                    <a:gd name="T43" fmla="*/ 15 h 72"/>
                    <a:gd name="T44" fmla="*/ 43 w 70"/>
                    <a:gd name="T45" fmla="*/ 1 h 72"/>
                    <a:gd name="T46" fmla="*/ 60 w 70"/>
                    <a:gd name="T47" fmla="*/ 1 h 72"/>
                    <a:gd name="T48" fmla="*/ 66 w 70"/>
                    <a:gd name="T49" fmla="*/ 7 h 72"/>
                    <a:gd name="T50" fmla="*/ 61 w 70"/>
                    <a:gd name="T51" fmla="*/ 14 h 72"/>
                    <a:gd name="T52" fmla="*/ 53 w 70"/>
                    <a:gd name="T53" fmla="*/ 30 h 72"/>
                    <a:gd name="T54" fmla="*/ 56 w 70"/>
                    <a:gd name="T55" fmla="*/ 31 h 72"/>
                    <a:gd name="T56" fmla="*/ 64 w 70"/>
                    <a:gd name="T57" fmla="*/ 31 h 72"/>
                    <a:gd name="T58" fmla="*/ 68 w 70"/>
                    <a:gd name="T59" fmla="*/ 32 h 72"/>
                    <a:gd name="T60" fmla="*/ 70 w 70"/>
                    <a:gd name="T61" fmla="*/ 35 h 72"/>
                    <a:gd name="T62" fmla="*/ 70 w 70"/>
                    <a:gd name="T63" fmla="*/ 36 h 72"/>
                    <a:gd name="T64" fmla="*/ 69 w 70"/>
                    <a:gd name="T65" fmla="*/ 41 h 72"/>
                    <a:gd name="T66" fmla="*/ 64 w 70"/>
                    <a:gd name="T67" fmla="*/ 48 h 72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</a:cxnLst>
                  <a:rect l="0" t="0" r="r" b="b"/>
                  <a:pathLst>
                    <a:path w="70" h="72">
                      <a:moveTo>
                        <a:pt x="64" y="48"/>
                      </a:moveTo>
                      <a:lnTo>
                        <a:pt x="58" y="55"/>
                      </a:lnTo>
                      <a:lnTo>
                        <a:pt x="53" y="61"/>
                      </a:lnTo>
                      <a:lnTo>
                        <a:pt x="49" y="66"/>
                      </a:lnTo>
                      <a:lnTo>
                        <a:pt x="47" y="72"/>
                      </a:lnTo>
                      <a:lnTo>
                        <a:pt x="41" y="72"/>
                      </a:lnTo>
                      <a:lnTo>
                        <a:pt x="37" y="72"/>
                      </a:lnTo>
                      <a:lnTo>
                        <a:pt x="34" y="70"/>
                      </a:lnTo>
                      <a:lnTo>
                        <a:pt x="31" y="68"/>
                      </a:lnTo>
                      <a:lnTo>
                        <a:pt x="28" y="65"/>
                      </a:lnTo>
                      <a:lnTo>
                        <a:pt x="26" y="62"/>
                      </a:lnTo>
                      <a:lnTo>
                        <a:pt x="23" y="61"/>
                      </a:lnTo>
                      <a:lnTo>
                        <a:pt x="20" y="58"/>
                      </a:lnTo>
                      <a:lnTo>
                        <a:pt x="18" y="58"/>
                      </a:lnTo>
                      <a:lnTo>
                        <a:pt x="14" y="57"/>
                      </a:lnTo>
                      <a:lnTo>
                        <a:pt x="10" y="57"/>
                      </a:lnTo>
                      <a:lnTo>
                        <a:pt x="10" y="55"/>
                      </a:lnTo>
                      <a:lnTo>
                        <a:pt x="11" y="52"/>
                      </a:lnTo>
                      <a:lnTo>
                        <a:pt x="10" y="51"/>
                      </a:lnTo>
                      <a:lnTo>
                        <a:pt x="10" y="48"/>
                      </a:lnTo>
                      <a:lnTo>
                        <a:pt x="9" y="45"/>
                      </a:lnTo>
                      <a:lnTo>
                        <a:pt x="9" y="43"/>
                      </a:lnTo>
                      <a:lnTo>
                        <a:pt x="10" y="40"/>
                      </a:lnTo>
                      <a:lnTo>
                        <a:pt x="11" y="36"/>
                      </a:lnTo>
                      <a:lnTo>
                        <a:pt x="13" y="34"/>
                      </a:lnTo>
                      <a:lnTo>
                        <a:pt x="15" y="30"/>
                      </a:lnTo>
                      <a:lnTo>
                        <a:pt x="13" y="30"/>
                      </a:lnTo>
                      <a:lnTo>
                        <a:pt x="10" y="31"/>
                      </a:lnTo>
                      <a:lnTo>
                        <a:pt x="9" y="32"/>
                      </a:lnTo>
                      <a:lnTo>
                        <a:pt x="7" y="35"/>
                      </a:lnTo>
                      <a:lnTo>
                        <a:pt x="6" y="36"/>
                      </a:lnTo>
                      <a:lnTo>
                        <a:pt x="3" y="38"/>
                      </a:lnTo>
                      <a:lnTo>
                        <a:pt x="1" y="38"/>
                      </a:lnTo>
                      <a:lnTo>
                        <a:pt x="0" y="35"/>
                      </a:lnTo>
                      <a:lnTo>
                        <a:pt x="0" y="32"/>
                      </a:lnTo>
                      <a:lnTo>
                        <a:pt x="0" y="30"/>
                      </a:lnTo>
                      <a:lnTo>
                        <a:pt x="0" y="27"/>
                      </a:lnTo>
                      <a:lnTo>
                        <a:pt x="1" y="26"/>
                      </a:lnTo>
                      <a:lnTo>
                        <a:pt x="1" y="26"/>
                      </a:lnTo>
                      <a:lnTo>
                        <a:pt x="3" y="23"/>
                      </a:lnTo>
                      <a:lnTo>
                        <a:pt x="5" y="22"/>
                      </a:lnTo>
                      <a:lnTo>
                        <a:pt x="9" y="19"/>
                      </a:lnTo>
                      <a:lnTo>
                        <a:pt x="11" y="17"/>
                      </a:lnTo>
                      <a:lnTo>
                        <a:pt x="13" y="15"/>
                      </a:lnTo>
                      <a:lnTo>
                        <a:pt x="30" y="6"/>
                      </a:lnTo>
                      <a:lnTo>
                        <a:pt x="43" y="1"/>
                      </a:lnTo>
                      <a:lnTo>
                        <a:pt x="55" y="0"/>
                      </a:lnTo>
                      <a:lnTo>
                        <a:pt x="60" y="1"/>
                      </a:lnTo>
                      <a:lnTo>
                        <a:pt x="62" y="3"/>
                      </a:lnTo>
                      <a:lnTo>
                        <a:pt x="66" y="7"/>
                      </a:lnTo>
                      <a:lnTo>
                        <a:pt x="64" y="10"/>
                      </a:lnTo>
                      <a:lnTo>
                        <a:pt x="61" y="14"/>
                      </a:lnTo>
                      <a:lnTo>
                        <a:pt x="58" y="19"/>
                      </a:lnTo>
                      <a:lnTo>
                        <a:pt x="53" y="30"/>
                      </a:lnTo>
                      <a:lnTo>
                        <a:pt x="55" y="31"/>
                      </a:lnTo>
                      <a:lnTo>
                        <a:pt x="56" y="31"/>
                      </a:lnTo>
                      <a:lnTo>
                        <a:pt x="60" y="31"/>
                      </a:lnTo>
                      <a:lnTo>
                        <a:pt x="64" y="31"/>
                      </a:lnTo>
                      <a:lnTo>
                        <a:pt x="66" y="32"/>
                      </a:lnTo>
                      <a:lnTo>
                        <a:pt x="68" y="32"/>
                      </a:lnTo>
                      <a:lnTo>
                        <a:pt x="69" y="34"/>
                      </a:lnTo>
                      <a:lnTo>
                        <a:pt x="70" y="35"/>
                      </a:lnTo>
                      <a:lnTo>
                        <a:pt x="70" y="35"/>
                      </a:lnTo>
                      <a:lnTo>
                        <a:pt x="70" y="36"/>
                      </a:lnTo>
                      <a:lnTo>
                        <a:pt x="69" y="39"/>
                      </a:lnTo>
                      <a:lnTo>
                        <a:pt x="69" y="41"/>
                      </a:lnTo>
                      <a:lnTo>
                        <a:pt x="66" y="44"/>
                      </a:lnTo>
                      <a:lnTo>
                        <a:pt x="64" y="48"/>
                      </a:lnTo>
                      <a:close/>
                    </a:path>
                  </a:pathLst>
                </a:custGeom>
                <a:grpFill/>
                <a:ln w="0">
                  <a:solidFill>
                    <a:srgbClr val="FFFFFF"/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263" name="Freeform 89"/>
                <p:cNvSpPr>
                  <a:spLocks/>
                </p:cNvSpPr>
                <p:nvPr/>
              </p:nvSpPr>
              <p:spPr bwMode="auto">
                <a:xfrm>
                  <a:off x="3838634" y="1250243"/>
                  <a:ext cx="52857" cy="26428"/>
                </a:xfrm>
                <a:custGeom>
                  <a:avLst/>
                  <a:gdLst>
                    <a:gd name="T0" fmla="*/ 42 w 44"/>
                    <a:gd name="T1" fmla="*/ 14 h 22"/>
                    <a:gd name="T2" fmla="*/ 39 w 44"/>
                    <a:gd name="T3" fmla="*/ 15 h 22"/>
                    <a:gd name="T4" fmla="*/ 36 w 44"/>
                    <a:gd name="T5" fmla="*/ 17 h 22"/>
                    <a:gd name="T6" fmla="*/ 34 w 44"/>
                    <a:gd name="T7" fmla="*/ 18 h 22"/>
                    <a:gd name="T8" fmla="*/ 31 w 44"/>
                    <a:gd name="T9" fmla="*/ 19 h 22"/>
                    <a:gd name="T10" fmla="*/ 29 w 44"/>
                    <a:gd name="T11" fmla="*/ 21 h 22"/>
                    <a:gd name="T12" fmla="*/ 25 w 44"/>
                    <a:gd name="T13" fmla="*/ 22 h 22"/>
                    <a:gd name="T14" fmla="*/ 22 w 44"/>
                    <a:gd name="T15" fmla="*/ 22 h 22"/>
                    <a:gd name="T16" fmla="*/ 21 w 44"/>
                    <a:gd name="T17" fmla="*/ 21 h 22"/>
                    <a:gd name="T18" fmla="*/ 18 w 44"/>
                    <a:gd name="T19" fmla="*/ 21 h 22"/>
                    <a:gd name="T20" fmla="*/ 16 w 44"/>
                    <a:gd name="T21" fmla="*/ 21 h 22"/>
                    <a:gd name="T22" fmla="*/ 12 w 44"/>
                    <a:gd name="T23" fmla="*/ 21 h 22"/>
                    <a:gd name="T24" fmla="*/ 8 w 44"/>
                    <a:gd name="T25" fmla="*/ 21 h 22"/>
                    <a:gd name="T26" fmla="*/ 5 w 44"/>
                    <a:gd name="T27" fmla="*/ 21 h 22"/>
                    <a:gd name="T28" fmla="*/ 2 w 44"/>
                    <a:gd name="T29" fmla="*/ 19 h 22"/>
                    <a:gd name="T30" fmla="*/ 1 w 44"/>
                    <a:gd name="T31" fmla="*/ 19 h 22"/>
                    <a:gd name="T32" fmla="*/ 0 w 44"/>
                    <a:gd name="T33" fmla="*/ 18 h 22"/>
                    <a:gd name="T34" fmla="*/ 0 w 44"/>
                    <a:gd name="T35" fmla="*/ 15 h 22"/>
                    <a:gd name="T36" fmla="*/ 17 w 44"/>
                    <a:gd name="T37" fmla="*/ 7 h 22"/>
                    <a:gd name="T38" fmla="*/ 34 w 44"/>
                    <a:gd name="T39" fmla="*/ 0 h 22"/>
                    <a:gd name="T40" fmla="*/ 33 w 44"/>
                    <a:gd name="T41" fmla="*/ 1 h 22"/>
                    <a:gd name="T42" fmla="*/ 30 w 44"/>
                    <a:gd name="T43" fmla="*/ 2 h 22"/>
                    <a:gd name="T44" fmla="*/ 27 w 44"/>
                    <a:gd name="T45" fmla="*/ 5 h 22"/>
                    <a:gd name="T46" fmla="*/ 26 w 44"/>
                    <a:gd name="T47" fmla="*/ 6 h 22"/>
                    <a:gd name="T48" fmla="*/ 25 w 44"/>
                    <a:gd name="T49" fmla="*/ 7 h 22"/>
                    <a:gd name="T50" fmla="*/ 25 w 44"/>
                    <a:gd name="T51" fmla="*/ 10 h 22"/>
                    <a:gd name="T52" fmla="*/ 26 w 44"/>
                    <a:gd name="T53" fmla="*/ 11 h 22"/>
                    <a:gd name="T54" fmla="*/ 30 w 44"/>
                    <a:gd name="T55" fmla="*/ 11 h 22"/>
                    <a:gd name="T56" fmla="*/ 34 w 44"/>
                    <a:gd name="T57" fmla="*/ 13 h 22"/>
                    <a:gd name="T58" fmla="*/ 38 w 44"/>
                    <a:gd name="T59" fmla="*/ 13 h 22"/>
                    <a:gd name="T60" fmla="*/ 42 w 44"/>
                    <a:gd name="T61" fmla="*/ 13 h 22"/>
                    <a:gd name="T62" fmla="*/ 44 w 44"/>
                    <a:gd name="T63" fmla="*/ 13 h 22"/>
                    <a:gd name="T64" fmla="*/ 42 w 44"/>
                    <a:gd name="T65" fmla="*/ 14 h 22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</a:cxnLst>
                  <a:rect l="0" t="0" r="r" b="b"/>
                  <a:pathLst>
                    <a:path w="44" h="22">
                      <a:moveTo>
                        <a:pt x="42" y="14"/>
                      </a:moveTo>
                      <a:lnTo>
                        <a:pt x="39" y="15"/>
                      </a:lnTo>
                      <a:lnTo>
                        <a:pt x="36" y="17"/>
                      </a:lnTo>
                      <a:lnTo>
                        <a:pt x="34" y="18"/>
                      </a:lnTo>
                      <a:lnTo>
                        <a:pt x="31" y="19"/>
                      </a:lnTo>
                      <a:lnTo>
                        <a:pt x="29" y="21"/>
                      </a:lnTo>
                      <a:lnTo>
                        <a:pt x="25" y="22"/>
                      </a:lnTo>
                      <a:lnTo>
                        <a:pt x="22" y="22"/>
                      </a:lnTo>
                      <a:lnTo>
                        <a:pt x="21" y="21"/>
                      </a:lnTo>
                      <a:lnTo>
                        <a:pt x="18" y="21"/>
                      </a:lnTo>
                      <a:lnTo>
                        <a:pt x="16" y="21"/>
                      </a:lnTo>
                      <a:lnTo>
                        <a:pt x="12" y="21"/>
                      </a:lnTo>
                      <a:lnTo>
                        <a:pt x="8" y="21"/>
                      </a:lnTo>
                      <a:lnTo>
                        <a:pt x="5" y="21"/>
                      </a:lnTo>
                      <a:lnTo>
                        <a:pt x="2" y="19"/>
                      </a:lnTo>
                      <a:lnTo>
                        <a:pt x="1" y="19"/>
                      </a:lnTo>
                      <a:lnTo>
                        <a:pt x="0" y="18"/>
                      </a:lnTo>
                      <a:lnTo>
                        <a:pt x="0" y="15"/>
                      </a:lnTo>
                      <a:lnTo>
                        <a:pt x="17" y="7"/>
                      </a:lnTo>
                      <a:lnTo>
                        <a:pt x="34" y="0"/>
                      </a:lnTo>
                      <a:lnTo>
                        <a:pt x="33" y="1"/>
                      </a:lnTo>
                      <a:lnTo>
                        <a:pt x="30" y="2"/>
                      </a:lnTo>
                      <a:lnTo>
                        <a:pt x="27" y="5"/>
                      </a:lnTo>
                      <a:lnTo>
                        <a:pt x="26" y="6"/>
                      </a:lnTo>
                      <a:lnTo>
                        <a:pt x="25" y="7"/>
                      </a:lnTo>
                      <a:lnTo>
                        <a:pt x="25" y="10"/>
                      </a:lnTo>
                      <a:lnTo>
                        <a:pt x="26" y="11"/>
                      </a:lnTo>
                      <a:lnTo>
                        <a:pt x="30" y="11"/>
                      </a:lnTo>
                      <a:lnTo>
                        <a:pt x="34" y="13"/>
                      </a:lnTo>
                      <a:lnTo>
                        <a:pt x="38" y="13"/>
                      </a:lnTo>
                      <a:lnTo>
                        <a:pt x="42" y="13"/>
                      </a:lnTo>
                      <a:lnTo>
                        <a:pt x="44" y="13"/>
                      </a:lnTo>
                      <a:lnTo>
                        <a:pt x="42" y="14"/>
                      </a:lnTo>
                      <a:close/>
                    </a:path>
                  </a:pathLst>
                </a:custGeom>
                <a:grpFill/>
                <a:ln w="0">
                  <a:solidFill>
                    <a:srgbClr val="FFFFFF"/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264" name="Freeform 90"/>
                <p:cNvSpPr>
                  <a:spLocks/>
                </p:cNvSpPr>
                <p:nvPr/>
              </p:nvSpPr>
              <p:spPr bwMode="auto">
                <a:xfrm>
                  <a:off x="3635615" y="1113296"/>
                  <a:ext cx="183798" cy="96103"/>
                </a:xfrm>
                <a:custGeom>
                  <a:avLst/>
                  <a:gdLst>
                    <a:gd name="T0" fmla="*/ 118 w 153"/>
                    <a:gd name="T1" fmla="*/ 63 h 80"/>
                    <a:gd name="T2" fmla="*/ 105 w 153"/>
                    <a:gd name="T3" fmla="*/ 60 h 80"/>
                    <a:gd name="T4" fmla="*/ 105 w 153"/>
                    <a:gd name="T5" fmla="*/ 53 h 80"/>
                    <a:gd name="T6" fmla="*/ 106 w 153"/>
                    <a:gd name="T7" fmla="*/ 47 h 80"/>
                    <a:gd name="T8" fmla="*/ 113 w 153"/>
                    <a:gd name="T9" fmla="*/ 42 h 80"/>
                    <a:gd name="T10" fmla="*/ 120 w 153"/>
                    <a:gd name="T11" fmla="*/ 39 h 80"/>
                    <a:gd name="T12" fmla="*/ 127 w 153"/>
                    <a:gd name="T13" fmla="*/ 34 h 80"/>
                    <a:gd name="T14" fmla="*/ 114 w 153"/>
                    <a:gd name="T15" fmla="*/ 35 h 80"/>
                    <a:gd name="T16" fmla="*/ 94 w 153"/>
                    <a:gd name="T17" fmla="*/ 47 h 80"/>
                    <a:gd name="T18" fmla="*/ 84 w 153"/>
                    <a:gd name="T19" fmla="*/ 55 h 80"/>
                    <a:gd name="T20" fmla="*/ 63 w 153"/>
                    <a:gd name="T21" fmla="*/ 63 h 80"/>
                    <a:gd name="T22" fmla="*/ 50 w 153"/>
                    <a:gd name="T23" fmla="*/ 74 h 80"/>
                    <a:gd name="T24" fmla="*/ 33 w 153"/>
                    <a:gd name="T25" fmla="*/ 80 h 80"/>
                    <a:gd name="T26" fmla="*/ 27 w 153"/>
                    <a:gd name="T27" fmla="*/ 77 h 80"/>
                    <a:gd name="T28" fmla="*/ 29 w 153"/>
                    <a:gd name="T29" fmla="*/ 74 h 80"/>
                    <a:gd name="T30" fmla="*/ 33 w 153"/>
                    <a:gd name="T31" fmla="*/ 72 h 80"/>
                    <a:gd name="T32" fmla="*/ 37 w 153"/>
                    <a:gd name="T33" fmla="*/ 68 h 80"/>
                    <a:gd name="T34" fmla="*/ 38 w 153"/>
                    <a:gd name="T35" fmla="*/ 66 h 80"/>
                    <a:gd name="T36" fmla="*/ 37 w 153"/>
                    <a:gd name="T37" fmla="*/ 65 h 80"/>
                    <a:gd name="T38" fmla="*/ 69 w 153"/>
                    <a:gd name="T39" fmla="*/ 53 h 80"/>
                    <a:gd name="T40" fmla="*/ 78 w 153"/>
                    <a:gd name="T41" fmla="*/ 48 h 80"/>
                    <a:gd name="T42" fmla="*/ 68 w 153"/>
                    <a:gd name="T43" fmla="*/ 48 h 80"/>
                    <a:gd name="T44" fmla="*/ 44 w 153"/>
                    <a:gd name="T45" fmla="*/ 51 h 80"/>
                    <a:gd name="T46" fmla="*/ 0 w 153"/>
                    <a:gd name="T47" fmla="*/ 57 h 80"/>
                    <a:gd name="T48" fmla="*/ 4 w 153"/>
                    <a:gd name="T49" fmla="*/ 55 h 80"/>
                    <a:gd name="T50" fmla="*/ 8 w 153"/>
                    <a:gd name="T51" fmla="*/ 52 h 80"/>
                    <a:gd name="T52" fmla="*/ 16 w 153"/>
                    <a:gd name="T53" fmla="*/ 48 h 80"/>
                    <a:gd name="T54" fmla="*/ 26 w 153"/>
                    <a:gd name="T55" fmla="*/ 43 h 80"/>
                    <a:gd name="T56" fmla="*/ 29 w 153"/>
                    <a:gd name="T57" fmla="*/ 39 h 80"/>
                    <a:gd name="T58" fmla="*/ 76 w 153"/>
                    <a:gd name="T59" fmla="*/ 22 h 80"/>
                    <a:gd name="T60" fmla="*/ 90 w 153"/>
                    <a:gd name="T61" fmla="*/ 10 h 80"/>
                    <a:gd name="T62" fmla="*/ 147 w 153"/>
                    <a:gd name="T63" fmla="*/ 0 h 80"/>
                    <a:gd name="T64" fmla="*/ 144 w 153"/>
                    <a:gd name="T65" fmla="*/ 2 h 80"/>
                    <a:gd name="T66" fmla="*/ 145 w 153"/>
                    <a:gd name="T67" fmla="*/ 5 h 80"/>
                    <a:gd name="T68" fmla="*/ 144 w 153"/>
                    <a:gd name="T69" fmla="*/ 8 h 80"/>
                    <a:gd name="T70" fmla="*/ 137 w 153"/>
                    <a:gd name="T71" fmla="*/ 9 h 80"/>
                    <a:gd name="T72" fmla="*/ 126 w 153"/>
                    <a:gd name="T73" fmla="*/ 11 h 80"/>
                    <a:gd name="T74" fmla="*/ 133 w 153"/>
                    <a:gd name="T75" fmla="*/ 11 h 80"/>
                    <a:gd name="T76" fmla="*/ 136 w 153"/>
                    <a:gd name="T77" fmla="*/ 13 h 80"/>
                    <a:gd name="T78" fmla="*/ 136 w 153"/>
                    <a:gd name="T79" fmla="*/ 17 h 80"/>
                    <a:gd name="T80" fmla="*/ 137 w 153"/>
                    <a:gd name="T81" fmla="*/ 18 h 80"/>
                    <a:gd name="T82" fmla="*/ 143 w 153"/>
                    <a:gd name="T83" fmla="*/ 18 h 80"/>
                    <a:gd name="T84" fmla="*/ 144 w 153"/>
                    <a:gd name="T85" fmla="*/ 19 h 80"/>
                    <a:gd name="T86" fmla="*/ 139 w 153"/>
                    <a:gd name="T87" fmla="*/ 21 h 80"/>
                    <a:gd name="T88" fmla="*/ 136 w 153"/>
                    <a:gd name="T89" fmla="*/ 21 h 80"/>
                    <a:gd name="T90" fmla="*/ 145 w 153"/>
                    <a:gd name="T91" fmla="*/ 25 h 80"/>
                    <a:gd name="T92" fmla="*/ 150 w 153"/>
                    <a:gd name="T93" fmla="*/ 29 h 80"/>
                    <a:gd name="T94" fmla="*/ 149 w 153"/>
                    <a:gd name="T95" fmla="*/ 36 h 80"/>
                    <a:gd name="T96" fmla="*/ 149 w 153"/>
                    <a:gd name="T97" fmla="*/ 43 h 80"/>
                    <a:gd name="T98" fmla="*/ 153 w 153"/>
                    <a:gd name="T99" fmla="*/ 47 h 80"/>
                    <a:gd name="T100" fmla="*/ 144 w 153"/>
                    <a:gd name="T101" fmla="*/ 51 h 80"/>
                    <a:gd name="T102" fmla="*/ 140 w 153"/>
                    <a:gd name="T103" fmla="*/ 53 h 80"/>
                    <a:gd name="T104" fmla="*/ 140 w 153"/>
                    <a:gd name="T105" fmla="*/ 57 h 80"/>
                    <a:gd name="T106" fmla="*/ 136 w 153"/>
                    <a:gd name="T107" fmla="*/ 60 h 80"/>
                    <a:gd name="T108" fmla="*/ 131 w 153"/>
                    <a:gd name="T109" fmla="*/ 61 h 80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  <a:cxn ang="0">
                      <a:pos x="T86" y="T87"/>
                    </a:cxn>
                    <a:cxn ang="0">
                      <a:pos x="T88" y="T89"/>
                    </a:cxn>
                    <a:cxn ang="0">
                      <a:pos x="T90" y="T91"/>
                    </a:cxn>
                    <a:cxn ang="0">
                      <a:pos x="T92" y="T93"/>
                    </a:cxn>
                    <a:cxn ang="0">
                      <a:pos x="T94" y="T95"/>
                    </a:cxn>
                    <a:cxn ang="0">
                      <a:pos x="T96" y="T97"/>
                    </a:cxn>
                    <a:cxn ang="0">
                      <a:pos x="T98" y="T99"/>
                    </a:cxn>
                    <a:cxn ang="0">
                      <a:pos x="T100" y="T101"/>
                    </a:cxn>
                    <a:cxn ang="0">
                      <a:pos x="T102" y="T103"/>
                    </a:cxn>
                    <a:cxn ang="0">
                      <a:pos x="T104" y="T105"/>
                    </a:cxn>
                    <a:cxn ang="0">
                      <a:pos x="T106" y="T107"/>
                    </a:cxn>
                    <a:cxn ang="0">
                      <a:pos x="T108" y="T109"/>
                    </a:cxn>
                  </a:cxnLst>
                  <a:rect l="0" t="0" r="r" b="b"/>
                  <a:pathLst>
                    <a:path w="153" h="80">
                      <a:moveTo>
                        <a:pt x="131" y="61"/>
                      </a:moveTo>
                      <a:lnTo>
                        <a:pt x="118" y="63"/>
                      </a:lnTo>
                      <a:lnTo>
                        <a:pt x="105" y="63"/>
                      </a:lnTo>
                      <a:lnTo>
                        <a:pt x="105" y="60"/>
                      </a:lnTo>
                      <a:lnTo>
                        <a:pt x="105" y="56"/>
                      </a:lnTo>
                      <a:lnTo>
                        <a:pt x="105" y="53"/>
                      </a:lnTo>
                      <a:lnTo>
                        <a:pt x="105" y="49"/>
                      </a:lnTo>
                      <a:lnTo>
                        <a:pt x="106" y="47"/>
                      </a:lnTo>
                      <a:lnTo>
                        <a:pt x="110" y="44"/>
                      </a:lnTo>
                      <a:lnTo>
                        <a:pt x="113" y="42"/>
                      </a:lnTo>
                      <a:lnTo>
                        <a:pt x="116" y="40"/>
                      </a:lnTo>
                      <a:lnTo>
                        <a:pt x="120" y="39"/>
                      </a:lnTo>
                      <a:lnTo>
                        <a:pt x="124" y="36"/>
                      </a:lnTo>
                      <a:lnTo>
                        <a:pt x="127" y="34"/>
                      </a:lnTo>
                      <a:lnTo>
                        <a:pt x="123" y="34"/>
                      </a:lnTo>
                      <a:lnTo>
                        <a:pt x="114" y="35"/>
                      </a:lnTo>
                      <a:lnTo>
                        <a:pt x="105" y="40"/>
                      </a:lnTo>
                      <a:lnTo>
                        <a:pt x="94" y="47"/>
                      </a:lnTo>
                      <a:lnTo>
                        <a:pt x="90" y="51"/>
                      </a:lnTo>
                      <a:lnTo>
                        <a:pt x="84" y="55"/>
                      </a:lnTo>
                      <a:lnTo>
                        <a:pt x="76" y="57"/>
                      </a:lnTo>
                      <a:lnTo>
                        <a:pt x="63" y="63"/>
                      </a:lnTo>
                      <a:lnTo>
                        <a:pt x="58" y="69"/>
                      </a:lnTo>
                      <a:lnTo>
                        <a:pt x="50" y="74"/>
                      </a:lnTo>
                      <a:lnTo>
                        <a:pt x="40" y="78"/>
                      </a:lnTo>
                      <a:lnTo>
                        <a:pt x="33" y="80"/>
                      </a:lnTo>
                      <a:lnTo>
                        <a:pt x="27" y="77"/>
                      </a:lnTo>
                      <a:lnTo>
                        <a:pt x="27" y="77"/>
                      </a:lnTo>
                      <a:lnTo>
                        <a:pt x="29" y="76"/>
                      </a:lnTo>
                      <a:lnTo>
                        <a:pt x="29" y="74"/>
                      </a:lnTo>
                      <a:lnTo>
                        <a:pt x="30" y="73"/>
                      </a:lnTo>
                      <a:lnTo>
                        <a:pt x="33" y="72"/>
                      </a:lnTo>
                      <a:lnTo>
                        <a:pt x="35" y="69"/>
                      </a:lnTo>
                      <a:lnTo>
                        <a:pt x="37" y="68"/>
                      </a:lnTo>
                      <a:lnTo>
                        <a:pt x="38" y="66"/>
                      </a:lnTo>
                      <a:lnTo>
                        <a:pt x="38" y="66"/>
                      </a:lnTo>
                      <a:lnTo>
                        <a:pt x="38" y="65"/>
                      </a:lnTo>
                      <a:lnTo>
                        <a:pt x="37" y="65"/>
                      </a:lnTo>
                      <a:lnTo>
                        <a:pt x="52" y="59"/>
                      </a:lnTo>
                      <a:lnTo>
                        <a:pt x="69" y="53"/>
                      </a:lnTo>
                      <a:lnTo>
                        <a:pt x="84" y="49"/>
                      </a:lnTo>
                      <a:lnTo>
                        <a:pt x="78" y="48"/>
                      </a:lnTo>
                      <a:lnTo>
                        <a:pt x="73" y="48"/>
                      </a:lnTo>
                      <a:lnTo>
                        <a:pt x="68" y="48"/>
                      </a:lnTo>
                      <a:lnTo>
                        <a:pt x="58" y="49"/>
                      </a:lnTo>
                      <a:lnTo>
                        <a:pt x="44" y="51"/>
                      </a:lnTo>
                      <a:lnTo>
                        <a:pt x="26" y="53"/>
                      </a:lnTo>
                      <a:lnTo>
                        <a:pt x="0" y="57"/>
                      </a:lnTo>
                      <a:lnTo>
                        <a:pt x="3" y="56"/>
                      </a:lnTo>
                      <a:lnTo>
                        <a:pt x="4" y="55"/>
                      </a:lnTo>
                      <a:lnTo>
                        <a:pt x="5" y="53"/>
                      </a:lnTo>
                      <a:lnTo>
                        <a:pt x="8" y="52"/>
                      </a:lnTo>
                      <a:lnTo>
                        <a:pt x="12" y="51"/>
                      </a:lnTo>
                      <a:lnTo>
                        <a:pt x="16" y="48"/>
                      </a:lnTo>
                      <a:lnTo>
                        <a:pt x="21" y="46"/>
                      </a:lnTo>
                      <a:lnTo>
                        <a:pt x="26" y="43"/>
                      </a:lnTo>
                      <a:lnTo>
                        <a:pt x="27" y="40"/>
                      </a:lnTo>
                      <a:lnTo>
                        <a:pt x="29" y="39"/>
                      </a:lnTo>
                      <a:lnTo>
                        <a:pt x="56" y="30"/>
                      </a:lnTo>
                      <a:lnTo>
                        <a:pt x="76" y="22"/>
                      </a:lnTo>
                      <a:lnTo>
                        <a:pt x="88" y="15"/>
                      </a:lnTo>
                      <a:lnTo>
                        <a:pt x="90" y="10"/>
                      </a:lnTo>
                      <a:lnTo>
                        <a:pt x="119" y="5"/>
                      </a:lnTo>
                      <a:lnTo>
                        <a:pt x="147" y="0"/>
                      </a:lnTo>
                      <a:lnTo>
                        <a:pt x="145" y="1"/>
                      </a:lnTo>
                      <a:lnTo>
                        <a:pt x="144" y="2"/>
                      </a:lnTo>
                      <a:lnTo>
                        <a:pt x="145" y="4"/>
                      </a:lnTo>
                      <a:lnTo>
                        <a:pt x="145" y="5"/>
                      </a:lnTo>
                      <a:lnTo>
                        <a:pt x="144" y="6"/>
                      </a:lnTo>
                      <a:lnTo>
                        <a:pt x="144" y="8"/>
                      </a:lnTo>
                      <a:lnTo>
                        <a:pt x="141" y="8"/>
                      </a:lnTo>
                      <a:lnTo>
                        <a:pt x="137" y="9"/>
                      </a:lnTo>
                      <a:lnTo>
                        <a:pt x="132" y="10"/>
                      </a:lnTo>
                      <a:lnTo>
                        <a:pt x="126" y="11"/>
                      </a:lnTo>
                      <a:lnTo>
                        <a:pt x="131" y="11"/>
                      </a:lnTo>
                      <a:lnTo>
                        <a:pt x="133" y="11"/>
                      </a:lnTo>
                      <a:lnTo>
                        <a:pt x="135" y="13"/>
                      </a:lnTo>
                      <a:lnTo>
                        <a:pt x="136" y="13"/>
                      </a:lnTo>
                      <a:lnTo>
                        <a:pt x="136" y="14"/>
                      </a:lnTo>
                      <a:lnTo>
                        <a:pt x="136" y="17"/>
                      </a:lnTo>
                      <a:lnTo>
                        <a:pt x="136" y="18"/>
                      </a:lnTo>
                      <a:lnTo>
                        <a:pt x="137" y="18"/>
                      </a:lnTo>
                      <a:lnTo>
                        <a:pt x="140" y="19"/>
                      </a:lnTo>
                      <a:lnTo>
                        <a:pt x="143" y="18"/>
                      </a:lnTo>
                      <a:lnTo>
                        <a:pt x="148" y="18"/>
                      </a:lnTo>
                      <a:lnTo>
                        <a:pt x="144" y="19"/>
                      </a:lnTo>
                      <a:lnTo>
                        <a:pt x="141" y="19"/>
                      </a:lnTo>
                      <a:lnTo>
                        <a:pt x="139" y="21"/>
                      </a:lnTo>
                      <a:lnTo>
                        <a:pt x="137" y="21"/>
                      </a:lnTo>
                      <a:lnTo>
                        <a:pt x="136" y="21"/>
                      </a:lnTo>
                      <a:lnTo>
                        <a:pt x="141" y="23"/>
                      </a:lnTo>
                      <a:lnTo>
                        <a:pt x="145" y="25"/>
                      </a:lnTo>
                      <a:lnTo>
                        <a:pt x="148" y="26"/>
                      </a:lnTo>
                      <a:lnTo>
                        <a:pt x="150" y="29"/>
                      </a:lnTo>
                      <a:lnTo>
                        <a:pt x="150" y="31"/>
                      </a:lnTo>
                      <a:lnTo>
                        <a:pt x="149" y="36"/>
                      </a:lnTo>
                      <a:lnTo>
                        <a:pt x="149" y="40"/>
                      </a:lnTo>
                      <a:lnTo>
                        <a:pt x="149" y="43"/>
                      </a:lnTo>
                      <a:lnTo>
                        <a:pt x="150" y="46"/>
                      </a:lnTo>
                      <a:lnTo>
                        <a:pt x="153" y="47"/>
                      </a:lnTo>
                      <a:lnTo>
                        <a:pt x="148" y="48"/>
                      </a:lnTo>
                      <a:lnTo>
                        <a:pt x="144" y="51"/>
                      </a:lnTo>
                      <a:lnTo>
                        <a:pt x="141" y="52"/>
                      </a:lnTo>
                      <a:lnTo>
                        <a:pt x="140" y="53"/>
                      </a:lnTo>
                      <a:lnTo>
                        <a:pt x="140" y="55"/>
                      </a:lnTo>
                      <a:lnTo>
                        <a:pt x="140" y="57"/>
                      </a:lnTo>
                      <a:lnTo>
                        <a:pt x="139" y="59"/>
                      </a:lnTo>
                      <a:lnTo>
                        <a:pt x="136" y="60"/>
                      </a:lnTo>
                      <a:lnTo>
                        <a:pt x="133" y="60"/>
                      </a:lnTo>
                      <a:lnTo>
                        <a:pt x="131" y="61"/>
                      </a:lnTo>
                      <a:close/>
                    </a:path>
                  </a:pathLst>
                </a:custGeom>
                <a:grpFill/>
                <a:ln w="0">
                  <a:solidFill>
                    <a:srgbClr val="FFFFFF"/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265" name="Freeform 91"/>
                <p:cNvSpPr>
                  <a:spLocks/>
                </p:cNvSpPr>
                <p:nvPr/>
              </p:nvSpPr>
              <p:spPr bwMode="auto">
                <a:xfrm>
                  <a:off x="3861458" y="1286282"/>
                  <a:ext cx="14416" cy="7208"/>
                </a:xfrm>
                <a:custGeom>
                  <a:avLst/>
                  <a:gdLst>
                    <a:gd name="T0" fmla="*/ 10 w 12"/>
                    <a:gd name="T1" fmla="*/ 4 h 6"/>
                    <a:gd name="T2" fmla="*/ 7 w 12"/>
                    <a:gd name="T3" fmla="*/ 5 h 6"/>
                    <a:gd name="T4" fmla="*/ 4 w 12"/>
                    <a:gd name="T5" fmla="*/ 5 h 6"/>
                    <a:gd name="T6" fmla="*/ 3 w 12"/>
                    <a:gd name="T7" fmla="*/ 6 h 6"/>
                    <a:gd name="T8" fmla="*/ 2 w 12"/>
                    <a:gd name="T9" fmla="*/ 6 h 6"/>
                    <a:gd name="T10" fmla="*/ 0 w 12"/>
                    <a:gd name="T11" fmla="*/ 5 h 6"/>
                    <a:gd name="T12" fmla="*/ 2 w 12"/>
                    <a:gd name="T13" fmla="*/ 5 h 6"/>
                    <a:gd name="T14" fmla="*/ 3 w 12"/>
                    <a:gd name="T15" fmla="*/ 4 h 6"/>
                    <a:gd name="T16" fmla="*/ 6 w 12"/>
                    <a:gd name="T17" fmla="*/ 2 h 6"/>
                    <a:gd name="T18" fmla="*/ 8 w 12"/>
                    <a:gd name="T19" fmla="*/ 1 h 6"/>
                    <a:gd name="T20" fmla="*/ 11 w 12"/>
                    <a:gd name="T21" fmla="*/ 0 h 6"/>
                    <a:gd name="T22" fmla="*/ 11 w 12"/>
                    <a:gd name="T23" fmla="*/ 0 h 6"/>
                    <a:gd name="T24" fmla="*/ 12 w 12"/>
                    <a:gd name="T25" fmla="*/ 0 h 6"/>
                    <a:gd name="T26" fmla="*/ 12 w 12"/>
                    <a:gd name="T27" fmla="*/ 0 h 6"/>
                    <a:gd name="T28" fmla="*/ 12 w 12"/>
                    <a:gd name="T29" fmla="*/ 0 h 6"/>
                    <a:gd name="T30" fmla="*/ 12 w 12"/>
                    <a:gd name="T31" fmla="*/ 1 h 6"/>
                    <a:gd name="T32" fmla="*/ 11 w 12"/>
                    <a:gd name="T33" fmla="*/ 2 h 6"/>
                    <a:gd name="T34" fmla="*/ 10 w 12"/>
                    <a:gd name="T35" fmla="*/ 2 h 6"/>
                    <a:gd name="T36" fmla="*/ 10 w 12"/>
                    <a:gd name="T37" fmla="*/ 4 h 6"/>
                    <a:gd name="T38" fmla="*/ 10 w 12"/>
                    <a:gd name="T39" fmla="*/ 4 h 6"/>
                    <a:gd name="T40" fmla="*/ 10 w 12"/>
                    <a:gd name="T41" fmla="*/ 4 h 6"/>
                    <a:gd name="T42" fmla="*/ 10 w 12"/>
                    <a:gd name="T43" fmla="*/ 4 h 6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</a:cxnLst>
                  <a:rect l="0" t="0" r="r" b="b"/>
                  <a:pathLst>
                    <a:path w="12" h="6">
                      <a:moveTo>
                        <a:pt x="10" y="4"/>
                      </a:moveTo>
                      <a:lnTo>
                        <a:pt x="7" y="5"/>
                      </a:lnTo>
                      <a:lnTo>
                        <a:pt x="4" y="5"/>
                      </a:lnTo>
                      <a:lnTo>
                        <a:pt x="3" y="6"/>
                      </a:lnTo>
                      <a:lnTo>
                        <a:pt x="2" y="6"/>
                      </a:lnTo>
                      <a:lnTo>
                        <a:pt x="0" y="5"/>
                      </a:lnTo>
                      <a:lnTo>
                        <a:pt x="2" y="5"/>
                      </a:lnTo>
                      <a:lnTo>
                        <a:pt x="3" y="4"/>
                      </a:lnTo>
                      <a:lnTo>
                        <a:pt x="6" y="2"/>
                      </a:lnTo>
                      <a:lnTo>
                        <a:pt x="8" y="1"/>
                      </a:lnTo>
                      <a:lnTo>
                        <a:pt x="11" y="0"/>
                      </a:lnTo>
                      <a:lnTo>
                        <a:pt x="11" y="0"/>
                      </a:lnTo>
                      <a:lnTo>
                        <a:pt x="12" y="0"/>
                      </a:lnTo>
                      <a:lnTo>
                        <a:pt x="12" y="0"/>
                      </a:lnTo>
                      <a:lnTo>
                        <a:pt x="12" y="0"/>
                      </a:lnTo>
                      <a:lnTo>
                        <a:pt x="12" y="1"/>
                      </a:lnTo>
                      <a:lnTo>
                        <a:pt x="11" y="2"/>
                      </a:lnTo>
                      <a:lnTo>
                        <a:pt x="10" y="2"/>
                      </a:lnTo>
                      <a:lnTo>
                        <a:pt x="10" y="4"/>
                      </a:lnTo>
                      <a:lnTo>
                        <a:pt x="10" y="4"/>
                      </a:lnTo>
                      <a:lnTo>
                        <a:pt x="10" y="4"/>
                      </a:lnTo>
                      <a:lnTo>
                        <a:pt x="10" y="4"/>
                      </a:lnTo>
                      <a:close/>
                    </a:path>
                  </a:pathLst>
                </a:custGeom>
                <a:grpFill/>
                <a:ln w="0">
                  <a:solidFill>
                    <a:srgbClr val="FFFFFF"/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266" name="Freeform 93"/>
                <p:cNvSpPr>
                  <a:spLocks/>
                </p:cNvSpPr>
                <p:nvPr/>
              </p:nvSpPr>
              <p:spPr bwMode="auto">
                <a:xfrm>
                  <a:off x="4160580" y="1449658"/>
                  <a:ext cx="84090" cy="48052"/>
                </a:xfrm>
                <a:custGeom>
                  <a:avLst/>
                  <a:gdLst>
                    <a:gd name="T0" fmla="*/ 67 w 70"/>
                    <a:gd name="T1" fmla="*/ 27 h 40"/>
                    <a:gd name="T2" fmla="*/ 55 w 70"/>
                    <a:gd name="T3" fmla="*/ 34 h 40"/>
                    <a:gd name="T4" fmla="*/ 41 w 70"/>
                    <a:gd name="T5" fmla="*/ 37 h 40"/>
                    <a:gd name="T6" fmla="*/ 28 w 70"/>
                    <a:gd name="T7" fmla="*/ 37 h 40"/>
                    <a:gd name="T8" fmla="*/ 13 w 70"/>
                    <a:gd name="T9" fmla="*/ 37 h 40"/>
                    <a:gd name="T10" fmla="*/ 0 w 70"/>
                    <a:gd name="T11" fmla="*/ 40 h 40"/>
                    <a:gd name="T12" fmla="*/ 15 w 70"/>
                    <a:gd name="T13" fmla="*/ 23 h 40"/>
                    <a:gd name="T14" fmla="*/ 28 w 70"/>
                    <a:gd name="T15" fmla="*/ 12 h 40"/>
                    <a:gd name="T16" fmla="*/ 38 w 70"/>
                    <a:gd name="T17" fmla="*/ 4 h 40"/>
                    <a:gd name="T18" fmla="*/ 47 w 70"/>
                    <a:gd name="T19" fmla="*/ 1 h 40"/>
                    <a:gd name="T20" fmla="*/ 54 w 70"/>
                    <a:gd name="T21" fmla="*/ 0 h 40"/>
                    <a:gd name="T22" fmla="*/ 63 w 70"/>
                    <a:gd name="T23" fmla="*/ 4 h 40"/>
                    <a:gd name="T24" fmla="*/ 67 w 70"/>
                    <a:gd name="T25" fmla="*/ 12 h 40"/>
                    <a:gd name="T26" fmla="*/ 70 w 70"/>
                    <a:gd name="T27" fmla="*/ 26 h 40"/>
                    <a:gd name="T28" fmla="*/ 67 w 70"/>
                    <a:gd name="T29" fmla="*/ 27 h 40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</a:cxnLst>
                  <a:rect l="0" t="0" r="r" b="b"/>
                  <a:pathLst>
                    <a:path w="70" h="40">
                      <a:moveTo>
                        <a:pt x="67" y="27"/>
                      </a:moveTo>
                      <a:lnTo>
                        <a:pt x="55" y="34"/>
                      </a:lnTo>
                      <a:lnTo>
                        <a:pt x="41" y="37"/>
                      </a:lnTo>
                      <a:lnTo>
                        <a:pt x="28" y="37"/>
                      </a:lnTo>
                      <a:lnTo>
                        <a:pt x="13" y="37"/>
                      </a:lnTo>
                      <a:lnTo>
                        <a:pt x="0" y="40"/>
                      </a:lnTo>
                      <a:lnTo>
                        <a:pt x="15" y="23"/>
                      </a:lnTo>
                      <a:lnTo>
                        <a:pt x="28" y="12"/>
                      </a:lnTo>
                      <a:lnTo>
                        <a:pt x="38" y="4"/>
                      </a:lnTo>
                      <a:lnTo>
                        <a:pt x="47" y="1"/>
                      </a:lnTo>
                      <a:lnTo>
                        <a:pt x="54" y="0"/>
                      </a:lnTo>
                      <a:lnTo>
                        <a:pt x="63" y="4"/>
                      </a:lnTo>
                      <a:lnTo>
                        <a:pt x="67" y="12"/>
                      </a:lnTo>
                      <a:lnTo>
                        <a:pt x="70" y="26"/>
                      </a:lnTo>
                      <a:lnTo>
                        <a:pt x="67" y="27"/>
                      </a:lnTo>
                      <a:close/>
                    </a:path>
                  </a:pathLst>
                </a:custGeom>
                <a:grpFill/>
                <a:ln w="0">
                  <a:solidFill>
                    <a:srgbClr val="FFFFFF"/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267" name="Freeform 100"/>
                <p:cNvSpPr>
                  <a:spLocks/>
                </p:cNvSpPr>
                <p:nvPr/>
              </p:nvSpPr>
              <p:spPr bwMode="auto">
                <a:xfrm>
                  <a:off x="3457824" y="1424430"/>
                  <a:ext cx="366394" cy="146558"/>
                </a:xfrm>
                <a:custGeom>
                  <a:avLst/>
                  <a:gdLst>
                    <a:gd name="T0" fmla="*/ 292 w 305"/>
                    <a:gd name="T1" fmla="*/ 23 h 122"/>
                    <a:gd name="T2" fmla="*/ 284 w 305"/>
                    <a:gd name="T3" fmla="*/ 27 h 122"/>
                    <a:gd name="T4" fmla="*/ 278 w 305"/>
                    <a:gd name="T5" fmla="*/ 29 h 122"/>
                    <a:gd name="T6" fmla="*/ 271 w 305"/>
                    <a:gd name="T7" fmla="*/ 30 h 122"/>
                    <a:gd name="T8" fmla="*/ 262 w 305"/>
                    <a:gd name="T9" fmla="*/ 29 h 122"/>
                    <a:gd name="T10" fmla="*/ 177 w 305"/>
                    <a:gd name="T11" fmla="*/ 33 h 122"/>
                    <a:gd name="T12" fmla="*/ 140 w 305"/>
                    <a:gd name="T13" fmla="*/ 42 h 122"/>
                    <a:gd name="T14" fmla="*/ 110 w 305"/>
                    <a:gd name="T15" fmla="*/ 51 h 122"/>
                    <a:gd name="T16" fmla="*/ 86 w 305"/>
                    <a:gd name="T17" fmla="*/ 60 h 122"/>
                    <a:gd name="T18" fmla="*/ 69 w 305"/>
                    <a:gd name="T19" fmla="*/ 69 h 122"/>
                    <a:gd name="T20" fmla="*/ 58 w 305"/>
                    <a:gd name="T21" fmla="*/ 77 h 122"/>
                    <a:gd name="T22" fmla="*/ 48 w 305"/>
                    <a:gd name="T23" fmla="*/ 85 h 122"/>
                    <a:gd name="T24" fmla="*/ 43 w 305"/>
                    <a:gd name="T25" fmla="*/ 92 h 122"/>
                    <a:gd name="T26" fmla="*/ 41 w 305"/>
                    <a:gd name="T27" fmla="*/ 97 h 122"/>
                    <a:gd name="T28" fmla="*/ 31 w 305"/>
                    <a:gd name="T29" fmla="*/ 109 h 122"/>
                    <a:gd name="T30" fmla="*/ 25 w 305"/>
                    <a:gd name="T31" fmla="*/ 116 h 122"/>
                    <a:gd name="T32" fmla="*/ 21 w 305"/>
                    <a:gd name="T33" fmla="*/ 120 h 122"/>
                    <a:gd name="T34" fmla="*/ 20 w 305"/>
                    <a:gd name="T35" fmla="*/ 122 h 122"/>
                    <a:gd name="T36" fmla="*/ 16 w 305"/>
                    <a:gd name="T37" fmla="*/ 122 h 122"/>
                    <a:gd name="T38" fmla="*/ 13 w 305"/>
                    <a:gd name="T39" fmla="*/ 122 h 122"/>
                    <a:gd name="T40" fmla="*/ 10 w 305"/>
                    <a:gd name="T41" fmla="*/ 119 h 122"/>
                    <a:gd name="T42" fmla="*/ 8 w 305"/>
                    <a:gd name="T43" fmla="*/ 118 h 122"/>
                    <a:gd name="T44" fmla="*/ 5 w 305"/>
                    <a:gd name="T45" fmla="*/ 115 h 122"/>
                    <a:gd name="T46" fmla="*/ 3 w 305"/>
                    <a:gd name="T47" fmla="*/ 112 h 122"/>
                    <a:gd name="T48" fmla="*/ 0 w 305"/>
                    <a:gd name="T49" fmla="*/ 111 h 122"/>
                    <a:gd name="T50" fmla="*/ 6 w 305"/>
                    <a:gd name="T51" fmla="*/ 97 h 122"/>
                    <a:gd name="T52" fmla="*/ 12 w 305"/>
                    <a:gd name="T53" fmla="*/ 82 h 122"/>
                    <a:gd name="T54" fmla="*/ 20 w 305"/>
                    <a:gd name="T55" fmla="*/ 69 h 122"/>
                    <a:gd name="T56" fmla="*/ 25 w 305"/>
                    <a:gd name="T57" fmla="*/ 64 h 122"/>
                    <a:gd name="T58" fmla="*/ 31 w 305"/>
                    <a:gd name="T59" fmla="*/ 58 h 122"/>
                    <a:gd name="T60" fmla="*/ 39 w 305"/>
                    <a:gd name="T61" fmla="*/ 55 h 122"/>
                    <a:gd name="T62" fmla="*/ 44 w 305"/>
                    <a:gd name="T63" fmla="*/ 55 h 122"/>
                    <a:gd name="T64" fmla="*/ 86 w 305"/>
                    <a:gd name="T65" fmla="*/ 39 h 122"/>
                    <a:gd name="T66" fmla="*/ 123 w 305"/>
                    <a:gd name="T67" fmla="*/ 25 h 122"/>
                    <a:gd name="T68" fmla="*/ 154 w 305"/>
                    <a:gd name="T69" fmla="*/ 13 h 122"/>
                    <a:gd name="T70" fmla="*/ 182 w 305"/>
                    <a:gd name="T71" fmla="*/ 5 h 122"/>
                    <a:gd name="T72" fmla="*/ 204 w 305"/>
                    <a:gd name="T73" fmla="*/ 1 h 122"/>
                    <a:gd name="T74" fmla="*/ 221 w 305"/>
                    <a:gd name="T75" fmla="*/ 0 h 122"/>
                    <a:gd name="T76" fmla="*/ 236 w 305"/>
                    <a:gd name="T77" fmla="*/ 3 h 122"/>
                    <a:gd name="T78" fmla="*/ 245 w 305"/>
                    <a:gd name="T79" fmla="*/ 10 h 122"/>
                    <a:gd name="T80" fmla="*/ 249 w 305"/>
                    <a:gd name="T81" fmla="*/ 9 h 122"/>
                    <a:gd name="T82" fmla="*/ 251 w 305"/>
                    <a:gd name="T83" fmla="*/ 8 h 122"/>
                    <a:gd name="T84" fmla="*/ 254 w 305"/>
                    <a:gd name="T85" fmla="*/ 6 h 122"/>
                    <a:gd name="T86" fmla="*/ 258 w 305"/>
                    <a:gd name="T87" fmla="*/ 5 h 122"/>
                    <a:gd name="T88" fmla="*/ 261 w 305"/>
                    <a:gd name="T89" fmla="*/ 8 h 122"/>
                    <a:gd name="T90" fmla="*/ 264 w 305"/>
                    <a:gd name="T91" fmla="*/ 10 h 122"/>
                    <a:gd name="T92" fmla="*/ 271 w 305"/>
                    <a:gd name="T93" fmla="*/ 9 h 122"/>
                    <a:gd name="T94" fmla="*/ 283 w 305"/>
                    <a:gd name="T95" fmla="*/ 8 h 122"/>
                    <a:gd name="T96" fmla="*/ 292 w 305"/>
                    <a:gd name="T97" fmla="*/ 5 h 122"/>
                    <a:gd name="T98" fmla="*/ 298 w 305"/>
                    <a:gd name="T99" fmla="*/ 4 h 122"/>
                    <a:gd name="T100" fmla="*/ 304 w 305"/>
                    <a:gd name="T101" fmla="*/ 5 h 122"/>
                    <a:gd name="T102" fmla="*/ 305 w 305"/>
                    <a:gd name="T103" fmla="*/ 8 h 122"/>
                    <a:gd name="T104" fmla="*/ 305 w 305"/>
                    <a:gd name="T105" fmla="*/ 10 h 122"/>
                    <a:gd name="T106" fmla="*/ 304 w 305"/>
                    <a:gd name="T107" fmla="*/ 13 h 122"/>
                    <a:gd name="T108" fmla="*/ 302 w 305"/>
                    <a:gd name="T109" fmla="*/ 16 h 122"/>
                    <a:gd name="T110" fmla="*/ 298 w 305"/>
                    <a:gd name="T111" fmla="*/ 18 h 122"/>
                    <a:gd name="T112" fmla="*/ 296 w 305"/>
                    <a:gd name="T113" fmla="*/ 20 h 122"/>
                    <a:gd name="T114" fmla="*/ 295 w 305"/>
                    <a:gd name="T115" fmla="*/ 21 h 122"/>
                    <a:gd name="T116" fmla="*/ 292 w 305"/>
                    <a:gd name="T117" fmla="*/ 22 h 122"/>
                    <a:gd name="T118" fmla="*/ 292 w 305"/>
                    <a:gd name="T119" fmla="*/ 23 h 122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  <a:cxn ang="0">
                      <a:pos x="T86" y="T87"/>
                    </a:cxn>
                    <a:cxn ang="0">
                      <a:pos x="T88" y="T89"/>
                    </a:cxn>
                    <a:cxn ang="0">
                      <a:pos x="T90" y="T91"/>
                    </a:cxn>
                    <a:cxn ang="0">
                      <a:pos x="T92" y="T93"/>
                    </a:cxn>
                    <a:cxn ang="0">
                      <a:pos x="T94" y="T95"/>
                    </a:cxn>
                    <a:cxn ang="0">
                      <a:pos x="T96" y="T97"/>
                    </a:cxn>
                    <a:cxn ang="0">
                      <a:pos x="T98" y="T99"/>
                    </a:cxn>
                    <a:cxn ang="0">
                      <a:pos x="T100" y="T101"/>
                    </a:cxn>
                    <a:cxn ang="0">
                      <a:pos x="T102" y="T103"/>
                    </a:cxn>
                    <a:cxn ang="0">
                      <a:pos x="T104" y="T105"/>
                    </a:cxn>
                    <a:cxn ang="0">
                      <a:pos x="T106" y="T107"/>
                    </a:cxn>
                    <a:cxn ang="0">
                      <a:pos x="T108" y="T109"/>
                    </a:cxn>
                    <a:cxn ang="0">
                      <a:pos x="T110" y="T111"/>
                    </a:cxn>
                    <a:cxn ang="0">
                      <a:pos x="T112" y="T113"/>
                    </a:cxn>
                    <a:cxn ang="0">
                      <a:pos x="T114" y="T115"/>
                    </a:cxn>
                    <a:cxn ang="0">
                      <a:pos x="T116" y="T117"/>
                    </a:cxn>
                    <a:cxn ang="0">
                      <a:pos x="T118" y="T119"/>
                    </a:cxn>
                  </a:cxnLst>
                  <a:rect l="0" t="0" r="r" b="b"/>
                  <a:pathLst>
                    <a:path w="305" h="122">
                      <a:moveTo>
                        <a:pt x="292" y="23"/>
                      </a:moveTo>
                      <a:lnTo>
                        <a:pt x="284" y="27"/>
                      </a:lnTo>
                      <a:lnTo>
                        <a:pt x="278" y="29"/>
                      </a:lnTo>
                      <a:lnTo>
                        <a:pt x="271" y="30"/>
                      </a:lnTo>
                      <a:lnTo>
                        <a:pt x="262" y="29"/>
                      </a:lnTo>
                      <a:lnTo>
                        <a:pt x="177" y="33"/>
                      </a:lnTo>
                      <a:lnTo>
                        <a:pt x="140" y="42"/>
                      </a:lnTo>
                      <a:lnTo>
                        <a:pt x="110" y="51"/>
                      </a:lnTo>
                      <a:lnTo>
                        <a:pt x="86" y="60"/>
                      </a:lnTo>
                      <a:lnTo>
                        <a:pt x="69" y="69"/>
                      </a:lnTo>
                      <a:lnTo>
                        <a:pt x="58" y="77"/>
                      </a:lnTo>
                      <a:lnTo>
                        <a:pt x="48" y="85"/>
                      </a:lnTo>
                      <a:lnTo>
                        <a:pt x="43" y="92"/>
                      </a:lnTo>
                      <a:lnTo>
                        <a:pt x="41" y="97"/>
                      </a:lnTo>
                      <a:lnTo>
                        <a:pt x="31" y="109"/>
                      </a:lnTo>
                      <a:lnTo>
                        <a:pt x="25" y="116"/>
                      </a:lnTo>
                      <a:lnTo>
                        <a:pt x="21" y="120"/>
                      </a:lnTo>
                      <a:lnTo>
                        <a:pt x="20" y="122"/>
                      </a:lnTo>
                      <a:lnTo>
                        <a:pt x="16" y="122"/>
                      </a:lnTo>
                      <a:lnTo>
                        <a:pt x="13" y="122"/>
                      </a:lnTo>
                      <a:lnTo>
                        <a:pt x="10" y="119"/>
                      </a:lnTo>
                      <a:lnTo>
                        <a:pt x="8" y="118"/>
                      </a:lnTo>
                      <a:lnTo>
                        <a:pt x="5" y="115"/>
                      </a:lnTo>
                      <a:lnTo>
                        <a:pt x="3" y="112"/>
                      </a:lnTo>
                      <a:lnTo>
                        <a:pt x="0" y="111"/>
                      </a:lnTo>
                      <a:lnTo>
                        <a:pt x="6" y="97"/>
                      </a:lnTo>
                      <a:lnTo>
                        <a:pt x="12" y="82"/>
                      </a:lnTo>
                      <a:lnTo>
                        <a:pt x="20" y="69"/>
                      </a:lnTo>
                      <a:lnTo>
                        <a:pt x="25" y="64"/>
                      </a:lnTo>
                      <a:lnTo>
                        <a:pt x="31" y="58"/>
                      </a:lnTo>
                      <a:lnTo>
                        <a:pt x="39" y="55"/>
                      </a:lnTo>
                      <a:lnTo>
                        <a:pt x="44" y="55"/>
                      </a:lnTo>
                      <a:lnTo>
                        <a:pt x="86" y="39"/>
                      </a:lnTo>
                      <a:lnTo>
                        <a:pt x="123" y="25"/>
                      </a:lnTo>
                      <a:lnTo>
                        <a:pt x="154" y="13"/>
                      </a:lnTo>
                      <a:lnTo>
                        <a:pt x="182" y="5"/>
                      </a:lnTo>
                      <a:lnTo>
                        <a:pt x="204" y="1"/>
                      </a:lnTo>
                      <a:lnTo>
                        <a:pt x="221" y="0"/>
                      </a:lnTo>
                      <a:lnTo>
                        <a:pt x="236" y="3"/>
                      </a:lnTo>
                      <a:lnTo>
                        <a:pt x="245" y="10"/>
                      </a:lnTo>
                      <a:lnTo>
                        <a:pt x="249" y="9"/>
                      </a:lnTo>
                      <a:lnTo>
                        <a:pt x="251" y="8"/>
                      </a:lnTo>
                      <a:lnTo>
                        <a:pt x="254" y="6"/>
                      </a:lnTo>
                      <a:lnTo>
                        <a:pt x="258" y="5"/>
                      </a:lnTo>
                      <a:lnTo>
                        <a:pt x="261" y="8"/>
                      </a:lnTo>
                      <a:lnTo>
                        <a:pt x="264" y="10"/>
                      </a:lnTo>
                      <a:lnTo>
                        <a:pt x="271" y="9"/>
                      </a:lnTo>
                      <a:lnTo>
                        <a:pt x="283" y="8"/>
                      </a:lnTo>
                      <a:lnTo>
                        <a:pt x="292" y="5"/>
                      </a:lnTo>
                      <a:lnTo>
                        <a:pt x="298" y="4"/>
                      </a:lnTo>
                      <a:lnTo>
                        <a:pt x="304" y="5"/>
                      </a:lnTo>
                      <a:lnTo>
                        <a:pt x="305" y="8"/>
                      </a:lnTo>
                      <a:lnTo>
                        <a:pt x="305" y="10"/>
                      </a:lnTo>
                      <a:lnTo>
                        <a:pt x="304" y="13"/>
                      </a:lnTo>
                      <a:lnTo>
                        <a:pt x="302" y="16"/>
                      </a:lnTo>
                      <a:lnTo>
                        <a:pt x="298" y="18"/>
                      </a:lnTo>
                      <a:lnTo>
                        <a:pt x="296" y="20"/>
                      </a:lnTo>
                      <a:lnTo>
                        <a:pt x="295" y="21"/>
                      </a:lnTo>
                      <a:lnTo>
                        <a:pt x="292" y="22"/>
                      </a:lnTo>
                      <a:lnTo>
                        <a:pt x="292" y="23"/>
                      </a:lnTo>
                      <a:close/>
                    </a:path>
                  </a:pathLst>
                </a:custGeom>
                <a:grpFill/>
                <a:ln w="0">
                  <a:solidFill>
                    <a:srgbClr val="FFFFFF"/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268" name="Freeform 102"/>
                <p:cNvSpPr>
                  <a:spLocks/>
                </p:cNvSpPr>
                <p:nvPr/>
              </p:nvSpPr>
              <p:spPr bwMode="auto">
                <a:xfrm>
                  <a:off x="4656714" y="1545761"/>
                  <a:ext cx="111720" cy="57662"/>
                </a:xfrm>
                <a:custGeom>
                  <a:avLst/>
                  <a:gdLst>
                    <a:gd name="T0" fmla="*/ 90 w 93"/>
                    <a:gd name="T1" fmla="*/ 19 h 48"/>
                    <a:gd name="T2" fmla="*/ 91 w 93"/>
                    <a:gd name="T3" fmla="*/ 23 h 48"/>
                    <a:gd name="T4" fmla="*/ 93 w 93"/>
                    <a:gd name="T5" fmla="*/ 26 h 48"/>
                    <a:gd name="T6" fmla="*/ 91 w 93"/>
                    <a:gd name="T7" fmla="*/ 27 h 48"/>
                    <a:gd name="T8" fmla="*/ 90 w 93"/>
                    <a:gd name="T9" fmla="*/ 29 h 48"/>
                    <a:gd name="T10" fmla="*/ 86 w 93"/>
                    <a:gd name="T11" fmla="*/ 31 h 48"/>
                    <a:gd name="T12" fmla="*/ 82 w 93"/>
                    <a:gd name="T13" fmla="*/ 32 h 48"/>
                    <a:gd name="T14" fmla="*/ 78 w 93"/>
                    <a:gd name="T15" fmla="*/ 34 h 48"/>
                    <a:gd name="T16" fmla="*/ 74 w 93"/>
                    <a:gd name="T17" fmla="*/ 36 h 48"/>
                    <a:gd name="T18" fmla="*/ 73 w 93"/>
                    <a:gd name="T19" fmla="*/ 38 h 48"/>
                    <a:gd name="T20" fmla="*/ 73 w 93"/>
                    <a:gd name="T21" fmla="*/ 39 h 48"/>
                    <a:gd name="T22" fmla="*/ 72 w 93"/>
                    <a:gd name="T23" fmla="*/ 40 h 48"/>
                    <a:gd name="T24" fmla="*/ 72 w 93"/>
                    <a:gd name="T25" fmla="*/ 42 h 48"/>
                    <a:gd name="T26" fmla="*/ 70 w 93"/>
                    <a:gd name="T27" fmla="*/ 43 h 48"/>
                    <a:gd name="T28" fmla="*/ 68 w 93"/>
                    <a:gd name="T29" fmla="*/ 43 h 48"/>
                    <a:gd name="T30" fmla="*/ 66 w 93"/>
                    <a:gd name="T31" fmla="*/ 42 h 48"/>
                    <a:gd name="T32" fmla="*/ 65 w 93"/>
                    <a:gd name="T33" fmla="*/ 40 h 48"/>
                    <a:gd name="T34" fmla="*/ 64 w 93"/>
                    <a:gd name="T35" fmla="*/ 38 h 48"/>
                    <a:gd name="T36" fmla="*/ 64 w 93"/>
                    <a:gd name="T37" fmla="*/ 36 h 48"/>
                    <a:gd name="T38" fmla="*/ 63 w 93"/>
                    <a:gd name="T39" fmla="*/ 35 h 48"/>
                    <a:gd name="T40" fmla="*/ 61 w 93"/>
                    <a:gd name="T41" fmla="*/ 35 h 48"/>
                    <a:gd name="T42" fmla="*/ 61 w 93"/>
                    <a:gd name="T43" fmla="*/ 35 h 48"/>
                    <a:gd name="T44" fmla="*/ 60 w 93"/>
                    <a:gd name="T45" fmla="*/ 35 h 48"/>
                    <a:gd name="T46" fmla="*/ 59 w 93"/>
                    <a:gd name="T47" fmla="*/ 38 h 48"/>
                    <a:gd name="T48" fmla="*/ 56 w 93"/>
                    <a:gd name="T49" fmla="*/ 40 h 48"/>
                    <a:gd name="T50" fmla="*/ 51 w 93"/>
                    <a:gd name="T51" fmla="*/ 44 h 48"/>
                    <a:gd name="T52" fmla="*/ 42 w 93"/>
                    <a:gd name="T53" fmla="*/ 47 h 48"/>
                    <a:gd name="T54" fmla="*/ 30 w 93"/>
                    <a:gd name="T55" fmla="*/ 48 h 48"/>
                    <a:gd name="T56" fmla="*/ 18 w 93"/>
                    <a:gd name="T57" fmla="*/ 48 h 48"/>
                    <a:gd name="T58" fmla="*/ 9 w 93"/>
                    <a:gd name="T59" fmla="*/ 46 h 48"/>
                    <a:gd name="T60" fmla="*/ 4 w 93"/>
                    <a:gd name="T61" fmla="*/ 43 h 48"/>
                    <a:gd name="T62" fmla="*/ 0 w 93"/>
                    <a:gd name="T63" fmla="*/ 29 h 48"/>
                    <a:gd name="T64" fmla="*/ 0 w 93"/>
                    <a:gd name="T65" fmla="*/ 18 h 48"/>
                    <a:gd name="T66" fmla="*/ 1 w 93"/>
                    <a:gd name="T67" fmla="*/ 10 h 48"/>
                    <a:gd name="T68" fmla="*/ 5 w 93"/>
                    <a:gd name="T69" fmla="*/ 8 h 48"/>
                    <a:gd name="T70" fmla="*/ 10 w 93"/>
                    <a:gd name="T71" fmla="*/ 6 h 48"/>
                    <a:gd name="T72" fmla="*/ 17 w 93"/>
                    <a:gd name="T73" fmla="*/ 6 h 48"/>
                    <a:gd name="T74" fmla="*/ 22 w 93"/>
                    <a:gd name="T75" fmla="*/ 8 h 48"/>
                    <a:gd name="T76" fmla="*/ 26 w 93"/>
                    <a:gd name="T77" fmla="*/ 9 h 48"/>
                    <a:gd name="T78" fmla="*/ 29 w 93"/>
                    <a:gd name="T79" fmla="*/ 10 h 48"/>
                    <a:gd name="T80" fmla="*/ 32 w 93"/>
                    <a:gd name="T81" fmla="*/ 13 h 48"/>
                    <a:gd name="T82" fmla="*/ 36 w 93"/>
                    <a:gd name="T83" fmla="*/ 15 h 48"/>
                    <a:gd name="T84" fmla="*/ 39 w 93"/>
                    <a:gd name="T85" fmla="*/ 17 h 48"/>
                    <a:gd name="T86" fmla="*/ 40 w 93"/>
                    <a:gd name="T87" fmla="*/ 13 h 48"/>
                    <a:gd name="T88" fmla="*/ 40 w 93"/>
                    <a:gd name="T89" fmla="*/ 9 h 48"/>
                    <a:gd name="T90" fmla="*/ 40 w 93"/>
                    <a:gd name="T91" fmla="*/ 4 h 48"/>
                    <a:gd name="T92" fmla="*/ 40 w 93"/>
                    <a:gd name="T93" fmla="*/ 0 h 48"/>
                    <a:gd name="T94" fmla="*/ 47 w 93"/>
                    <a:gd name="T95" fmla="*/ 6 h 48"/>
                    <a:gd name="T96" fmla="*/ 56 w 93"/>
                    <a:gd name="T97" fmla="*/ 8 h 48"/>
                    <a:gd name="T98" fmla="*/ 66 w 93"/>
                    <a:gd name="T99" fmla="*/ 6 h 48"/>
                    <a:gd name="T100" fmla="*/ 77 w 93"/>
                    <a:gd name="T101" fmla="*/ 5 h 48"/>
                    <a:gd name="T102" fmla="*/ 82 w 93"/>
                    <a:gd name="T103" fmla="*/ 6 h 48"/>
                    <a:gd name="T104" fmla="*/ 86 w 93"/>
                    <a:gd name="T105" fmla="*/ 11 h 48"/>
                    <a:gd name="T106" fmla="*/ 90 w 93"/>
                    <a:gd name="T107" fmla="*/ 19 h 48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  <a:cxn ang="0">
                      <a:pos x="T86" y="T87"/>
                    </a:cxn>
                    <a:cxn ang="0">
                      <a:pos x="T88" y="T89"/>
                    </a:cxn>
                    <a:cxn ang="0">
                      <a:pos x="T90" y="T91"/>
                    </a:cxn>
                    <a:cxn ang="0">
                      <a:pos x="T92" y="T93"/>
                    </a:cxn>
                    <a:cxn ang="0">
                      <a:pos x="T94" y="T95"/>
                    </a:cxn>
                    <a:cxn ang="0">
                      <a:pos x="T96" y="T97"/>
                    </a:cxn>
                    <a:cxn ang="0">
                      <a:pos x="T98" y="T99"/>
                    </a:cxn>
                    <a:cxn ang="0">
                      <a:pos x="T100" y="T101"/>
                    </a:cxn>
                    <a:cxn ang="0">
                      <a:pos x="T102" y="T103"/>
                    </a:cxn>
                    <a:cxn ang="0">
                      <a:pos x="T104" y="T105"/>
                    </a:cxn>
                    <a:cxn ang="0">
                      <a:pos x="T106" y="T107"/>
                    </a:cxn>
                  </a:cxnLst>
                  <a:rect l="0" t="0" r="r" b="b"/>
                  <a:pathLst>
                    <a:path w="93" h="48">
                      <a:moveTo>
                        <a:pt x="90" y="19"/>
                      </a:moveTo>
                      <a:lnTo>
                        <a:pt x="91" y="23"/>
                      </a:lnTo>
                      <a:lnTo>
                        <a:pt x="93" y="26"/>
                      </a:lnTo>
                      <a:lnTo>
                        <a:pt x="91" y="27"/>
                      </a:lnTo>
                      <a:lnTo>
                        <a:pt x="90" y="29"/>
                      </a:lnTo>
                      <a:lnTo>
                        <a:pt x="86" y="31"/>
                      </a:lnTo>
                      <a:lnTo>
                        <a:pt x="82" y="32"/>
                      </a:lnTo>
                      <a:lnTo>
                        <a:pt x="78" y="34"/>
                      </a:lnTo>
                      <a:lnTo>
                        <a:pt x="74" y="36"/>
                      </a:lnTo>
                      <a:lnTo>
                        <a:pt x="73" y="38"/>
                      </a:lnTo>
                      <a:lnTo>
                        <a:pt x="73" y="39"/>
                      </a:lnTo>
                      <a:lnTo>
                        <a:pt x="72" y="40"/>
                      </a:lnTo>
                      <a:lnTo>
                        <a:pt x="72" y="42"/>
                      </a:lnTo>
                      <a:lnTo>
                        <a:pt x="70" y="43"/>
                      </a:lnTo>
                      <a:lnTo>
                        <a:pt x="68" y="43"/>
                      </a:lnTo>
                      <a:lnTo>
                        <a:pt x="66" y="42"/>
                      </a:lnTo>
                      <a:lnTo>
                        <a:pt x="65" y="40"/>
                      </a:lnTo>
                      <a:lnTo>
                        <a:pt x="64" y="38"/>
                      </a:lnTo>
                      <a:lnTo>
                        <a:pt x="64" y="36"/>
                      </a:lnTo>
                      <a:lnTo>
                        <a:pt x="63" y="35"/>
                      </a:lnTo>
                      <a:lnTo>
                        <a:pt x="61" y="35"/>
                      </a:lnTo>
                      <a:lnTo>
                        <a:pt x="61" y="35"/>
                      </a:lnTo>
                      <a:lnTo>
                        <a:pt x="60" y="35"/>
                      </a:lnTo>
                      <a:lnTo>
                        <a:pt x="59" y="38"/>
                      </a:lnTo>
                      <a:lnTo>
                        <a:pt x="56" y="40"/>
                      </a:lnTo>
                      <a:lnTo>
                        <a:pt x="51" y="44"/>
                      </a:lnTo>
                      <a:lnTo>
                        <a:pt x="42" y="47"/>
                      </a:lnTo>
                      <a:lnTo>
                        <a:pt x="30" y="48"/>
                      </a:lnTo>
                      <a:lnTo>
                        <a:pt x="18" y="48"/>
                      </a:lnTo>
                      <a:lnTo>
                        <a:pt x="9" y="46"/>
                      </a:lnTo>
                      <a:lnTo>
                        <a:pt x="4" y="43"/>
                      </a:lnTo>
                      <a:lnTo>
                        <a:pt x="0" y="29"/>
                      </a:lnTo>
                      <a:lnTo>
                        <a:pt x="0" y="18"/>
                      </a:lnTo>
                      <a:lnTo>
                        <a:pt x="1" y="10"/>
                      </a:lnTo>
                      <a:lnTo>
                        <a:pt x="5" y="8"/>
                      </a:lnTo>
                      <a:lnTo>
                        <a:pt x="10" y="6"/>
                      </a:lnTo>
                      <a:lnTo>
                        <a:pt x="17" y="6"/>
                      </a:lnTo>
                      <a:lnTo>
                        <a:pt x="22" y="8"/>
                      </a:lnTo>
                      <a:lnTo>
                        <a:pt x="26" y="9"/>
                      </a:lnTo>
                      <a:lnTo>
                        <a:pt x="29" y="10"/>
                      </a:lnTo>
                      <a:lnTo>
                        <a:pt x="32" y="13"/>
                      </a:lnTo>
                      <a:lnTo>
                        <a:pt x="36" y="15"/>
                      </a:lnTo>
                      <a:lnTo>
                        <a:pt x="39" y="17"/>
                      </a:lnTo>
                      <a:lnTo>
                        <a:pt x="40" y="13"/>
                      </a:lnTo>
                      <a:lnTo>
                        <a:pt x="40" y="9"/>
                      </a:lnTo>
                      <a:lnTo>
                        <a:pt x="40" y="4"/>
                      </a:lnTo>
                      <a:lnTo>
                        <a:pt x="40" y="0"/>
                      </a:lnTo>
                      <a:lnTo>
                        <a:pt x="47" y="6"/>
                      </a:lnTo>
                      <a:lnTo>
                        <a:pt x="56" y="8"/>
                      </a:lnTo>
                      <a:lnTo>
                        <a:pt x="66" y="6"/>
                      </a:lnTo>
                      <a:lnTo>
                        <a:pt x="77" y="5"/>
                      </a:lnTo>
                      <a:lnTo>
                        <a:pt x="82" y="6"/>
                      </a:lnTo>
                      <a:lnTo>
                        <a:pt x="86" y="11"/>
                      </a:lnTo>
                      <a:lnTo>
                        <a:pt x="90" y="19"/>
                      </a:lnTo>
                      <a:close/>
                    </a:path>
                  </a:pathLst>
                </a:custGeom>
                <a:grpFill/>
                <a:ln w="0">
                  <a:solidFill>
                    <a:srgbClr val="FFFFFF"/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269" name="Freeform 105"/>
                <p:cNvSpPr>
                  <a:spLocks/>
                </p:cNvSpPr>
                <p:nvPr/>
              </p:nvSpPr>
              <p:spPr bwMode="auto">
                <a:xfrm>
                  <a:off x="4798466" y="1552969"/>
                  <a:ext cx="57662" cy="27630"/>
                </a:xfrm>
                <a:custGeom>
                  <a:avLst/>
                  <a:gdLst>
                    <a:gd name="T0" fmla="*/ 47 w 48"/>
                    <a:gd name="T1" fmla="*/ 13 h 23"/>
                    <a:gd name="T2" fmla="*/ 41 w 48"/>
                    <a:gd name="T3" fmla="*/ 19 h 23"/>
                    <a:gd name="T4" fmla="*/ 34 w 48"/>
                    <a:gd name="T5" fmla="*/ 21 h 23"/>
                    <a:gd name="T6" fmla="*/ 23 w 48"/>
                    <a:gd name="T7" fmla="*/ 23 h 23"/>
                    <a:gd name="T8" fmla="*/ 11 w 48"/>
                    <a:gd name="T9" fmla="*/ 19 h 23"/>
                    <a:gd name="T10" fmla="*/ 0 w 48"/>
                    <a:gd name="T11" fmla="*/ 9 h 23"/>
                    <a:gd name="T12" fmla="*/ 11 w 48"/>
                    <a:gd name="T13" fmla="*/ 4 h 23"/>
                    <a:gd name="T14" fmla="*/ 17 w 48"/>
                    <a:gd name="T15" fmla="*/ 2 h 23"/>
                    <a:gd name="T16" fmla="*/ 19 w 48"/>
                    <a:gd name="T17" fmla="*/ 2 h 23"/>
                    <a:gd name="T18" fmla="*/ 21 w 48"/>
                    <a:gd name="T19" fmla="*/ 0 h 23"/>
                    <a:gd name="T20" fmla="*/ 31 w 48"/>
                    <a:gd name="T21" fmla="*/ 0 h 23"/>
                    <a:gd name="T22" fmla="*/ 40 w 48"/>
                    <a:gd name="T23" fmla="*/ 4 h 23"/>
                    <a:gd name="T24" fmla="*/ 48 w 48"/>
                    <a:gd name="T25" fmla="*/ 11 h 23"/>
                    <a:gd name="T26" fmla="*/ 47 w 48"/>
                    <a:gd name="T27" fmla="*/ 13 h 23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</a:cxnLst>
                  <a:rect l="0" t="0" r="r" b="b"/>
                  <a:pathLst>
                    <a:path w="48" h="23">
                      <a:moveTo>
                        <a:pt x="47" y="13"/>
                      </a:moveTo>
                      <a:lnTo>
                        <a:pt x="41" y="19"/>
                      </a:lnTo>
                      <a:lnTo>
                        <a:pt x="34" y="21"/>
                      </a:lnTo>
                      <a:lnTo>
                        <a:pt x="23" y="23"/>
                      </a:lnTo>
                      <a:lnTo>
                        <a:pt x="11" y="19"/>
                      </a:lnTo>
                      <a:lnTo>
                        <a:pt x="0" y="9"/>
                      </a:lnTo>
                      <a:lnTo>
                        <a:pt x="11" y="4"/>
                      </a:lnTo>
                      <a:lnTo>
                        <a:pt x="17" y="2"/>
                      </a:lnTo>
                      <a:lnTo>
                        <a:pt x="19" y="2"/>
                      </a:lnTo>
                      <a:lnTo>
                        <a:pt x="21" y="0"/>
                      </a:lnTo>
                      <a:lnTo>
                        <a:pt x="31" y="0"/>
                      </a:lnTo>
                      <a:lnTo>
                        <a:pt x="40" y="4"/>
                      </a:lnTo>
                      <a:lnTo>
                        <a:pt x="48" y="11"/>
                      </a:lnTo>
                      <a:lnTo>
                        <a:pt x="47" y="13"/>
                      </a:lnTo>
                      <a:close/>
                    </a:path>
                  </a:pathLst>
                </a:custGeom>
                <a:grpFill/>
                <a:ln w="0">
                  <a:solidFill>
                    <a:srgbClr val="FFFFFF"/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270" name="Freeform 108"/>
                <p:cNvSpPr>
                  <a:spLocks/>
                </p:cNvSpPr>
                <p:nvPr/>
              </p:nvSpPr>
              <p:spPr bwMode="auto">
                <a:xfrm>
                  <a:off x="3332890" y="1550566"/>
                  <a:ext cx="45649" cy="25227"/>
                </a:xfrm>
                <a:custGeom>
                  <a:avLst/>
                  <a:gdLst>
                    <a:gd name="T0" fmla="*/ 36 w 38"/>
                    <a:gd name="T1" fmla="*/ 7 h 21"/>
                    <a:gd name="T2" fmla="*/ 35 w 38"/>
                    <a:gd name="T3" fmla="*/ 9 h 21"/>
                    <a:gd name="T4" fmla="*/ 32 w 38"/>
                    <a:gd name="T5" fmla="*/ 11 h 21"/>
                    <a:gd name="T6" fmla="*/ 29 w 38"/>
                    <a:gd name="T7" fmla="*/ 13 h 21"/>
                    <a:gd name="T8" fmla="*/ 27 w 38"/>
                    <a:gd name="T9" fmla="*/ 14 h 21"/>
                    <a:gd name="T10" fmla="*/ 24 w 38"/>
                    <a:gd name="T11" fmla="*/ 17 h 21"/>
                    <a:gd name="T12" fmla="*/ 21 w 38"/>
                    <a:gd name="T13" fmla="*/ 18 h 21"/>
                    <a:gd name="T14" fmla="*/ 19 w 38"/>
                    <a:gd name="T15" fmla="*/ 21 h 21"/>
                    <a:gd name="T16" fmla="*/ 15 w 38"/>
                    <a:gd name="T17" fmla="*/ 19 h 21"/>
                    <a:gd name="T18" fmla="*/ 10 w 38"/>
                    <a:gd name="T19" fmla="*/ 19 h 21"/>
                    <a:gd name="T20" fmla="*/ 6 w 38"/>
                    <a:gd name="T21" fmla="*/ 19 h 21"/>
                    <a:gd name="T22" fmla="*/ 0 w 38"/>
                    <a:gd name="T23" fmla="*/ 18 h 21"/>
                    <a:gd name="T24" fmla="*/ 14 w 38"/>
                    <a:gd name="T25" fmla="*/ 7 h 21"/>
                    <a:gd name="T26" fmla="*/ 24 w 38"/>
                    <a:gd name="T27" fmla="*/ 1 h 21"/>
                    <a:gd name="T28" fmla="*/ 32 w 38"/>
                    <a:gd name="T29" fmla="*/ 0 h 21"/>
                    <a:gd name="T30" fmla="*/ 37 w 38"/>
                    <a:gd name="T31" fmla="*/ 1 h 21"/>
                    <a:gd name="T32" fmla="*/ 38 w 38"/>
                    <a:gd name="T33" fmla="*/ 4 h 21"/>
                    <a:gd name="T34" fmla="*/ 38 w 38"/>
                    <a:gd name="T35" fmla="*/ 6 h 21"/>
                    <a:gd name="T36" fmla="*/ 36 w 38"/>
                    <a:gd name="T37" fmla="*/ 7 h 21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</a:cxnLst>
                  <a:rect l="0" t="0" r="r" b="b"/>
                  <a:pathLst>
                    <a:path w="38" h="21">
                      <a:moveTo>
                        <a:pt x="36" y="7"/>
                      </a:moveTo>
                      <a:lnTo>
                        <a:pt x="35" y="9"/>
                      </a:lnTo>
                      <a:lnTo>
                        <a:pt x="32" y="11"/>
                      </a:lnTo>
                      <a:lnTo>
                        <a:pt x="29" y="13"/>
                      </a:lnTo>
                      <a:lnTo>
                        <a:pt x="27" y="14"/>
                      </a:lnTo>
                      <a:lnTo>
                        <a:pt x="24" y="17"/>
                      </a:lnTo>
                      <a:lnTo>
                        <a:pt x="21" y="18"/>
                      </a:lnTo>
                      <a:lnTo>
                        <a:pt x="19" y="21"/>
                      </a:lnTo>
                      <a:lnTo>
                        <a:pt x="15" y="19"/>
                      </a:lnTo>
                      <a:lnTo>
                        <a:pt x="10" y="19"/>
                      </a:lnTo>
                      <a:lnTo>
                        <a:pt x="6" y="19"/>
                      </a:lnTo>
                      <a:lnTo>
                        <a:pt x="0" y="18"/>
                      </a:lnTo>
                      <a:lnTo>
                        <a:pt x="14" y="7"/>
                      </a:lnTo>
                      <a:lnTo>
                        <a:pt x="24" y="1"/>
                      </a:lnTo>
                      <a:lnTo>
                        <a:pt x="32" y="0"/>
                      </a:lnTo>
                      <a:lnTo>
                        <a:pt x="37" y="1"/>
                      </a:lnTo>
                      <a:lnTo>
                        <a:pt x="38" y="4"/>
                      </a:lnTo>
                      <a:lnTo>
                        <a:pt x="38" y="6"/>
                      </a:lnTo>
                      <a:lnTo>
                        <a:pt x="36" y="7"/>
                      </a:lnTo>
                      <a:close/>
                    </a:path>
                  </a:pathLst>
                </a:custGeom>
                <a:grpFill/>
                <a:ln w="0">
                  <a:solidFill>
                    <a:srgbClr val="FFFFFF"/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sp>
              <p:nvSpPr>
                <p:cNvPr id="271" name="Freeform 109"/>
                <p:cNvSpPr>
                  <a:spLocks/>
                </p:cNvSpPr>
                <p:nvPr/>
              </p:nvSpPr>
              <p:spPr bwMode="auto">
                <a:xfrm>
                  <a:off x="3392954" y="1037614"/>
                  <a:ext cx="183798" cy="87694"/>
                </a:xfrm>
                <a:custGeom>
                  <a:avLst/>
                  <a:gdLst>
                    <a:gd name="T0" fmla="*/ 8 w 153"/>
                    <a:gd name="T1" fmla="*/ 71 h 73"/>
                    <a:gd name="T2" fmla="*/ 4 w 153"/>
                    <a:gd name="T3" fmla="*/ 72 h 73"/>
                    <a:gd name="T4" fmla="*/ 3 w 153"/>
                    <a:gd name="T5" fmla="*/ 72 h 73"/>
                    <a:gd name="T6" fmla="*/ 2 w 153"/>
                    <a:gd name="T7" fmla="*/ 73 h 73"/>
                    <a:gd name="T8" fmla="*/ 0 w 153"/>
                    <a:gd name="T9" fmla="*/ 73 h 73"/>
                    <a:gd name="T10" fmla="*/ 2 w 153"/>
                    <a:gd name="T11" fmla="*/ 72 h 73"/>
                    <a:gd name="T12" fmla="*/ 2 w 153"/>
                    <a:gd name="T13" fmla="*/ 72 h 73"/>
                    <a:gd name="T14" fmla="*/ 3 w 153"/>
                    <a:gd name="T15" fmla="*/ 71 h 73"/>
                    <a:gd name="T16" fmla="*/ 4 w 153"/>
                    <a:gd name="T17" fmla="*/ 69 h 73"/>
                    <a:gd name="T18" fmla="*/ 5 w 153"/>
                    <a:gd name="T19" fmla="*/ 68 h 73"/>
                    <a:gd name="T20" fmla="*/ 9 w 153"/>
                    <a:gd name="T21" fmla="*/ 67 h 73"/>
                    <a:gd name="T22" fmla="*/ 13 w 153"/>
                    <a:gd name="T23" fmla="*/ 64 h 73"/>
                    <a:gd name="T24" fmla="*/ 20 w 153"/>
                    <a:gd name="T25" fmla="*/ 61 h 73"/>
                    <a:gd name="T26" fmla="*/ 113 w 153"/>
                    <a:gd name="T27" fmla="*/ 18 h 73"/>
                    <a:gd name="T28" fmla="*/ 117 w 153"/>
                    <a:gd name="T29" fmla="*/ 16 h 73"/>
                    <a:gd name="T30" fmla="*/ 121 w 153"/>
                    <a:gd name="T31" fmla="*/ 14 h 73"/>
                    <a:gd name="T32" fmla="*/ 126 w 153"/>
                    <a:gd name="T33" fmla="*/ 12 h 73"/>
                    <a:gd name="T34" fmla="*/ 130 w 153"/>
                    <a:gd name="T35" fmla="*/ 10 h 73"/>
                    <a:gd name="T36" fmla="*/ 132 w 153"/>
                    <a:gd name="T37" fmla="*/ 9 h 73"/>
                    <a:gd name="T38" fmla="*/ 134 w 153"/>
                    <a:gd name="T39" fmla="*/ 9 h 73"/>
                    <a:gd name="T40" fmla="*/ 135 w 153"/>
                    <a:gd name="T41" fmla="*/ 8 h 73"/>
                    <a:gd name="T42" fmla="*/ 138 w 153"/>
                    <a:gd name="T43" fmla="*/ 6 h 73"/>
                    <a:gd name="T44" fmla="*/ 139 w 153"/>
                    <a:gd name="T45" fmla="*/ 6 h 73"/>
                    <a:gd name="T46" fmla="*/ 140 w 153"/>
                    <a:gd name="T47" fmla="*/ 5 h 73"/>
                    <a:gd name="T48" fmla="*/ 143 w 153"/>
                    <a:gd name="T49" fmla="*/ 5 h 73"/>
                    <a:gd name="T50" fmla="*/ 143 w 153"/>
                    <a:gd name="T51" fmla="*/ 4 h 73"/>
                    <a:gd name="T52" fmla="*/ 144 w 153"/>
                    <a:gd name="T53" fmla="*/ 4 h 73"/>
                    <a:gd name="T54" fmla="*/ 148 w 153"/>
                    <a:gd name="T55" fmla="*/ 2 h 73"/>
                    <a:gd name="T56" fmla="*/ 150 w 153"/>
                    <a:gd name="T57" fmla="*/ 1 h 73"/>
                    <a:gd name="T58" fmla="*/ 152 w 153"/>
                    <a:gd name="T59" fmla="*/ 1 h 73"/>
                    <a:gd name="T60" fmla="*/ 153 w 153"/>
                    <a:gd name="T61" fmla="*/ 0 h 73"/>
                    <a:gd name="T62" fmla="*/ 152 w 153"/>
                    <a:gd name="T63" fmla="*/ 1 h 73"/>
                    <a:gd name="T64" fmla="*/ 151 w 153"/>
                    <a:gd name="T65" fmla="*/ 1 h 73"/>
                    <a:gd name="T66" fmla="*/ 147 w 153"/>
                    <a:gd name="T67" fmla="*/ 4 h 73"/>
                    <a:gd name="T68" fmla="*/ 140 w 153"/>
                    <a:gd name="T69" fmla="*/ 6 h 73"/>
                    <a:gd name="T70" fmla="*/ 131 w 153"/>
                    <a:gd name="T71" fmla="*/ 10 h 73"/>
                    <a:gd name="T72" fmla="*/ 117 w 153"/>
                    <a:gd name="T73" fmla="*/ 17 h 73"/>
                    <a:gd name="T74" fmla="*/ 92 w 153"/>
                    <a:gd name="T75" fmla="*/ 27 h 73"/>
                    <a:gd name="T76" fmla="*/ 68 w 153"/>
                    <a:gd name="T77" fmla="*/ 40 h 73"/>
                    <a:gd name="T78" fmla="*/ 71 w 153"/>
                    <a:gd name="T79" fmla="*/ 39 h 73"/>
                    <a:gd name="T80" fmla="*/ 72 w 153"/>
                    <a:gd name="T81" fmla="*/ 39 h 73"/>
                    <a:gd name="T82" fmla="*/ 74 w 153"/>
                    <a:gd name="T83" fmla="*/ 38 h 73"/>
                    <a:gd name="T84" fmla="*/ 72 w 153"/>
                    <a:gd name="T85" fmla="*/ 39 h 73"/>
                    <a:gd name="T86" fmla="*/ 71 w 153"/>
                    <a:gd name="T87" fmla="*/ 40 h 73"/>
                    <a:gd name="T88" fmla="*/ 62 w 153"/>
                    <a:gd name="T89" fmla="*/ 46 h 73"/>
                    <a:gd name="T90" fmla="*/ 49 w 153"/>
                    <a:gd name="T91" fmla="*/ 51 h 73"/>
                    <a:gd name="T92" fmla="*/ 36 w 153"/>
                    <a:gd name="T93" fmla="*/ 57 h 73"/>
                    <a:gd name="T94" fmla="*/ 24 w 153"/>
                    <a:gd name="T95" fmla="*/ 64 h 73"/>
                    <a:gd name="T96" fmla="*/ 13 w 153"/>
                    <a:gd name="T97" fmla="*/ 68 h 73"/>
                    <a:gd name="T98" fmla="*/ 8 w 153"/>
                    <a:gd name="T99" fmla="*/ 71 h 73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  <a:cxn ang="0">
                      <a:pos x="T86" y="T87"/>
                    </a:cxn>
                    <a:cxn ang="0">
                      <a:pos x="T88" y="T89"/>
                    </a:cxn>
                    <a:cxn ang="0">
                      <a:pos x="T90" y="T91"/>
                    </a:cxn>
                    <a:cxn ang="0">
                      <a:pos x="T92" y="T93"/>
                    </a:cxn>
                    <a:cxn ang="0">
                      <a:pos x="T94" y="T95"/>
                    </a:cxn>
                    <a:cxn ang="0">
                      <a:pos x="T96" y="T97"/>
                    </a:cxn>
                    <a:cxn ang="0">
                      <a:pos x="T98" y="T99"/>
                    </a:cxn>
                  </a:cxnLst>
                  <a:rect l="0" t="0" r="r" b="b"/>
                  <a:pathLst>
                    <a:path w="153" h="73">
                      <a:moveTo>
                        <a:pt x="8" y="71"/>
                      </a:moveTo>
                      <a:lnTo>
                        <a:pt x="4" y="72"/>
                      </a:lnTo>
                      <a:lnTo>
                        <a:pt x="3" y="72"/>
                      </a:lnTo>
                      <a:lnTo>
                        <a:pt x="2" y="73"/>
                      </a:lnTo>
                      <a:lnTo>
                        <a:pt x="0" y="73"/>
                      </a:lnTo>
                      <a:lnTo>
                        <a:pt x="2" y="72"/>
                      </a:lnTo>
                      <a:lnTo>
                        <a:pt x="2" y="72"/>
                      </a:lnTo>
                      <a:lnTo>
                        <a:pt x="3" y="71"/>
                      </a:lnTo>
                      <a:lnTo>
                        <a:pt x="4" y="69"/>
                      </a:lnTo>
                      <a:lnTo>
                        <a:pt x="5" y="68"/>
                      </a:lnTo>
                      <a:lnTo>
                        <a:pt x="9" y="67"/>
                      </a:lnTo>
                      <a:lnTo>
                        <a:pt x="13" y="64"/>
                      </a:lnTo>
                      <a:lnTo>
                        <a:pt x="20" y="61"/>
                      </a:lnTo>
                      <a:lnTo>
                        <a:pt x="113" y="18"/>
                      </a:lnTo>
                      <a:lnTo>
                        <a:pt x="117" y="16"/>
                      </a:lnTo>
                      <a:lnTo>
                        <a:pt x="121" y="14"/>
                      </a:lnTo>
                      <a:lnTo>
                        <a:pt x="126" y="12"/>
                      </a:lnTo>
                      <a:lnTo>
                        <a:pt x="130" y="10"/>
                      </a:lnTo>
                      <a:lnTo>
                        <a:pt x="132" y="9"/>
                      </a:lnTo>
                      <a:lnTo>
                        <a:pt x="134" y="9"/>
                      </a:lnTo>
                      <a:lnTo>
                        <a:pt x="135" y="8"/>
                      </a:lnTo>
                      <a:lnTo>
                        <a:pt x="138" y="6"/>
                      </a:lnTo>
                      <a:lnTo>
                        <a:pt x="139" y="6"/>
                      </a:lnTo>
                      <a:lnTo>
                        <a:pt x="140" y="5"/>
                      </a:lnTo>
                      <a:lnTo>
                        <a:pt x="143" y="5"/>
                      </a:lnTo>
                      <a:lnTo>
                        <a:pt x="143" y="4"/>
                      </a:lnTo>
                      <a:lnTo>
                        <a:pt x="144" y="4"/>
                      </a:lnTo>
                      <a:lnTo>
                        <a:pt x="148" y="2"/>
                      </a:lnTo>
                      <a:lnTo>
                        <a:pt x="150" y="1"/>
                      </a:lnTo>
                      <a:lnTo>
                        <a:pt x="152" y="1"/>
                      </a:lnTo>
                      <a:lnTo>
                        <a:pt x="153" y="0"/>
                      </a:lnTo>
                      <a:lnTo>
                        <a:pt x="152" y="1"/>
                      </a:lnTo>
                      <a:lnTo>
                        <a:pt x="151" y="1"/>
                      </a:lnTo>
                      <a:lnTo>
                        <a:pt x="147" y="4"/>
                      </a:lnTo>
                      <a:lnTo>
                        <a:pt x="140" y="6"/>
                      </a:lnTo>
                      <a:lnTo>
                        <a:pt x="131" y="10"/>
                      </a:lnTo>
                      <a:lnTo>
                        <a:pt x="117" y="17"/>
                      </a:lnTo>
                      <a:lnTo>
                        <a:pt x="92" y="27"/>
                      </a:lnTo>
                      <a:lnTo>
                        <a:pt x="68" y="40"/>
                      </a:lnTo>
                      <a:lnTo>
                        <a:pt x="71" y="39"/>
                      </a:lnTo>
                      <a:lnTo>
                        <a:pt x="72" y="39"/>
                      </a:lnTo>
                      <a:lnTo>
                        <a:pt x="74" y="38"/>
                      </a:lnTo>
                      <a:lnTo>
                        <a:pt x="72" y="39"/>
                      </a:lnTo>
                      <a:lnTo>
                        <a:pt x="71" y="40"/>
                      </a:lnTo>
                      <a:lnTo>
                        <a:pt x="62" y="46"/>
                      </a:lnTo>
                      <a:lnTo>
                        <a:pt x="49" y="51"/>
                      </a:lnTo>
                      <a:lnTo>
                        <a:pt x="36" y="57"/>
                      </a:lnTo>
                      <a:lnTo>
                        <a:pt x="24" y="64"/>
                      </a:lnTo>
                      <a:lnTo>
                        <a:pt x="13" y="68"/>
                      </a:lnTo>
                      <a:lnTo>
                        <a:pt x="8" y="71"/>
                      </a:lnTo>
                      <a:close/>
                    </a:path>
                  </a:pathLst>
                </a:custGeom>
                <a:grpFill/>
                <a:ln w="0">
                  <a:solidFill>
                    <a:srgbClr val="FFFFFF"/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+mn-ea"/>
                  </a:endParaRPr>
                </a:p>
              </p:txBody>
            </p:sp>
            <p:grpSp>
              <p:nvGrpSpPr>
                <p:cNvPr id="272" name="Group 719"/>
                <p:cNvGrpSpPr/>
                <p:nvPr/>
              </p:nvGrpSpPr>
              <p:grpSpPr>
                <a:xfrm>
                  <a:off x="1987443" y="1298295"/>
                  <a:ext cx="4484423" cy="4680233"/>
                  <a:chOff x="1987443" y="1298295"/>
                  <a:chExt cx="4484423" cy="4680233"/>
                </a:xfrm>
                <a:grpFill/>
              </p:grpSpPr>
              <p:sp>
                <p:nvSpPr>
                  <p:cNvPr id="273" name="Freeform 80"/>
                  <p:cNvSpPr>
                    <a:spLocks/>
                  </p:cNvSpPr>
                  <p:nvPr/>
                </p:nvSpPr>
                <p:spPr bwMode="auto">
                  <a:xfrm>
                    <a:off x="1987443" y="1589007"/>
                    <a:ext cx="1256552" cy="3818907"/>
                  </a:xfrm>
                  <a:custGeom>
                    <a:avLst/>
                    <a:gdLst>
                      <a:gd name="T0" fmla="*/ 567 w 1046"/>
                      <a:gd name="T1" fmla="*/ 2945 h 3179"/>
                      <a:gd name="T2" fmla="*/ 745 w 1046"/>
                      <a:gd name="T3" fmla="*/ 3071 h 3179"/>
                      <a:gd name="T4" fmla="*/ 924 w 1046"/>
                      <a:gd name="T5" fmla="*/ 3164 h 3179"/>
                      <a:gd name="T6" fmla="*/ 1021 w 1046"/>
                      <a:gd name="T7" fmla="*/ 3170 h 3179"/>
                      <a:gd name="T8" fmla="*/ 1031 w 1046"/>
                      <a:gd name="T9" fmla="*/ 3121 h 3179"/>
                      <a:gd name="T10" fmla="*/ 971 w 1046"/>
                      <a:gd name="T11" fmla="*/ 3078 h 3179"/>
                      <a:gd name="T12" fmla="*/ 860 w 1046"/>
                      <a:gd name="T13" fmla="*/ 2981 h 3179"/>
                      <a:gd name="T14" fmla="*/ 695 w 1046"/>
                      <a:gd name="T15" fmla="*/ 2802 h 3179"/>
                      <a:gd name="T16" fmla="*/ 526 w 1046"/>
                      <a:gd name="T17" fmla="*/ 2599 h 3179"/>
                      <a:gd name="T18" fmla="*/ 398 w 1046"/>
                      <a:gd name="T19" fmla="*/ 2434 h 3179"/>
                      <a:gd name="T20" fmla="*/ 323 w 1046"/>
                      <a:gd name="T21" fmla="*/ 2298 h 3179"/>
                      <a:gd name="T22" fmla="*/ 248 w 1046"/>
                      <a:gd name="T23" fmla="*/ 2079 h 3179"/>
                      <a:gd name="T24" fmla="*/ 191 w 1046"/>
                      <a:gd name="T25" fmla="*/ 1865 h 3179"/>
                      <a:gd name="T26" fmla="*/ 162 w 1046"/>
                      <a:gd name="T27" fmla="*/ 1744 h 3179"/>
                      <a:gd name="T28" fmla="*/ 193 w 1046"/>
                      <a:gd name="T29" fmla="*/ 1658 h 3179"/>
                      <a:gd name="T30" fmla="*/ 214 w 1046"/>
                      <a:gd name="T31" fmla="*/ 1595 h 3179"/>
                      <a:gd name="T32" fmla="*/ 220 w 1046"/>
                      <a:gd name="T33" fmla="*/ 1592 h 3179"/>
                      <a:gd name="T34" fmla="*/ 231 w 1046"/>
                      <a:gd name="T35" fmla="*/ 1580 h 3179"/>
                      <a:gd name="T36" fmla="*/ 292 w 1046"/>
                      <a:gd name="T37" fmla="*/ 1586 h 3179"/>
                      <a:gd name="T38" fmla="*/ 323 w 1046"/>
                      <a:gd name="T39" fmla="*/ 1542 h 3179"/>
                      <a:gd name="T40" fmla="*/ 348 w 1046"/>
                      <a:gd name="T41" fmla="*/ 1536 h 3179"/>
                      <a:gd name="T42" fmla="*/ 403 w 1046"/>
                      <a:gd name="T43" fmla="*/ 1514 h 3179"/>
                      <a:gd name="T44" fmla="*/ 433 w 1046"/>
                      <a:gd name="T45" fmla="*/ 1433 h 3179"/>
                      <a:gd name="T46" fmla="*/ 485 w 1046"/>
                      <a:gd name="T47" fmla="*/ 1224 h 3179"/>
                      <a:gd name="T48" fmla="*/ 508 w 1046"/>
                      <a:gd name="T49" fmla="*/ 1139 h 3179"/>
                      <a:gd name="T50" fmla="*/ 523 w 1046"/>
                      <a:gd name="T51" fmla="*/ 1108 h 3179"/>
                      <a:gd name="T52" fmla="*/ 523 w 1046"/>
                      <a:gd name="T53" fmla="*/ 968 h 3179"/>
                      <a:gd name="T54" fmla="*/ 513 w 1046"/>
                      <a:gd name="T55" fmla="*/ 829 h 3179"/>
                      <a:gd name="T56" fmla="*/ 514 w 1046"/>
                      <a:gd name="T57" fmla="*/ 807 h 3179"/>
                      <a:gd name="T58" fmla="*/ 517 w 1046"/>
                      <a:gd name="T59" fmla="*/ 774 h 3179"/>
                      <a:gd name="T60" fmla="*/ 530 w 1046"/>
                      <a:gd name="T61" fmla="*/ 701 h 3179"/>
                      <a:gd name="T62" fmla="*/ 499 w 1046"/>
                      <a:gd name="T63" fmla="*/ 576 h 3179"/>
                      <a:gd name="T64" fmla="*/ 478 w 1046"/>
                      <a:gd name="T65" fmla="*/ 528 h 3179"/>
                      <a:gd name="T66" fmla="*/ 474 w 1046"/>
                      <a:gd name="T67" fmla="*/ 529 h 3179"/>
                      <a:gd name="T68" fmla="*/ 466 w 1046"/>
                      <a:gd name="T69" fmla="*/ 533 h 3179"/>
                      <a:gd name="T70" fmla="*/ 451 w 1046"/>
                      <a:gd name="T71" fmla="*/ 430 h 3179"/>
                      <a:gd name="T72" fmla="*/ 434 w 1046"/>
                      <a:gd name="T73" fmla="*/ 389 h 3179"/>
                      <a:gd name="T74" fmla="*/ 446 w 1046"/>
                      <a:gd name="T75" fmla="*/ 338 h 3179"/>
                      <a:gd name="T76" fmla="*/ 481 w 1046"/>
                      <a:gd name="T77" fmla="*/ 291 h 3179"/>
                      <a:gd name="T78" fmla="*/ 505 w 1046"/>
                      <a:gd name="T79" fmla="*/ 275 h 3179"/>
                      <a:gd name="T80" fmla="*/ 547 w 1046"/>
                      <a:gd name="T81" fmla="*/ 194 h 3179"/>
                      <a:gd name="T82" fmla="*/ 565 w 1046"/>
                      <a:gd name="T83" fmla="*/ 157 h 3179"/>
                      <a:gd name="T84" fmla="*/ 560 w 1046"/>
                      <a:gd name="T85" fmla="*/ 161 h 3179"/>
                      <a:gd name="T86" fmla="*/ 589 w 1046"/>
                      <a:gd name="T87" fmla="*/ 122 h 3179"/>
                      <a:gd name="T88" fmla="*/ 556 w 1046"/>
                      <a:gd name="T89" fmla="*/ 125 h 3179"/>
                      <a:gd name="T90" fmla="*/ 510 w 1046"/>
                      <a:gd name="T91" fmla="*/ 163 h 3179"/>
                      <a:gd name="T92" fmla="*/ 527 w 1046"/>
                      <a:gd name="T93" fmla="*/ 138 h 3179"/>
                      <a:gd name="T94" fmla="*/ 597 w 1046"/>
                      <a:gd name="T95" fmla="*/ 59 h 3179"/>
                      <a:gd name="T96" fmla="*/ 624 w 1046"/>
                      <a:gd name="T97" fmla="*/ 19 h 3179"/>
                      <a:gd name="T98" fmla="*/ 618 w 1046"/>
                      <a:gd name="T99" fmla="*/ 21 h 3179"/>
                      <a:gd name="T100" fmla="*/ 554 w 1046"/>
                      <a:gd name="T101" fmla="*/ 89 h 3179"/>
                      <a:gd name="T102" fmla="*/ 408 w 1046"/>
                      <a:gd name="T103" fmla="*/ 266 h 3179"/>
                      <a:gd name="T104" fmla="*/ 260 w 1046"/>
                      <a:gd name="T105" fmla="*/ 503 h 3179"/>
                      <a:gd name="T106" fmla="*/ 178 w 1046"/>
                      <a:gd name="T107" fmla="*/ 671 h 3179"/>
                      <a:gd name="T108" fmla="*/ 125 w 1046"/>
                      <a:gd name="T109" fmla="*/ 803 h 3179"/>
                      <a:gd name="T110" fmla="*/ 68 w 1046"/>
                      <a:gd name="T111" fmla="*/ 999 h 3179"/>
                      <a:gd name="T112" fmla="*/ 36 w 1046"/>
                      <a:gd name="T113" fmla="*/ 1129 h 3179"/>
                      <a:gd name="T114" fmla="*/ 14 w 1046"/>
                      <a:gd name="T115" fmla="*/ 1294 h 3179"/>
                      <a:gd name="T116" fmla="*/ 1 w 1046"/>
                      <a:gd name="T117" fmla="*/ 1463 h 3179"/>
                      <a:gd name="T118" fmla="*/ 1 w 1046"/>
                      <a:gd name="T119" fmla="*/ 1592 h 3179"/>
                      <a:gd name="T120" fmla="*/ 34 w 1046"/>
                      <a:gd name="T121" fmla="*/ 1896 h 3179"/>
                      <a:gd name="T122" fmla="*/ 104 w 1046"/>
                      <a:gd name="T123" fmla="*/ 2188 h 3179"/>
                      <a:gd name="T124" fmla="*/ 281 w 1046"/>
                      <a:gd name="T125" fmla="*/ 2588 h 3179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  <a:cxn ang="0">
                        <a:pos x="T14" y="T15"/>
                      </a:cxn>
                      <a:cxn ang="0">
                        <a:pos x="T16" y="T17"/>
                      </a:cxn>
                      <a:cxn ang="0">
                        <a:pos x="T18" y="T19"/>
                      </a:cxn>
                      <a:cxn ang="0">
                        <a:pos x="T20" y="T21"/>
                      </a:cxn>
                      <a:cxn ang="0">
                        <a:pos x="T22" y="T23"/>
                      </a:cxn>
                      <a:cxn ang="0">
                        <a:pos x="T24" y="T25"/>
                      </a:cxn>
                      <a:cxn ang="0">
                        <a:pos x="T26" y="T27"/>
                      </a:cxn>
                      <a:cxn ang="0">
                        <a:pos x="T28" y="T29"/>
                      </a:cxn>
                      <a:cxn ang="0">
                        <a:pos x="T30" y="T31"/>
                      </a:cxn>
                      <a:cxn ang="0">
                        <a:pos x="T32" y="T33"/>
                      </a:cxn>
                      <a:cxn ang="0">
                        <a:pos x="T34" y="T35"/>
                      </a:cxn>
                      <a:cxn ang="0">
                        <a:pos x="T36" y="T37"/>
                      </a:cxn>
                      <a:cxn ang="0">
                        <a:pos x="T38" y="T39"/>
                      </a:cxn>
                      <a:cxn ang="0">
                        <a:pos x="T40" y="T41"/>
                      </a:cxn>
                      <a:cxn ang="0">
                        <a:pos x="T42" y="T43"/>
                      </a:cxn>
                      <a:cxn ang="0">
                        <a:pos x="T44" y="T45"/>
                      </a:cxn>
                      <a:cxn ang="0">
                        <a:pos x="T46" y="T47"/>
                      </a:cxn>
                      <a:cxn ang="0">
                        <a:pos x="T48" y="T49"/>
                      </a:cxn>
                      <a:cxn ang="0">
                        <a:pos x="T50" y="T51"/>
                      </a:cxn>
                      <a:cxn ang="0">
                        <a:pos x="T52" y="T53"/>
                      </a:cxn>
                      <a:cxn ang="0">
                        <a:pos x="T54" y="T55"/>
                      </a:cxn>
                      <a:cxn ang="0">
                        <a:pos x="T56" y="T57"/>
                      </a:cxn>
                      <a:cxn ang="0">
                        <a:pos x="T58" y="T59"/>
                      </a:cxn>
                      <a:cxn ang="0">
                        <a:pos x="T60" y="T61"/>
                      </a:cxn>
                      <a:cxn ang="0">
                        <a:pos x="T62" y="T63"/>
                      </a:cxn>
                      <a:cxn ang="0">
                        <a:pos x="T64" y="T65"/>
                      </a:cxn>
                      <a:cxn ang="0">
                        <a:pos x="T66" y="T67"/>
                      </a:cxn>
                      <a:cxn ang="0">
                        <a:pos x="T68" y="T69"/>
                      </a:cxn>
                      <a:cxn ang="0">
                        <a:pos x="T70" y="T71"/>
                      </a:cxn>
                      <a:cxn ang="0">
                        <a:pos x="T72" y="T73"/>
                      </a:cxn>
                      <a:cxn ang="0">
                        <a:pos x="T74" y="T75"/>
                      </a:cxn>
                      <a:cxn ang="0">
                        <a:pos x="T76" y="T77"/>
                      </a:cxn>
                      <a:cxn ang="0">
                        <a:pos x="T78" y="T79"/>
                      </a:cxn>
                      <a:cxn ang="0">
                        <a:pos x="T80" y="T81"/>
                      </a:cxn>
                      <a:cxn ang="0">
                        <a:pos x="T82" y="T83"/>
                      </a:cxn>
                      <a:cxn ang="0">
                        <a:pos x="T84" y="T85"/>
                      </a:cxn>
                      <a:cxn ang="0">
                        <a:pos x="T86" y="T87"/>
                      </a:cxn>
                      <a:cxn ang="0">
                        <a:pos x="T88" y="T89"/>
                      </a:cxn>
                      <a:cxn ang="0">
                        <a:pos x="T90" y="T91"/>
                      </a:cxn>
                      <a:cxn ang="0">
                        <a:pos x="T92" y="T93"/>
                      </a:cxn>
                      <a:cxn ang="0">
                        <a:pos x="T94" y="T95"/>
                      </a:cxn>
                      <a:cxn ang="0">
                        <a:pos x="T96" y="T97"/>
                      </a:cxn>
                      <a:cxn ang="0">
                        <a:pos x="T98" y="T99"/>
                      </a:cxn>
                      <a:cxn ang="0">
                        <a:pos x="T100" y="T101"/>
                      </a:cxn>
                      <a:cxn ang="0">
                        <a:pos x="T102" y="T103"/>
                      </a:cxn>
                      <a:cxn ang="0">
                        <a:pos x="T104" y="T105"/>
                      </a:cxn>
                      <a:cxn ang="0">
                        <a:pos x="T106" y="T107"/>
                      </a:cxn>
                      <a:cxn ang="0">
                        <a:pos x="T108" y="T109"/>
                      </a:cxn>
                      <a:cxn ang="0">
                        <a:pos x="T110" y="T111"/>
                      </a:cxn>
                      <a:cxn ang="0">
                        <a:pos x="T112" y="T113"/>
                      </a:cxn>
                      <a:cxn ang="0">
                        <a:pos x="T114" y="T115"/>
                      </a:cxn>
                      <a:cxn ang="0">
                        <a:pos x="T116" y="T117"/>
                      </a:cxn>
                      <a:cxn ang="0">
                        <a:pos x="T118" y="T119"/>
                      </a:cxn>
                      <a:cxn ang="0">
                        <a:pos x="T120" y="T121"/>
                      </a:cxn>
                      <a:cxn ang="0">
                        <a:pos x="T122" y="T123"/>
                      </a:cxn>
                      <a:cxn ang="0">
                        <a:pos x="T124" y="T125"/>
                      </a:cxn>
                    </a:cxnLst>
                    <a:rect l="0" t="0" r="r" b="b"/>
                    <a:pathLst>
                      <a:path w="1046" h="3179">
                        <a:moveTo>
                          <a:pt x="468" y="2855"/>
                        </a:moveTo>
                        <a:lnTo>
                          <a:pt x="487" y="2875"/>
                        </a:lnTo>
                        <a:lnTo>
                          <a:pt x="510" y="2896"/>
                        </a:lnTo>
                        <a:lnTo>
                          <a:pt x="536" y="2920"/>
                        </a:lnTo>
                        <a:lnTo>
                          <a:pt x="567" y="2945"/>
                        </a:lnTo>
                        <a:lnTo>
                          <a:pt x="599" y="2969"/>
                        </a:lnTo>
                        <a:lnTo>
                          <a:pt x="633" y="2996"/>
                        </a:lnTo>
                        <a:lnTo>
                          <a:pt x="670" y="3022"/>
                        </a:lnTo>
                        <a:lnTo>
                          <a:pt x="707" y="3047"/>
                        </a:lnTo>
                        <a:lnTo>
                          <a:pt x="745" y="3071"/>
                        </a:lnTo>
                        <a:lnTo>
                          <a:pt x="783" y="3095"/>
                        </a:lnTo>
                        <a:lnTo>
                          <a:pt x="821" y="3116"/>
                        </a:lnTo>
                        <a:lnTo>
                          <a:pt x="857" y="3134"/>
                        </a:lnTo>
                        <a:lnTo>
                          <a:pt x="891" y="3151"/>
                        </a:lnTo>
                        <a:lnTo>
                          <a:pt x="924" y="3164"/>
                        </a:lnTo>
                        <a:lnTo>
                          <a:pt x="954" y="3174"/>
                        </a:lnTo>
                        <a:lnTo>
                          <a:pt x="980" y="3179"/>
                        </a:lnTo>
                        <a:lnTo>
                          <a:pt x="1004" y="3179"/>
                        </a:lnTo>
                        <a:lnTo>
                          <a:pt x="1022" y="3175"/>
                        </a:lnTo>
                        <a:lnTo>
                          <a:pt x="1021" y="3170"/>
                        </a:lnTo>
                        <a:lnTo>
                          <a:pt x="1020" y="3163"/>
                        </a:lnTo>
                        <a:lnTo>
                          <a:pt x="1018" y="3158"/>
                        </a:lnTo>
                        <a:lnTo>
                          <a:pt x="1033" y="3147"/>
                        </a:lnTo>
                        <a:lnTo>
                          <a:pt x="1046" y="3137"/>
                        </a:lnTo>
                        <a:lnTo>
                          <a:pt x="1031" y="3121"/>
                        </a:lnTo>
                        <a:lnTo>
                          <a:pt x="1016" y="3107"/>
                        </a:lnTo>
                        <a:lnTo>
                          <a:pt x="1001" y="3095"/>
                        </a:lnTo>
                        <a:lnTo>
                          <a:pt x="987" y="3086"/>
                        </a:lnTo>
                        <a:lnTo>
                          <a:pt x="976" y="3081"/>
                        </a:lnTo>
                        <a:lnTo>
                          <a:pt x="971" y="3078"/>
                        </a:lnTo>
                        <a:lnTo>
                          <a:pt x="955" y="3068"/>
                        </a:lnTo>
                        <a:lnTo>
                          <a:pt x="936" y="3053"/>
                        </a:lnTo>
                        <a:lnTo>
                          <a:pt x="914" y="3034"/>
                        </a:lnTo>
                        <a:lnTo>
                          <a:pt x="887" y="3010"/>
                        </a:lnTo>
                        <a:lnTo>
                          <a:pt x="860" y="2981"/>
                        </a:lnTo>
                        <a:lnTo>
                          <a:pt x="830" y="2951"/>
                        </a:lnTo>
                        <a:lnTo>
                          <a:pt x="797" y="2917"/>
                        </a:lnTo>
                        <a:lnTo>
                          <a:pt x="764" y="2880"/>
                        </a:lnTo>
                        <a:lnTo>
                          <a:pt x="730" y="2841"/>
                        </a:lnTo>
                        <a:lnTo>
                          <a:pt x="695" y="2802"/>
                        </a:lnTo>
                        <a:lnTo>
                          <a:pt x="660" y="2761"/>
                        </a:lnTo>
                        <a:lnTo>
                          <a:pt x="626" y="2721"/>
                        </a:lnTo>
                        <a:lnTo>
                          <a:pt x="591" y="2679"/>
                        </a:lnTo>
                        <a:lnTo>
                          <a:pt x="557" y="2638"/>
                        </a:lnTo>
                        <a:lnTo>
                          <a:pt x="526" y="2599"/>
                        </a:lnTo>
                        <a:lnTo>
                          <a:pt x="495" y="2561"/>
                        </a:lnTo>
                        <a:lnTo>
                          <a:pt x="467" y="2524"/>
                        </a:lnTo>
                        <a:lnTo>
                          <a:pt x="441" y="2492"/>
                        </a:lnTo>
                        <a:lnTo>
                          <a:pt x="417" y="2461"/>
                        </a:lnTo>
                        <a:lnTo>
                          <a:pt x="398" y="2434"/>
                        </a:lnTo>
                        <a:lnTo>
                          <a:pt x="382" y="2410"/>
                        </a:lnTo>
                        <a:lnTo>
                          <a:pt x="369" y="2392"/>
                        </a:lnTo>
                        <a:lnTo>
                          <a:pt x="353" y="2366"/>
                        </a:lnTo>
                        <a:lnTo>
                          <a:pt x="339" y="2333"/>
                        </a:lnTo>
                        <a:lnTo>
                          <a:pt x="323" y="2298"/>
                        </a:lnTo>
                        <a:lnTo>
                          <a:pt x="307" y="2257"/>
                        </a:lnTo>
                        <a:lnTo>
                          <a:pt x="292" y="2215"/>
                        </a:lnTo>
                        <a:lnTo>
                          <a:pt x="277" y="2171"/>
                        </a:lnTo>
                        <a:lnTo>
                          <a:pt x="263" y="2125"/>
                        </a:lnTo>
                        <a:lnTo>
                          <a:pt x="248" y="2079"/>
                        </a:lnTo>
                        <a:lnTo>
                          <a:pt x="235" y="2033"/>
                        </a:lnTo>
                        <a:lnTo>
                          <a:pt x="222" y="1988"/>
                        </a:lnTo>
                        <a:lnTo>
                          <a:pt x="210" y="1944"/>
                        </a:lnTo>
                        <a:lnTo>
                          <a:pt x="200" y="1902"/>
                        </a:lnTo>
                        <a:lnTo>
                          <a:pt x="191" y="1865"/>
                        </a:lnTo>
                        <a:lnTo>
                          <a:pt x="182" y="1830"/>
                        </a:lnTo>
                        <a:lnTo>
                          <a:pt x="174" y="1800"/>
                        </a:lnTo>
                        <a:lnTo>
                          <a:pt x="169" y="1775"/>
                        </a:lnTo>
                        <a:lnTo>
                          <a:pt x="165" y="1757"/>
                        </a:lnTo>
                        <a:lnTo>
                          <a:pt x="162" y="1744"/>
                        </a:lnTo>
                        <a:lnTo>
                          <a:pt x="161" y="1740"/>
                        </a:lnTo>
                        <a:lnTo>
                          <a:pt x="175" y="1731"/>
                        </a:lnTo>
                        <a:lnTo>
                          <a:pt x="189" y="1724"/>
                        </a:lnTo>
                        <a:lnTo>
                          <a:pt x="193" y="1690"/>
                        </a:lnTo>
                        <a:lnTo>
                          <a:pt x="193" y="1658"/>
                        </a:lnTo>
                        <a:lnTo>
                          <a:pt x="195" y="1625"/>
                        </a:lnTo>
                        <a:lnTo>
                          <a:pt x="203" y="1592"/>
                        </a:lnTo>
                        <a:lnTo>
                          <a:pt x="208" y="1594"/>
                        </a:lnTo>
                        <a:lnTo>
                          <a:pt x="212" y="1595"/>
                        </a:lnTo>
                        <a:lnTo>
                          <a:pt x="214" y="1595"/>
                        </a:lnTo>
                        <a:lnTo>
                          <a:pt x="216" y="1595"/>
                        </a:lnTo>
                        <a:lnTo>
                          <a:pt x="217" y="1595"/>
                        </a:lnTo>
                        <a:lnTo>
                          <a:pt x="217" y="1595"/>
                        </a:lnTo>
                        <a:lnTo>
                          <a:pt x="217" y="1595"/>
                        </a:lnTo>
                        <a:lnTo>
                          <a:pt x="220" y="1592"/>
                        </a:lnTo>
                        <a:lnTo>
                          <a:pt x="222" y="1590"/>
                        </a:lnTo>
                        <a:lnTo>
                          <a:pt x="225" y="1587"/>
                        </a:lnTo>
                        <a:lnTo>
                          <a:pt x="226" y="1586"/>
                        </a:lnTo>
                        <a:lnTo>
                          <a:pt x="229" y="1583"/>
                        </a:lnTo>
                        <a:lnTo>
                          <a:pt x="231" y="1580"/>
                        </a:lnTo>
                        <a:lnTo>
                          <a:pt x="234" y="1578"/>
                        </a:lnTo>
                        <a:lnTo>
                          <a:pt x="254" y="1584"/>
                        </a:lnTo>
                        <a:lnTo>
                          <a:pt x="269" y="1588"/>
                        </a:lnTo>
                        <a:lnTo>
                          <a:pt x="281" y="1588"/>
                        </a:lnTo>
                        <a:lnTo>
                          <a:pt x="292" y="1586"/>
                        </a:lnTo>
                        <a:lnTo>
                          <a:pt x="302" y="1580"/>
                        </a:lnTo>
                        <a:lnTo>
                          <a:pt x="313" y="1569"/>
                        </a:lnTo>
                        <a:lnTo>
                          <a:pt x="324" y="1553"/>
                        </a:lnTo>
                        <a:lnTo>
                          <a:pt x="323" y="1548"/>
                        </a:lnTo>
                        <a:lnTo>
                          <a:pt x="323" y="1542"/>
                        </a:lnTo>
                        <a:lnTo>
                          <a:pt x="322" y="1537"/>
                        </a:lnTo>
                        <a:lnTo>
                          <a:pt x="327" y="1539"/>
                        </a:lnTo>
                        <a:lnTo>
                          <a:pt x="332" y="1541"/>
                        </a:lnTo>
                        <a:lnTo>
                          <a:pt x="337" y="1542"/>
                        </a:lnTo>
                        <a:lnTo>
                          <a:pt x="348" y="1536"/>
                        </a:lnTo>
                        <a:lnTo>
                          <a:pt x="358" y="1532"/>
                        </a:lnTo>
                        <a:lnTo>
                          <a:pt x="369" y="1531"/>
                        </a:lnTo>
                        <a:lnTo>
                          <a:pt x="385" y="1532"/>
                        </a:lnTo>
                        <a:lnTo>
                          <a:pt x="395" y="1523"/>
                        </a:lnTo>
                        <a:lnTo>
                          <a:pt x="403" y="1514"/>
                        </a:lnTo>
                        <a:lnTo>
                          <a:pt x="409" y="1503"/>
                        </a:lnTo>
                        <a:lnTo>
                          <a:pt x="416" y="1491"/>
                        </a:lnTo>
                        <a:lnTo>
                          <a:pt x="421" y="1477"/>
                        </a:lnTo>
                        <a:lnTo>
                          <a:pt x="426" y="1457"/>
                        </a:lnTo>
                        <a:lnTo>
                          <a:pt x="433" y="1433"/>
                        </a:lnTo>
                        <a:lnTo>
                          <a:pt x="446" y="1378"/>
                        </a:lnTo>
                        <a:lnTo>
                          <a:pt x="458" y="1329"/>
                        </a:lnTo>
                        <a:lnTo>
                          <a:pt x="468" y="1289"/>
                        </a:lnTo>
                        <a:lnTo>
                          <a:pt x="478" y="1253"/>
                        </a:lnTo>
                        <a:lnTo>
                          <a:pt x="485" y="1224"/>
                        </a:lnTo>
                        <a:lnTo>
                          <a:pt x="491" y="1199"/>
                        </a:lnTo>
                        <a:lnTo>
                          <a:pt x="496" y="1179"/>
                        </a:lnTo>
                        <a:lnTo>
                          <a:pt x="501" y="1163"/>
                        </a:lnTo>
                        <a:lnTo>
                          <a:pt x="505" y="1150"/>
                        </a:lnTo>
                        <a:lnTo>
                          <a:pt x="508" y="1139"/>
                        </a:lnTo>
                        <a:lnTo>
                          <a:pt x="512" y="1131"/>
                        </a:lnTo>
                        <a:lnTo>
                          <a:pt x="514" y="1125"/>
                        </a:lnTo>
                        <a:lnTo>
                          <a:pt x="517" y="1118"/>
                        </a:lnTo>
                        <a:lnTo>
                          <a:pt x="519" y="1113"/>
                        </a:lnTo>
                        <a:lnTo>
                          <a:pt x="523" y="1108"/>
                        </a:lnTo>
                        <a:lnTo>
                          <a:pt x="535" y="1079"/>
                        </a:lnTo>
                        <a:lnTo>
                          <a:pt x="540" y="1052"/>
                        </a:lnTo>
                        <a:lnTo>
                          <a:pt x="538" y="1023"/>
                        </a:lnTo>
                        <a:lnTo>
                          <a:pt x="533" y="995"/>
                        </a:lnTo>
                        <a:lnTo>
                          <a:pt x="523" y="968"/>
                        </a:lnTo>
                        <a:lnTo>
                          <a:pt x="516" y="940"/>
                        </a:lnTo>
                        <a:lnTo>
                          <a:pt x="508" y="913"/>
                        </a:lnTo>
                        <a:lnTo>
                          <a:pt x="504" y="885"/>
                        </a:lnTo>
                        <a:lnTo>
                          <a:pt x="505" y="858"/>
                        </a:lnTo>
                        <a:lnTo>
                          <a:pt x="513" y="829"/>
                        </a:lnTo>
                        <a:lnTo>
                          <a:pt x="514" y="825"/>
                        </a:lnTo>
                        <a:lnTo>
                          <a:pt x="514" y="822"/>
                        </a:lnTo>
                        <a:lnTo>
                          <a:pt x="514" y="820"/>
                        </a:lnTo>
                        <a:lnTo>
                          <a:pt x="514" y="813"/>
                        </a:lnTo>
                        <a:lnTo>
                          <a:pt x="514" y="807"/>
                        </a:lnTo>
                        <a:lnTo>
                          <a:pt x="516" y="800"/>
                        </a:lnTo>
                        <a:lnTo>
                          <a:pt x="516" y="794"/>
                        </a:lnTo>
                        <a:lnTo>
                          <a:pt x="516" y="787"/>
                        </a:lnTo>
                        <a:lnTo>
                          <a:pt x="516" y="781"/>
                        </a:lnTo>
                        <a:lnTo>
                          <a:pt x="517" y="774"/>
                        </a:lnTo>
                        <a:lnTo>
                          <a:pt x="521" y="760"/>
                        </a:lnTo>
                        <a:lnTo>
                          <a:pt x="525" y="745"/>
                        </a:lnTo>
                        <a:lnTo>
                          <a:pt x="529" y="732"/>
                        </a:lnTo>
                        <a:lnTo>
                          <a:pt x="530" y="716"/>
                        </a:lnTo>
                        <a:lnTo>
                          <a:pt x="530" y="701"/>
                        </a:lnTo>
                        <a:lnTo>
                          <a:pt x="529" y="682"/>
                        </a:lnTo>
                        <a:lnTo>
                          <a:pt x="525" y="663"/>
                        </a:lnTo>
                        <a:lnTo>
                          <a:pt x="519" y="638"/>
                        </a:lnTo>
                        <a:lnTo>
                          <a:pt x="510" y="610"/>
                        </a:lnTo>
                        <a:lnTo>
                          <a:pt x="499" y="576"/>
                        </a:lnTo>
                        <a:lnTo>
                          <a:pt x="484" y="538"/>
                        </a:lnTo>
                        <a:lnTo>
                          <a:pt x="481" y="534"/>
                        </a:lnTo>
                        <a:lnTo>
                          <a:pt x="479" y="531"/>
                        </a:lnTo>
                        <a:lnTo>
                          <a:pt x="478" y="529"/>
                        </a:lnTo>
                        <a:lnTo>
                          <a:pt x="478" y="528"/>
                        </a:lnTo>
                        <a:lnTo>
                          <a:pt x="476" y="527"/>
                        </a:lnTo>
                        <a:lnTo>
                          <a:pt x="476" y="527"/>
                        </a:lnTo>
                        <a:lnTo>
                          <a:pt x="476" y="527"/>
                        </a:lnTo>
                        <a:lnTo>
                          <a:pt x="475" y="528"/>
                        </a:lnTo>
                        <a:lnTo>
                          <a:pt x="474" y="529"/>
                        </a:lnTo>
                        <a:lnTo>
                          <a:pt x="472" y="529"/>
                        </a:lnTo>
                        <a:lnTo>
                          <a:pt x="470" y="531"/>
                        </a:lnTo>
                        <a:lnTo>
                          <a:pt x="468" y="532"/>
                        </a:lnTo>
                        <a:lnTo>
                          <a:pt x="467" y="532"/>
                        </a:lnTo>
                        <a:lnTo>
                          <a:pt x="466" y="533"/>
                        </a:lnTo>
                        <a:lnTo>
                          <a:pt x="453" y="524"/>
                        </a:lnTo>
                        <a:lnTo>
                          <a:pt x="440" y="512"/>
                        </a:lnTo>
                        <a:lnTo>
                          <a:pt x="444" y="485"/>
                        </a:lnTo>
                        <a:lnTo>
                          <a:pt x="447" y="457"/>
                        </a:lnTo>
                        <a:lnTo>
                          <a:pt x="451" y="430"/>
                        </a:lnTo>
                        <a:lnTo>
                          <a:pt x="451" y="401"/>
                        </a:lnTo>
                        <a:lnTo>
                          <a:pt x="446" y="400"/>
                        </a:lnTo>
                        <a:lnTo>
                          <a:pt x="441" y="400"/>
                        </a:lnTo>
                        <a:lnTo>
                          <a:pt x="436" y="398"/>
                        </a:lnTo>
                        <a:lnTo>
                          <a:pt x="434" y="389"/>
                        </a:lnTo>
                        <a:lnTo>
                          <a:pt x="433" y="381"/>
                        </a:lnTo>
                        <a:lnTo>
                          <a:pt x="434" y="372"/>
                        </a:lnTo>
                        <a:lnTo>
                          <a:pt x="436" y="363"/>
                        </a:lnTo>
                        <a:lnTo>
                          <a:pt x="440" y="351"/>
                        </a:lnTo>
                        <a:lnTo>
                          <a:pt x="446" y="338"/>
                        </a:lnTo>
                        <a:lnTo>
                          <a:pt x="455" y="322"/>
                        </a:lnTo>
                        <a:lnTo>
                          <a:pt x="467" y="301"/>
                        </a:lnTo>
                        <a:lnTo>
                          <a:pt x="472" y="299"/>
                        </a:lnTo>
                        <a:lnTo>
                          <a:pt x="476" y="295"/>
                        </a:lnTo>
                        <a:lnTo>
                          <a:pt x="481" y="291"/>
                        </a:lnTo>
                        <a:lnTo>
                          <a:pt x="487" y="288"/>
                        </a:lnTo>
                        <a:lnTo>
                          <a:pt x="491" y="284"/>
                        </a:lnTo>
                        <a:lnTo>
                          <a:pt x="496" y="282"/>
                        </a:lnTo>
                        <a:lnTo>
                          <a:pt x="501" y="278"/>
                        </a:lnTo>
                        <a:lnTo>
                          <a:pt x="505" y="275"/>
                        </a:lnTo>
                        <a:lnTo>
                          <a:pt x="512" y="261"/>
                        </a:lnTo>
                        <a:lnTo>
                          <a:pt x="519" y="245"/>
                        </a:lnTo>
                        <a:lnTo>
                          <a:pt x="529" y="227"/>
                        </a:lnTo>
                        <a:lnTo>
                          <a:pt x="538" y="210"/>
                        </a:lnTo>
                        <a:lnTo>
                          <a:pt x="547" y="194"/>
                        </a:lnTo>
                        <a:lnTo>
                          <a:pt x="555" y="180"/>
                        </a:lnTo>
                        <a:lnTo>
                          <a:pt x="560" y="168"/>
                        </a:lnTo>
                        <a:lnTo>
                          <a:pt x="565" y="160"/>
                        </a:lnTo>
                        <a:lnTo>
                          <a:pt x="567" y="157"/>
                        </a:lnTo>
                        <a:lnTo>
                          <a:pt x="565" y="157"/>
                        </a:lnTo>
                        <a:lnTo>
                          <a:pt x="564" y="159"/>
                        </a:lnTo>
                        <a:lnTo>
                          <a:pt x="564" y="160"/>
                        </a:lnTo>
                        <a:lnTo>
                          <a:pt x="563" y="160"/>
                        </a:lnTo>
                        <a:lnTo>
                          <a:pt x="561" y="161"/>
                        </a:lnTo>
                        <a:lnTo>
                          <a:pt x="560" y="161"/>
                        </a:lnTo>
                        <a:lnTo>
                          <a:pt x="560" y="163"/>
                        </a:lnTo>
                        <a:lnTo>
                          <a:pt x="559" y="163"/>
                        </a:lnTo>
                        <a:lnTo>
                          <a:pt x="571" y="147"/>
                        </a:lnTo>
                        <a:lnTo>
                          <a:pt x="580" y="134"/>
                        </a:lnTo>
                        <a:lnTo>
                          <a:pt x="589" y="122"/>
                        </a:lnTo>
                        <a:lnTo>
                          <a:pt x="597" y="109"/>
                        </a:lnTo>
                        <a:lnTo>
                          <a:pt x="609" y="93"/>
                        </a:lnTo>
                        <a:lnTo>
                          <a:pt x="591" y="100"/>
                        </a:lnTo>
                        <a:lnTo>
                          <a:pt x="573" y="112"/>
                        </a:lnTo>
                        <a:lnTo>
                          <a:pt x="556" y="125"/>
                        </a:lnTo>
                        <a:lnTo>
                          <a:pt x="540" y="138"/>
                        </a:lnTo>
                        <a:lnTo>
                          <a:pt x="526" y="150"/>
                        </a:lnTo>
                        <a:lnTo>
                          <a:pt x="516" y="160"/>
                        </a:lnTo>
                        <a:lnTo>
                          <a:pt x="509" y="167"/>
                        </a:lnTo>
                        <a:lnTo>
                          <a:pt x="510" y="163"/>
                        </a:lnTo>
                        <a:lnTo>
                          <a:pt x="512" y="159"/>
                        </a:lnTo>
                        <a:lnTo>
                          <a:pt x="514" y="155"/>
                        </a:lnTo>
                        <a:lnTo>
                          <a:pt x="517" y="151"/>
                        </a:lnTo>
                        <a:lnTo>
                          <a:pt x="521" y="144"/>
                        </a:lnTo>
                        <a:lnTo>
                          <a:pt x="527" y="138"/>
                        </a:lnTo>
                        <a:lnTo>
                          <a:pt x="535" y="127"/>
                        </a:lnTo>
                        <a:lnTo>
                          <a:pt x="546" y="116"/>
                        </a:lnTo>
                        <a:lnTo>
                          <a:pt x="559" y="100"/>
                        </a:lnTo>
                        <a:lnTo>
                          <a:pt x="576" y="82"/>
                        </a:lnTo>
                        <a:lnTo>
                          <a:pt x="597" y="59"/>
                        </a:lnTo>
                        <a:lnTo>
                          <a:pt x="620" y="32"/>
                        </a:lnTo>
                        <a:lnTo>
                          <a:pt x="649" y="0"/>
                        </a:lnTo>
                        <a:lnTo>
                          <a:pt x="635" y="11"/>
                        </a:lnTo>
                        <a:lnTo>
                          <a:pt x="620" y="23"/>
                        </a:lnTo>
                        <a:lnTo>
                          <a:pt x="624" y="19"/>
                        </a:lnTo>
                        <a:lnTo>
                          <a:pt x="628" y="13"/>
                        </a:lnTo>
                        <a:lnTo>
                          <a:pt x="631" y="10"/>
                        </a:lnTo>
                        <a:lnTo>
                          <a:pt x="627" y="13"/>
                        </a:lnTo>
                        <a:lnTo>
                          <a:pt x="622" y="17"/>
                        </a:lnTo>
                        <a:lnTo>
                          <a:pt x="618" y="21"/>
                        </a:lnTo>
                        <a:lnTo>
                          <a:pt x="620" y="17"/>
                        </a:lnTo>
                        <a:lnTo>
                          <a:pt x="624" y="13"/>
                        </a:lnTo>
                        <a:lnTo>
                          <a:pt x="627" y="10"/>
                        </a:lnTo>
                        <a:lnTo>
                          <a:pt x="588" y="49"/>
                        </a:lnTo>
                        <a:lnTo>
                          <a:pt x="554" y="89"/>
                        </a:lnTo>
                        <a:lnTo>
                          <a:pt x="521" y="126"/>
                        </a:lnTo>
                        <a:lnTo>
                          <a:pt x="491" y="161"/>
                        </a:lnTo>
                        <a:lnTo>
                          <a:pt x="463" y="195"/>
                        </a:lnTo>
                        <a:lnTo>
                          <a:pt x="436" y="231"/>
                        </a:lnTo>
                        <a:lnTo>
                          <a:pt x="408" y="266"/>
                        </a:lnTo>
                        <a:lnTo>
                          <a:pt x="381" y="305"/>
                        </a:lnTo>
                        <a:lnTo>
                          <a:pt x="353" y="347"/>
                        </a:lnTo>
                        <a:lnTo>
                          <a:pt x="324" y="393"/>
                        </a:lnTo>
                        <a:lnTo>
                          <a:pt x="293" y="444"/>
                        </a:lnTo>
                        <a:lnTo>
                          <a:pt x="260" y="503"/>
                        </a:lnTo>
                        <a:lnTo>
                          <a:pt x="239" y="545"/>
                        </a:lnTo>
                        <a:lnTo>
                          <a:pt x="221" y="583"/>
                        </a:lnTo>
                        <a:lnTo>
                          <a:pt x="204" y="616"/>
                        </a:lnTo>
                        <a:lnTo>
                          <a:pt x="191" y="644"/>
                        </a:lnTo>
                        <a:lnTo>
                          <a:pt x="178" y="671"/>
                        </a:lnTo>
                        <a:lnTo>
                          <a:pt x="167" y="697"/>
                        </a:lnTo>
                        <a:lnTo>
                          <a:pt x="157" y="722"/>
                        </a:lnTo>
                        <a:lnTo>
                          <a:pt x="146" y="747"/>
                        </a:lnTo>
                        <a:lnTo>
                          <a:pt x="136" y="774"/>
                        </a:lnTo>
                        <a:lnTo>
                          <a:pt x="125" y="803"/>
                        </a:lnTo>
                        <a:lnTo>
                          <a:pt x="115" y="836"/>
                        </a:lnTo>
                        <a:lnTo>
                          <a:pt x="102" y="874"/>
                        </a:lnTo>
                        <a:lnTo>
                          <a:pt x="89" y="922"/>
                        </a:lnTo>
                        <a:lnTo>
                          <a:pt x="77" y="963"/>
                        </a:lnTo>
                        <a:lnTo>
                          <a:pt x="68" y="999"/>
                        </a:lnTo>
                        <a:lnTo>
                          <a:pt x="59" y="1029"/>
                        </a:lnTo>
                        <a:lnTo>
                          <a:pt x="52" y="1057"/>
                        </a:lnTo>
                        <a:lnTo>
                          <a:pt x="47" y="1082"/>
                        </a:lnTo>
                        <a:lnTo>
                          <a:pt x="42" y="1107"/>
                        </a:lnTo>
                        <a:lnTo>
                          <a:pt x="36" y="1129"/>
                        </a:lnTo>
                        <a:lnTo>
                          <a:pt x="32" y="1154"/>
                        </a:lnTo>
                        <a:lnTo>
                          <a:pt x="28" y="1180"/>
                        </a:lnTo>
                        <a:lnTo>
                          <a:pt x="23" y="1209"/>
                        </a:lnTo>
                        <a:lnTo>
                          <a:pt x="19" y="1243"/>
                        </a:lnTo>
                        <a:lnTo>
                          <a:pt x="14" y="1294"/>
                        </a:lnTo>
                        <a:lnTo>
                          <a:pt x="10" y="1337"/>
                        </a:lnTo>
                        <a:lnTo>
                          <a:pt x="7" y="1375"/>
                        </a:lnTo>
                        <a:lnTo>
                          <a:pt x="5" y="1408"/>
                        </a:lnTo>
                        <a:lnTo>
                          <a:pt x="2" y="1436"/>
                        </a:lnTo>
                        <a:lnTo>
                          <a:pt x="1" y="1463"/>
                        </a:lnTo>
                        <a:lnTo>
                          <a:pt x="0" y="1486"/>
                        </a:lnTo>
                        <a:lnTo>
                          <a:pt x="0" y="1511"/>
                        </a:lnTo>
                        <a:lnTo>
                          <a:pt x="0" y="1536"/>
                        </a:lnTo>
                        <a:lnTo>
                          <a:pt x="1" y="1562"/>
                        </a:lnTo>
                        <a:lnTo>
                          <a:pt x="1" y="1592"/>
                        </a:lnTo>
                        <a:lnTo>
                          <a:pt x="2" y="1626"/>
                        </a:lnTo>
                        <a:lnTo>
                          <a:pt x="9" y="1701"/>
                        </a:lnTo>
                        <a:lnTo>
                          <a:pt x="17" y="1769"/>
                        </a:lnTo>
                        <a:lnTo>
                          <a:pt x="24" y="1834"/>
                        </a:lnTo>
                        <a:lnTo>
                          <a:pt x="34" y="1896"/>
                        </a:lnTo>
                        <a:lnTo>
                          <a:pt x="44" y="1955"/>
                        </a:lnTo>
                        <a:lnTo>
                          <a:pt x="56" y="2012"/>
                        </a:lnTo>
                        <a:lnTo>
                          <a:pt x="70" y="2070"/>
                        </a:lnTo>
                        <a:lnTo>
                          <a:pt x="86" y="2128"/>
                        </a:lnTo>
                        <a:lnTo>
                          <a:pt x="104" y="2188"/>
                        </a:lnTo>
                        <a:lnTo>
                          <a:pt x="127" y="2249"/>
                        </a:lnTo>
                        <a:lnTo>
                          <a:pt x="150" y="2315"/>
                        </a:lnTo>
                        <a:lnTo>
                          <a:pt x="179" y="2386"/>
                        </a:lnTo>
                        <a:lnTo>
                          <a:pt x="238" y="2510"/>
                        </a:lnTo>
                        <a:lnTo>
                          <a:pt x="281" y="2588"/>
                        </a:lnTo>
                        <a:lnTo>
                          <a:pt x="326" y="2663"/>
                        </a:lnTo>
                        <a:lnTo>
                          <a:pt x="373" y="2732"/>
                        </a:lnTo>
                        <a:lnTo>
                          <a:pt x="421" y="2798"/>
                        </a:lnTo>
                        <a:lnTo>
                          <a:pt x="468" y="2855"/>
                        </a:lnTo>
                        <a:close/>
                      </a:path>
                    </a:pathLst>
                  </a:custGeom>
                  <a:grpFill/>
                  <a:ln w="0">
                    <a:solidFill>
                      <a:srgbClr val="FFFFFF"/>
                    </a:solidFill>
                    <a:prstDash val="solid"/>
                    <a:round/>
                    <a:headEnd/>
                    <a:tailEnd/>
                  </a:ln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800" b="0" i="0" u="none" strike="noStrike" kern="0" cap="none" spc="0" normalizeH="0" baseline="0" noProof="0" smtClean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/>
                      <a:ea typeface="+mn-ea"/>
                    </a:endParaRPr>
                  </a:p>
                </p:txBody>
              </p:sp>
              <p:grpSp>
                <p:nvGrpSpPr>
                  <p:cNvPr id="274" name="Group 721"/>
                  <p:cNvGrpSpPr/>
                  <p:nvPr/>
                </p:nvGrpSpPr>
                <p:grpSpPr>
                  <a:xfrm>
                    <a:off x="1989845" y="1298295"/>
                    <a:ext cx="4482021" cy="4680233"/>
                    <a:chOff x="1989845" y="1298295"/>
                    <a:chExt cx="4482021" cy="4680233"/>
                  </a:xfrm>
                  <a:grpFill/>
                </p:grpSpPr>
                <p:sp>
                  <p:nvSpPr>
                    <p:cNvPr id="275" name="Freeform 71"/>
                    <p:cNvSpPr>
                      <a:spLocks/>
                    </p:cNvSpPr>
                    <p:nvPr/>
                  </p:nvSpPr>
                  <p:spPr bwMode="auto">
                    <a:xfrm>
                      <a:off x="5413528" y="3109843"/>
                      <a:ext cx="28831" cy="60065"/>
                    </a:xfrm>
                    <a:custGeom>
                      <a:avLst/>
                      <a:gdLst>
                        <a:gd name="T0" fmla="*/ 1 w 24"/>
                        <a:gd name="T1" fmla="*/ 47 h 50"/>
                        <a:gd name="T2" fmla="*/ 3 w 24"/>
                        <a:gd name="T3" fmla="*/ 47 h 50"/>
                        <a:gd name="T4" fmla="*/ 5 w 24"/>
                        <a:gd name="T5" fmla="*/ 49 h 50"/>
                        <a:gd name="T6" fmla="*/ 6 w 24"/>
                        <a:gd name="T7" fmla="*/ 49 h 50"/>
                        <a:gd name="T8" fmla="*/ 7 w 24"/>
                        <a:gd name="T9" fmla="*/ 49 h 50"/>
                        <a:gd name="T10" fmla="*/ 9 w 24"/>
                        <a:gd name="T11" fmla="*/ 49 h 50"/>
                        <a:gd name="T12" fmla="*/ 10 w 24"/>
                        <a:gd name="T13" fmla="*/ 49 h 50"/>
                        <a:gd name="T14" fmla="*/ 11 w 24"/>
                        <a:gd name="T15" fmla="*/ 49 h 50"/>
                        <a:gd name="T16" fmla="*/ 13 w 24"/>
                        <a:gd name="T17" fmla="*/ 49 h 50"/>
                        <a:gd name="T18" fmla="*/ 14 w 24"/>
                        <a:gd name="T19" fmla="*/ 49 h 50"/>
                        <a:gd name="T20" fmla="*/ 15 w 24"/>
                        <a:gd name="T21" fmla="*/ 49 h 50"/>
                        <a:gd name="T22" fmla="*/ 18 w 24"/>
                        <a:gd name="T23" fmla="*/ 50 h 50"/>
                        <a:gd name="T24" fmla="*/ 19 w 24"/>
                        <a:gd name="T25" fmla="*/ 50 h 50"/>
                        <a:gd name="T26" fmla="*/ 20 w 24"/>
                        <a:gd name="T27" fmla="*/ 50 h 50"/>
                        <a:gd name="T28" fmla="*/ 22 w 24"/>
                        <a:gd name="T29" fmla="*/ 50 h 50"/>
                        <a:gd name="T30" fmla="*/ 23 w 24"/>
                        <a:gd name="T31" fmla="*/ 50 h 50"/>
                        <a:gd name="T32" fmla="*/ 24 w 24"/>
                        <a:gd name="T33" fmla="*/ 41 h 50"/>
                        <a:gd name="T34" fmla="*/ 24 w 24"/>
                        <a:gd name="T35" fmla="*/ 29 h 50"/>
                        <a:gd name="T36" fmla="*/ 22 w 24"/>
                        <a:gd name="T37" fmla="*/ 15 h 50"/>
                        <a:gd name="T38" fmla="*/ 18 w 24"/>
                        <a:gd name="T39" fmla="*/ 0 h 50"/>
                        <a:gd name="T40" fmla="*/ 10 w 24"/>
                        <a:gd name="T41" fmla="*/ 7 h 50"/>
                        <a:gd name="T42" fmla="*/ 5 w 24"/>
                        <a:gd name="T43" fmla="*/ 17 h 50"/>
                        <a:gd name="T44" fmla="*/ 2 w 24"/>
                        <a:gd name="T45" fmla="*/ 32 h 50"/>
                        <a:gd name="T46" fmla="*/ 0 w 24"/>
                        <a:gd name="T47" fmla="*/ 47 h 50"/>
                        <a:gd name="T48" fmla="*/ 1 w 24"/>
                        <a:gd name="T49" fmla="*/ 47 h 50"/>
                      </a:gdLst>
                      <a:ahLst/>
                      <a:cxnLst>
                        <a:cxn ang="0">
                          <a:pos x="T0" y="T1"/>
                        </a:cxn>
                        <a:cxn ang="0">
                          <a:pos x="T2" y="T3"/>
                        </a:cxn>
                        <a:cxn ang="0">
                          <a:pos x="T4" y="T5"/>
                        </a:cxn>
                        <a:cxn ang="0">
                          <a:pos x="T6" y="T7"/>
                        </a:cxn>
                        <a:cxn ang="0">
                          <a:pos x="T8" y="T9"/>
                        </a:cxn>
                        <a:cxn ang="0">
                          <a:pos x="T10" y="T11"/>
                        </a:cxn>
                        <a:cxn ang="0">
                          <a:pos x="T12" y="T13"/>
                        </a:cxn>
                        <a:cxn ang="0">
                          <a:pos x="T14" y="T15"/>
                        </a:cxn>
                        <a:cxn ang="0">
                          <a:pos x="T16" y="T17"/>
                        </a:cxn>
                        <a:cxn ang="0">
                          <a:pos x="T18" y="T19"/>
                        </a:cxn>
                        <a:cxn ang="0">
                          <a:pos x="T20" y="T21"/>
                        </a:cxn>
                        <a:cxn ang="0">
                          <a:pos x="T22" y="T23"/>
                        </a:cxn>
                        <a:cxn ang="0">
                          <a:pos x="T24" y="T25"/>
                        </a:cxn>
                        <a:cxn ang="0">
                          <a:pos x="T26" y="T27"/>
                        </a:cxn>
                        <a:cxn ang="0">
                          <a:pos x="T28" y="T29"/>
                        </a:cxn>
                        <a:cxn ang="0">
                          <a:pos x="T30" y="T31"/>
                        </a:cxn>
                        <a:cxn ang="0">
                          <a:pos x="T32" y="T33"/>
                        </a:cxn>
                        <a:cxn ang="0">
                          <a:pos x="T34" y="T35"/>
                        </a:cxn>
                        <a:cxn ang="0">
                          <a:pos x="T36" y="T37"/>
                        </a:cxn>
                        <a:cxn ang="0">
                          <a:pos x="T38" y="T39"/>
                        </a:cxn>
                        <a:cxn ang="0">
                          <a:pos x="T40" y="T41"/>
                        </a:cxn>
                        <a:cxn ang="0">
                          <a:pos x="T42" y="T43"/>
                        </a:cxn>
                        <a:cxn ang="0">
                          <a:pos x="T44" y="T45"/>
                        </a:cxn>
                        <a:cxn ang="0">
                          <a:pos x="T46" y="T47"/>
                        </a:cxn>
                        <a:cxn ang="0">
                          <a:pos x="T48" y="T49"/>
                        </a:cxn>
                      </a:cxnLst>
                      <a:rect l="0" t="0" r="r" b="b"/>
                      <a:pathLst>
                        <a:path w="24" h="50">
                          <a:moveTo>
                            <a:pt x="1" y="47"/>
                          </a:moveTo>
                          <a:lnTo>
                            <a:pt x="3" y="47"/>
                          </a:lnTo>
                          <a:lnTo>
                            <a:pt x="5" y="49"/>
                          </a:lnTo>
                          <a:lnTo>
                            <a:pt x="6" y="49"/>
                          </a:lnTo>
                          <a:lnTo>
                            <a:pt x="7" y="49"/>
                          </a:lnTo>
                          <a:lnTo>
                            <a:pt x="9" y="49"/>
                          </a:lnTo>
                          <a:lnTo>
                            <a:pt x="10" y="49"/>
                          </a:lnTo>
                          <a:lnTo>
                            <a:pt x="11" y="49"/>
                          </a:lnTo>
                          <a:lnTo>
                            <a:pt x="13" y="49"/>
                          </a:lnTo>
                          <a:lnTo>
                            <a:pt x="14" y="49"/>
                          </a:lnTo>
                          <a:lnTo>
                            <a:pt x="15" y="49"/>
                          </a:lnTo>
                          <a:lnTo>
                            <a:pt x="18" y="50"/>
                          </a:lnTo>
                          <a:lnTo>
                            <a:pt x="19" y="50"/>
                          </a:lnTo>
                          <a:lnTo>
                            <a:pt x="20" y="50"/>
                          </a:lnTo>
                          <a:lnTo>
                            <a:pt x="22" y="50"/>
                          </a:lnTo>
                          <a:lnTo>
                            <a:pt x="23" y="50"/>
                          </a:lnTo>
                          <a:lnTo>
                            <a:pt x="24" y="41"/>
                          </a:lnTo>
                          <a:lnTo>
                            <a:pt x="24" y="29"/>
                          </a:lnTo>
                          <a:lnTo>
                            <a:pt x="22" y="15"/>
                          </a:lnTo>
                          <a:lnTo>
                            <a:pt x="18" y="0"/>
                          </a:lnTo>
                          <a:lnTo>
                            <a:pt x="10" y="7"/>
                          </a:lnTo>
                          <a:lnTo>
                            <a:pt x="5" y="17"/>
                          </a:lnTo>
                          <a:lnTo>
                            <a:pt x="2" y="32"/>
                          </a:lnTo>
                          <a:lnTo>
                            <a:pt x="0" y="47"/>
                          </a:lnTo>
                          <a:lnTo>
                            <a:pt x="1" y="47"/>
                          </a:lnTo>
                          <a:close/>
                        </a:path>
                      </a:pathLst>
                    </a:custGeom>
                    <a:grpFill/>
                    <a:ln w="0">
                      <a:solidFill>
                        <a:srgbClr val="FFFFFF"/>
                      </a:solidFill>
                      <a:prstDash val="solid"/>
                      <a:round/>
                      <a:headEnd/>
                      <a:tailEnd/>
                    </a:ln>
                  </p:spPr>
                  <p:txBody>
                    <a:bodyPr vert="horz" wrap="square" lIns="91440" tIns="45720" rIns="91440" bIns="45720" numCol="1" anchor="t" anchorCtr="0" compatLnSpc="1">
                      <a:prstTxWarp prst="textNoShape">
                        <a:avLst/>
                      </a:prstTxWarp>
                    </a:bodyPr>
                    <a:lstStyle/>
                    <a:p>
                      <a:pPr marL="0" marR="0" lvl="0" indent="0" defTabSz="91440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US" sz="1800" b="0" i="0" u="none" strike="noStrike" kern="0" cap="none" spc="0" normalizeH="0" baseline="0" noProof="0" smtClean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Calibri"/>
                        <a:ea typeface="+mn-ea"/>
                      </a:endParaRPr>
                    </a:p>
                  </p:txBody>
                </p:sp>
                <p:sp>
                  <p:nvSpPr>
                    <p:cNvPr id="276" name="Freeform 119"/>
                    <p:cNvSpPr>
                      <a:spLocks/>
                    </p:cNvSpPr>
                    <p:nvPr/>
                  </p:nvSpPr>
                  <p:spPr bwMode="auto">
                    <a:xfrm>
                      <a:off x="5439956" y="2533223"/>
                      <a:ext cx="12013" cy="27630"/>
                    </a:xfrm>
                    <a:custGeom>
                      <a:avLst/>
                      <a:gdLst>
                        <a:gd name="T0" fmla="*/ 10 w 10"/>
                        <a:gd name="T1" fmla="*/ 1 h 23"/>
                        <a:gd name="T2" fmla="*/ 9 w 10"/>
                        <a:gd name="T3" fmla="*/ 6 h 23"/>
                        <a:gd name="T4" fmla="*/ 9 w 10"/>
                        <a:gd name="T5" fmla="*/ 12 h 23"/>
                        <a:gd name="T6" fmla="*/ 8 w 10"/>
                        <a:gd name="T7" fmla="*/ 13 h 23"/>
                        <a:gd name="T8" fmla="*/ 8 w 10"/>
                        <a:gd name="T9" fmla="*/ 17 h 23"/>
                        <a:gd name="T10" fmla="*/ 6 w 10"/>
                        <a:gd name="T11" fmla="*/ 19 h 23"/>
                        <a:gd name="T12" fmla="*/ 4 w 10"/>
                        <a:gd name="T13" fmla="*/ 21 h 23"/>
                        <a:gd name="T14" fmla="*/ 2 w 10"/>
                        <a:gd name="T15" fmla="*/ 22 h 23"/>
                        <a:gd name="T16" fmla="*/ 1 w 10"/>
                        <a:gd name="T17" fmla="*/ 23 h 23"/>
                        <a:gd name="T18" fmla="*/ 0 w 10"/>
                        <a:gd name="T19" fmla="*/ 14 h 23"/>
                        <a:gd name="T20" fmla="*/ 4 w 10"/>
                        <a:gd name="T21" fmla="*/ 8 h 23"/>
                        <a:gd name="T22" fmla="*/ 10 w 10"/>
                        <a:gd name="T23" fmla="*/ 0 h 23"/>
                        <a:gd name="T24" fmla="*/ 10 w 10"/>
                        <a:gd name="T25" fmla="*/ 1 h 23"/>
                      </a:gdLst>
                      <a:ahLst/>
                      <a:cxnLst>
                        <a:cxn ang="0">
                          <a:pos x="T0" y="T1"/>
                        </a:cxn>
                        <a:cxn ang="0">
                          <a:pos x="T2" y="T3"/>
                        </a:cxn>
                        <a:cxn ang="0">
                          <a:pos x="T4" y="T5"/>
                        </a:cxn>
                        <a:cxn ang="0">
                          <a:pos x="T6" y="T7"/>
                        </a:cxn>
                        <a:cxn ang="0">
                          <a:pos x="T8" y="T9"/>
                        </a:cxn>
                        <a:cxn ang="0">
                          <a:pos x="T10" y="T11"/>
                        </a:cxn>
                        <a:cxn ang="0">
                          <a:pos x="T12" y="T13"/>
                        </a:cxn>
                        <a:cxn ang="0">
                          <a:pos x="T14" y="T15"/>
                        </a:cxn>
                        <a:cxn ang="0">
                          <a:pos x="T16" y="T17"/>
                        </a:cxn>
                        <a:cxn ang="0">
                          <a:pos x="T18" y="T19"/>
                        </a:cxn>
                        <a:cxn ang="0">
                          <a:pos x="T20" y="T21"/>
                        </a:cxn>
                        <a:cxn ang="0">
                          <a:pos x="T22" y="T23"/>
                        </a:cxn>
                        <a:cxn ang="0">
                          <a:pos x="T24" y="T25"/>
                        </a:cxn>
                      </a:cxnLst>
                      <a:rect l="0" t="0" r="r" b="b"/>
                      <a:pathLst>
                        <a:path w="10" h="23">
                          <a:moveTo>
                            <a:pt x="10" y="1"/>
                          </a:moveTo>
                          <a:lnTo>
                            <a:pt x="9" y="6"/>
                          </a:lnTo>
                          <a:lnTo>
                            <a:pt x="9" y="12"/>
                          </a:lnTo>
                          <a:lnTo>
                            <a:pt x="8" y="13"/>
                          </a:lnTo>
                          <a:lnTo>
                            <a:pt x="8" y="17"/>
                          </a:lnTo>
                          <a:lnTo>
                            <a:pt x="6" y="19"/>
                          </a:lnTo>
                          <a:lnTo>
                            <a:pt x="4" y="21"/>
                          </a:lnTo>
                          <a:lnTo>
                            <a:pt x="2" y="22"/>
                          </a:lnTo>
                          <a:lnTo>
                            <a:pt x="1" y="23"/>
                          </a:lnTo>
                          <a:lnTo>
                            <a:pt x="0" y="14"/>
                          </a:lnTo>
                          <a:lnTo>
                            <a:pt x="4" y="8"/>
                          </a:lnTo>
                          <a:lnTo>
                            <a:pt x="10" y="0"/>
                          </a:lnTo>
                          <a:lnTo>
                            <a:pt x="10" y="1"/>
                          </a:lnTo>
                          <a:close/>
                        </a:path>
                      </a:pathLst>
                    </a:custGeom>
                    <a:grpFill/>
                    <a:ln w="0">
                      <a:solidFill>
                        <a:srgbClr val="FFFFFF"/>
                      </a:solidFill>
                      <a:prstDash val="solid"/>
                      <a:round/>
                      <a:headEnd/>
                      <a:tailEnd/>
                    </a:ln>
                  </p:spPr>
                  <p:txBody>
                    <a:bodyPr vert="horz" wrap="square" lIns="91440" tIns="45720" rIns="91440" bIns="45720" numCol="1" anchor="t" anchorCtr="0" compatLnSpc="1">
                      <a:prstTxWarp prst="textNoShape">
                        <a:avLst/>
                      </a:prstTxWarp>
                    </a:bodyPr>
                    <a:lstStyle/>
                    <a:p>
                      <a:pPr marL="0" marR="0" lvl="0" indent="0" defTabSz="91440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US" sz="1800" b="0" i="0" u="none" strike="noStrike" kern="0" cap="none" spc="0" normalizeH="0" baseline="0" noProof="0" smtClean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Calibri"/>
                        <a:ea typeface="+mn-ea"/>
                      </a:endParaRPr>
                    </a:p>
                  </p:txBody>
                </p:sp>
                <p:grpSp>
                  <p:nvGrpSpPr>
                    <p:cNvPr id="277" name="Group 724"/>
                    <p:cNvGrpSpPr/>
                    <p:nvPr/>
                  </p:nvGrpSpPr>
                  <p:grpSpPr>
                    <a:xfrm>
                      <a:off x="1989845" y="1298295"/>
                      <a:ext cx="4482021" cy="4680233"/>
                      <a:chOff x="1989845" y="1298295"/>
                      <a:chExt cx="4482021" cy="4680233"/>
                    </a:xfrm>
                    <a:grpFill/>
                  </p:grpSpPr>
                  <p:sp>
                    <p:nvSpPr>
                      <p:cNvPr id="278" name="Freeform 124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4398436" y="3960358"/>
                        <a:ext cx="66071" cy="159772"/>
                      </a:xfrm>
                      <a:custGeom>
                        <a:avLst/>
                        <a:gdLst>
                          <a:gd name="T0" fmla="*/ 55 w 55"/>
                          <a:gd name="T1" fmla="*/ 6 h 133"/>
                          <a:gd name="T2" fmla="*/ 54 w 55"/>
                          <a:gd name="T3" fmla="*/ 38 h 133"/>
                          <a:gd name="T4" fmla="*/ 51 w 55"/>
                          <a:gd name="T5" fmla="*/ 66 h 133"/>
                          <a:gd name="T6" fmla="*/ 47 w 55"/>
                          <a:gd name="T7" fmla="*/ 88 h 133"/>
                          <a:gd name="T8" fmla="*/ 39 w 55"/>
                          <a:gd name="T9" fmla="*/ 108 h 133"/>
                          <a:gd name="T10" fmla="*/ 27 w 55"/>
                          <a:gd name="T11" fmla="*/ 122 h 133"/>
                          <a:gd name="T12" fmla="*/ 10 w 55"/>
                          <a:gd name="T13" fmla="*/ 133 h 133"/>
                          <a:gd name="T14" fmla="*/ 4 w 55"/>
                          <a:gd name="T15" fmla="*/ 116 h 133"/>
                          <a:gd name="T16" fmla="*/ 1 w 55"/>
                          <a:gd name="T17" fmla="*/ 96 h 133"/>
                          <a:gd name="T18" fmla="*/ 0 w 55"/>
                          <a:gd name="T19" fmla="*/ 78 h 133"/>
                          <a:gd name="T20" fmla="*/ 1 w 55"/>
                          <a:gd name="T21" fmla="*/ 59 h 133"/>
                          <a:gd name="T22" fmla="*/ 5 w 55"/>
                          <a:gd name="T23" fmla="*/ 41 h 133"/>
                          <a:gd name="T24" fmla="*/ 13 w 55"/>
                          <a:gd name="T25" fmla="*/ 27 h 133"/>
                          <a:gd name="T26" fmla="*/ 24 w 55"/>
                          <a:gd name="T27" fmla="*/ 14 h 133"/>
                          <a:gd name="T28" fmla="*/ 38 w 55"/>
                          <a:gd name="T29" fmla="*/ 6 h 133"/>
                          <a:gd name="T30" fmla="*/ 55 w 55"/>
                          <a:gd name="T31" fmla="*/ 0 h 133"/>
                          <a:gd name="T32" fmla="*/ 55 w 55"/>
                          <a:gd name="T33" fmla="*/ 3 h 133"/>
                          <a:gd name="T34" fmla="*/ 55 w 55"/>
                          <a:gd name="T35" fmla="*/ 6 h 133"/>
                        </a:gdLst>
                        <a:ahLst/>
                        <a:cxnLst>
                          <a:cxn ang="0">
                            <a:pos x="T0" y="T1"/>
                          </a:cxn>
                          <a:cxn ang="0">
                            <a:pos x="T2" y="T3"/>
                          </a:cxn>
                          <a:cxn ang="0">
                            <a:pos x="T4" y="T5"/>
                          </a:cxn>
                          <a:cxn ang="0">
                            <a:pos x="T6" y="T7"/>
                          </a:cxn>
                          <a:cxn ang="0">
                            <a:pos x="T8" y="T9"/>
                          </a:cxn>
                          <a:cxn ang="0">
                            <a:pos x="T10" y="T11"/>
                          </a:cxn>
                          <a:cxn ang="0">
                            <a:pos x="T12" y="T13"/>
                          </a:cxn>
                          <a:cxn ang="0">
                            <a:pos x="T14" y="T15"/>
                          </a:cxn>
                          <a:cxn ang="0">
                            <a:pos x="T16" y="T17"/>
                          </a:cxn>
                          <a:cxn ang="0">
                            <a:pos x="T18" y="T19"/>
                          </a:cxn>
                          <a:cxn ang="0">
                            <a:pos x="T20" y="T21"/>
                          </a:cxn>
                          <a:cxn ang="0">
                            <a:pos x="T22" y="T23"/>
                          </a:cxn>
                          <a:cxn ang="0">
                            <a:pos x="T24" y="T25"/>
                          </a:cxn>
                          <a:cxn ang="0">
                            <a:pos x="T26" y="T27"/>
                          </a:cxn>
                          <a:cxn ang="0">
                            <a:pos x="T28" y="T29"/>
                          </a:cxn>
                          <a:cxn ang="0">
                            <a:pos x="T30" y="T31"/>
                          </a:cxn>
                          <a:cxn ang="0">
                            <a:pos x="T32" y="T33"/>
                          </a:cxn>
                          <a:cxn ang="0">
                            <a:pos x="T34" y="T35"/>
                          </a:cxn>
                        </a:cxnLst>
                        <a:rect l="0" t="0" r="r" b="b"/>
                        <a:pathLst>
                          <a:path w="55" h="133">
                            <a:moveTo>
                              <a:pt x="55" y="6"/>
                            </a:moveTo>
                            <a:lnTo>
                              <a:pt x="54" y="38"/>
                            </a:lnTo>
                            <a:lnTo>
                              <a:pt x="51" y="66"/>
                            </a:lnTo>
                            <a:lnTo>
                              <a:pt x="47" y="88"/>
                            </a:lnTo>
                            <a:lnTo>
                              <a:pt x="39" y="108"/>
                            </a:lnTo>
                            <a:lnTo>
                              <a:pt x="27" y="122"/>
                            </a:lnTo>
                            <a:lnTo>
                              <a:pt x="10" y="133"/>
                            </a:lnTo>
                            <a:lnTo>
                              <a:pt x="4" y="116"/>
                            </a:lnTo>
                            <a:lnTo>
                              <a:pt x="1" y="96"/>
                            </a:lnTo>
                            <a:lnTo>
                              <a:pt x="0" y="78"/>
                            </a:lnTo>
                            <a:lnTo>
                              <a:pt x="1" y="59"/>
                            </a:lnTo>
                            <a:lnTo>
                              <a:pt x="5" y="41"/>
                            </a:lnTo>
                            <a:lnTo>
                              <a:pt x="13" y="27"/>
                            </a:lnTo>
                            <a:lnTo>
                              <a:pt x="24" y="14"/>
                            </a:lnTo>
                            <a:lnTo>
                              <a:pt x="38" y="6"/>
                            </a:lnTo>
                            <a:lnTo>
                              <a:pt x="55" y="0"/>
                            </a:lnTo>
                            <a:lnTo>
                              <a:pt x="55" y="3"/>
                            </a:lnTo>
                            <a:lnTo>
                              <a:pt x="55" y="6"/>
                            </a:lnTo>
                            <a:close/>
                          </a:path>
                        </a:pathLst>
                      </a:custGeom>
                      <a:grpFill/>
                      <a:ln w="0">
                        <a:solidFill>
                          <a:srgbClr val="FFFFFF"/>
                        </a:solidFill>
                        <a:prstDash val="solid"/>
                        <a:round/>
                        <a:headEnd/>
                        <a:tailEnd/>
                      </a:ln>
                    </p:spPr>
                    <p:txBody>
                      <a:bodyPr vert="horz" wrap="square" lIns="91440" tIns="45720" rIns="91440" bIns="45720" numCol="1" anchor="t" anchorCtr="0" compatLnSpc="1">
                        <a:prstTxWarp prst="textNoShape">
                          <a:avLst/>
                        </a:prstTxWarp>
                      </a:bodyPr>
                      <a:lstStyle/>
                      <a:p>
                        <a:pPr marL="0" marR="0" lvl="0" indent="0" defTabSz="91440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endParaRPr kumimoji="0" lang="en-US" sz="1800" b="0" i="0" u="none" strike="noStrike" kern="0" cap="none" spc="0" normalizeH="0" baseline="0" noProof="0" smtClean="0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Calibri"/>
                          <a:ea typeface="+mn-ea"/>
                        </a:endParaRPr>
                      </a:p>
                    </p:txBody>
                  </p:sp>
                  <p:sp>
                    <p:nvSpPr>
                      <p:cNvPr id="279" name="Freeform 125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4402040" y="4305129"/>
                        <a:ext cx="103311" cy="311135"/>
                      </a:xfrm>
                      <a:custGeom>
                        <a:avLst/>
                        <a:gdLst>
                          <a:gd name="T0" fmla="*/ 86 w 86"/>
                          <a:gd name="T1" fmla="*/ 79 h 259"/>
                          <a:gd name="T2" fmla="*/ 83 w 86"/>
                          <a:gd name="T3" fmla="*/ 97 h 259"/>
                          <a:gd name="T4" fmla="*/ 77 w 86"/>
                          <a:gd name="T5" fmla="*/ 111 h 259"/>
                          <a:gd name="T6" fmla="*/ 70 w 86"/>
                          <a:gd name="T7" fmla="*/ 122 h 259"/>
                          <a:gd name="T8" fmla="*/ 62 w 86"/>
                          <a:gd name="T9" fmla="*/ 128 h 259"/>
                          <a:gd name="T10" fmla="*/ 56 w 86"/>
                          <a:gd name="T11" fmla="*/ 132 h 259"/>
                          <a:gd name="T12" fmla="*/ 65 w 86"/>
                          <a:gd name="T13" fmla="*/ 156 h 259"/>
                          <a:gd name="T14" fmla="*/ 69 w 86"/>
                          <a:gd name="T15" fmla="*/ 174 h 259"/>
                          <a:gd name="T16" fmla="*/ 72 w 86"/>
                          <a:gd name="T17" fmla="*/ 187 h 259"/>
                          <a:gd name="T18" fmla="*/ 69 w 86"/>
                          <a:gd name="T19" fmla="*/ 198 h 259"/>
                          <a:gd name="T20" fmla="*/ 64 w 86"/>
                          <a:gd name="T21" fmla="*/ 206 h 259"/>
                          <a:gd name="T22" fmla="*/ 56 w 86"/>
                          <a:gd name="T23" fmla="*/ 212 h 259"/>
                          <a:gd name="T24" fmla="*/ 56 w 86"/>
                          <a:gd name="T25" fmla="*/ 215 h 259"/>
                          <a:gd name="T26" fmla="*/ 57 w 86"/>
                          <a:gd name="T27" fmla="*/ 217 h 259"/>
                          <a:gd name="T28" fmla="*/ 60 w 86"/>
                          <a:gd name="T29" fmla="*/ 219 h 259"/>
                          <a:gd name="T30" fmla="*/ 62 w 86"/>
                          <a:gd name="T31" fmla="*/ 220 h 259"/>
                          <a:gd name="T32" fmla="*/ 65 w 86"/>
                          <a:gd name="T33" fmla="*/ 220 h 259"/>
                          <a:gd name="T34" fmla="*/ 68 w 86"/>
                          <a:gd name="T35" fmla="*/ 221 h 259"/>
                          <a:gd name="T36" fmla="*/ 70 w 86"/>
                          <a:gd name="T37" fmla="*/ 223 h 259"/>
                          <a:gd name="T38" fmla="*/ 73 w 86"/>
                          <a:gd name="T39" fmla="*/ 225 h 259"/>
                          <a:gd name="T40" fmla="*/ 73 w 86"/>
                          <a:gd name="T41" fmla="*/ 228 h 259"/>
                          <a:gd name="T42" fmla="*/ 74 w 86"/>
                          <a:gd name="T43" fmla="*/ 238 h 259"/>
                          <a:gd name="T44" fmla="*/ 73 w 86"/>
                          <a:gd name="T45" fmla="*/ 246 h 259"/>
                          <a:gd name="T46" fmla="*/ 68 w 86"/>
                          <a:gd name="T47" fmla="*/ 253 h 259"/>
                          <a:gd name="T48" fmla="*/ 59 w 86"/>
                          <a:gd name="T49" fmla="*/ 259 h 259"/>
                          <a:gd name="T50" fmla="*/ 48 w 86"/>
                          <a:gd name="T51" fmla="*/ 252 h 259"/>
                          <a:gd name="T52" fmla="*/ 41 w 86"/>
                          <a:gd name="T53" fmla="*/ 242 h 259"/>
                          <a:gd name="T54" fmla="*/ 35 w 86"/>
                          <a:gd name="T55" fmla="*/ 233 h 259"/>
                          <a:gd name="T56" fmla="*/ 27 w 86"/>
                          <a:gd name="T57" fmla="*/ 224 h 259"/>
                          <a:gd name="T58" fmla="*/ 27 w 86"/>
                          <a:gd name="T59" fmla="*/ 219 h 259"/>
                          <a:gd name="T60" fmla="*/ 27 w 86"/>
                          <a:gd name="T61" fmla="*/ 215 h 259"/>
                          <a:gd name="T62" fmla="*/ 28 w 86"/>
                          <a:gd name="T63" fmla="*/ 211 h 259"/>
                          <a:gd name="T64" fmla="*/ 31 w 86"/>
                          <a:gd name="T65" fmla="*/ 207 h 259"/>
                          <a:gd name="T66" fmla="*/ 35 w 86"/>
                          <a:gd name="T67" fmla="*/ 204 h 259"/>
                          <a:gd name="T68" fmla="*/ 19 w 86"/>
                          <a:gd name="T69" fmla="*/ 178 h 259"/>
                          <a:gd name="T70" fmla="*/ 9 w 86"/>
                          <a:gd name="T71" fmla="*/ 156 h 259"/>
                          <a:gd name="T72" fmla="*/ 2 w 86"/>
                          <a:gd name="T73" fmla="*/ 136 h 259"/>
                          <a:gd name="T74" fmla="*/ 0 w 86"/>
                          <a:gd name="T75" fmla="*/ 121 h 259"/>
                          <a:gd name="T76" fmla="*/ 0 w 86"/>
                          <a:gd name="T77" fmla="*/ 109 h 259"/>
                          <a:gd name="T78" fmla="*/ 1 w 86"/>
                          <a:gd name="T79" fmla="*/ 102 h 259"/>
                          <a:gd name="T80" fmla="*/ 1 w 86"/>
                          <a:gd name="T81" fmla="*/ 94 h 259"/>
                          <a:gd name="T82" fmla="*/ 2 w 86"/>
                          <a:gd name="T83" fmla="*/ 88 h 259"/>
                          <a:gd name="T84" fmla="*/ 7 w 86"/>
                          <a:gd name="T85" fmla="*/ 75 h 259"/>
                          <a:gd name="T86" fmla="*/ 14 w 86"/>
                          <a:gd name="T87" fmla="*/ 63 h 259"/>
                          <a:gd name="T88" fmla="*/ 19 w 86"/>
                          <a:gd name="T89" fmla="*/ 49 h 259"/>
                          <a:gd name="T90" fmla="*/ 18 w 86"/>
                          <a:gd name="T91" fmla="*/ 37 h 259"/>
                          <a:gd name="T92" fmla="*/ 17 w 86"/>
                          <a:gd name="T93" fmla="*/ 25 h 259"/>
                          <a:gd name="T94" fmla="*/ 17 w 86"/>
                          <a:gd name="T95" fmla="*/ 13 h 259"/>
                          <a:gd name="T96" fmla="*/ 23 w 86"/>
                          <a:gd name="T97" fmla="*/ 5 h 259"/>
                          <a:gd name="T98" fmla="*/ 31 w 86"/>
                          <a:gd name="T99" fmla="*/ 1 h 259"/>
                          <a:gd name="T100" fmla="*/ 43 w 86"/>
                          <a:gd name="T101" fmla="*/ 0 h 259"/>
                          <a:gd name="T102" fmla="*/ 56 w 86"/>
                          <a:gd name="T103" fmla="*/ 3 h 259"/>
                          <a:gd name="T104" fmla="*/ 65 w 86"/>
                          <a:gd name="T105" fmla="*/ 11 h 259"/>
                          <a:gd name="T106" fmla="*/ 74 w 86"/>
                          <a:gd name="T107" fmla="*/ 21 h 259"/>
                          <a:gd name="T108" fmla="*/ 79 w 86"/>
                          <a:gd name="T109" fmla="*/ 36 h 259"/>
                          <a:gd name="T110" fmla="*/ 83 w 86"/>
                          <a:gd name="T111" fmla="*/ 50 h 259"/>
                          <a:gd name="T112" fmla="*/ 86 w 86"/>
                          <a:gd name="T113" fmla="*/ 66 h 259"/>
                          <a:gd name="T114" fmla="*/ 86 w 86"/>
                          <a:gd name="T115" fmla="*/ 79 h 259"/>
                        </a:gdLst>
                        <a:ahLst/>
                        <a:cxnLst>
                          <a:cxn ang="0">
                            <a:pos x="T0" y="T1"/>
                          </a:cxn>
                          <a:cxn ang="0">
                            <a:pos x="T2" y="T3"/>
                          </a:cxn>
                          <a:cxn ang="0">
                            <a:pos x="T4" y="T5"/>
                          </a:cxn>
                          <a:cxn ang="0">
                            <a:pos x="T6" y="T7"/>
                          </a:cxn>
                          <a:cxn ang="0">
                            <a:pos x="T8" y="T9"/>
                          </a:cxn>
                          <a:cxn ang="0">
                            <a:pos x="T10" y="T11"/>
                          </a:cxn>
                          <a:cxn ang="0">
                            <a:pos x="T12" y="T13"/>
                          </a:cxn>
                          <a:cxn ang="0">
                            <a:pos x="T14" y="T15"/>
                          </a:cxn>
                          <a:cxn ang="0">
                            <a:pos x="T16" y="T17"/>
                          </a:cxn>
                          <a:cxn ang="0">
                            <a:pos x="T18" y="T19"/>
                          </a:cxn>
                          <a:cxn ang="0">
                            <a:pos x="T20" y="T21"/>
                          </a:cxn>
                          <a:cxn ang="0">
                            <a:pos x="T22" y="T23"/>
                          </a:cxn>
                          <a:cxn ang="0">
                            <a:pos x="T24" y="T25"/>
                          </a:cxn>
                          <a:cxn ang="0">
                            <a:pos x="T26" y="T27"/>
                          </a:cxn>
                          <a:cxn ang="0">
                            <a:pos x="T28" y="T29"/>
                          </a:cxn>
                          <a:cxn ang="0">
                            <a:pos x="T30" y="T31"/>
                          </a:cxn>
                          <a:cxn ang="0">
                            <a:pos x="T32" y="T33"/>
                          </a:cxn>
                          <a:cxn ang="0">
                            <a:pos x="T34" y="T35"/>
                          </a:cxn>
                          <a:cxn ang="0">
                            <a:pos x="T36" y="T37"/>
                          </a:cxn>
                          <a:cxn ang="0">
                            <a:pos x="T38" y="T39"/>
                          </a:cxn>
                          <a:cxn ang="0">
                            <a:pos x="T40" y="T41"/>
                          </a:cxn>
                          <a:cxn ang="0">
                            <a:pos x="T42" y="T43"/>
                          </a:cxn>
                          <a:cxn ang="0">
                            <a:pos x="T44" y="T45"/>
                          </a:cxn>
                          <a:cxn ang="0">
                            <a:pos x="T46" y="T47"/>
                          </a:cxn>
                          <a:cxn ang="0">
                            <a:pos x="T48" y="T49"/>
                          </a:cxn>
                          <a:cxn ang="0">
                            <a:pos x="T50" y="T51"/>
                          </a:cxn>
                          <a:cxn ang="0">
                            <a:pos x="T52" y="T53"/>
                          </a:cxn>
                          <a:cxn ang="0">
                            <a:pos x="T54" y="T55"/>
                          </a:cxn>
                          <a:cxn ang="0">
                            <a:pos x="T56" y="T57"/>
                          </a:cxn>
                          <a:cxn ang="0">
                            <a:pos x="T58" y="T59"/>
                          </a:cxn>
                          <a:cxn ang="0">
                            <a:pos x="T60" y="T61"/>
                          </a:cxn>
                          <a:cxn ang="0">
                            <a:pos x="T62" y="T63"/>
                          </a:cxn>
                          <a:cxn ang="0">
                            <a:pos x="T64" y="T65"/>
                          </a:cxn>
                          <a:cxn ang="0">
                            <a:pos x="T66" y="T67"/>
                          </a:cxn>
                          <a:cxn ang="0">
                            <a:pos x="T68" y="T69"/>
                          </a:cxn>
                          <a:cxn ang="0">
                            <a:pos x="T70" y="T71"/>
                          </a:cxn>
                          <a:cxn ang="0">
                            <a:pos x="T72" y="T73"/>
                          </a:cxn>
                          <a:cxn ang="0">
                            <a:pos x="T74" y="T75"/>
                          </a:cxn>
                          <a:cxn ang="0">
                            <a:pos x="T76" y="T77"/>
                          </a:cxn>
                          <a:cxn ang="0">
                            <a:pos x="T78" y="T79"/>
                          </a:cxn>
                          <a:cxn ang="0">
                            <a:pos x="T80" y="T81"/>
                          </a:cxn>
                          <a:cxn ang="0">
                            <a:pos x="T82" y="T83"/>
                          </a:cxn>
                          <a:cxn ang="0">
                            <a:pos x="T84" y="T85"/>
                          </a:cxn>
                          <a:cxn ang="0">
                            <a:pos x="T86" y="T87"/>
                          </a:cxn>
                          <a:cxn ang="0">
                            <a:pos x="T88" y="T89"/>
                          </a:cxn>
                          <a:cxn ang="0">
                            <a:pos x="T90" y="T91"/>
                          </a:cxn>
                          <a:cxn ang="0">
                            <a:pos x="T92" y="T93"/>
                          </a:cxn>
                          <a:cxn ang="0">
                            <a:pos x="T94" y="T95"/>
                          </a:cxn>
                          <a:cxn ang="0">
                            <a:pos x="T96" y="T97"/>
                          </a:cxn>
                          <a:cxn ang="0">
                            <a:pos x="T98" y="T99"/>
                          </a:cxn>
                          <a:cxn ang="0">
                            <a:pos x="T100" y="T101"/>
                          </a:cxn>
                          <a:cxn ang="0">
                            <a:pos x="T102" y="T103"/>
                          </a:cxn>
                          <a:cxn ang="0">
                            <a:pos x="T104" y="T105"/>
                          </a:cxn>
                          <a:cxn ang="0">
                            <a:pos x="T106" y="T107"/>
                          </a:cxn>
                          <a:cxn ang="0">
                            <a:pos x="T108" y="T109"/>
                          </a:cxn>
                          <a:cxn ang="0">
                            <a:pos x="T110" y="T111"/>
                          </a:cxn>
                          <a:cxn ang="0">
                            <a:pos x="T112" y="T113"/>
                          </a:cxn>
                          <a:cxn ang="0">
                            <a:pos x="T114" y="T115"/>
                          </a:cxn>
                        </a:cxnLst>
                        <a:rect l="0" t="0" r="r" b="b"/>
                        <a:pathLst>
                          <a:path w="86" h="259">
                            <a:moveTo>
                              <a:pt x="86" y="79"/>
                            </a:moveTo>
                            <a:lnTo>
                              <a:pt x="83" y="97"/>
                            </a:lnTo>
                            <a:lnTo>
                              <a:pt x="77" y="111"/>
                            </a:lnTo>
                            <a:lnTo>
                              <a:pt x="70" y="122"/>
                            </a:lnTo>
                            <a:lnTo>
                              <a:pt x="62" y="128"/>
                            </a:lnTo>
                            <a:lnTo>
                              <a:pt x="56" y="132"/>
                            </a:lnTo>
                            <a:lnTo>
                              <a:pt x="65" y="156"/>
                            </a:lnTo>
                            <a:lnTo>
                              <a:pt x="69" y="174"/>
                            </a:lnTo>
                            <a:lnTo>
                              <a:pt x="72" y="187"/>
                            </a:lnTo>
                            <a:lnTo>
                              <a:pt x="69" y="198"/>
                            </a:lnTo>
                            <a:lnTo>
                              <a:pt x="64" y="206"/>
                            </a:lnTo>
                            <a:lnTo>
                              <a:pt x="56" y="212"/>
                            </a:lnTo>
                            <a:lnTo>
                              <a:pt x="56" y="215"/>
                            </a:lnTo>
                            <a:lnTo>
                              <a:pt x="57" y="217"/>
                            </a:lnTo>
                            <a:lnTo>
                              <a:pt x="60" y="219"/>
                            </a:lnTo>
                            <a:lnTo>
                              <a:pt x="62" y="220"/>
                            </a:lnTo>
                            <a:lnTo>
                              <a:pt x="65" y="220"/>
                            </a:lnTo>
                            <a:lnTo>
                              <a:pt x="68" y="221"/>
                            </a:lnTo>
                            <a:lnTo>
                              <a:pt x="70" y="223"/>
                            </a:lnTo>
                            <a:lnTo>
                              <a:pt x="73" y="225"/>
                            </a:lnTo>
                            <a:lnTo>
                              <a:pt x="73" y="228"/>
                            </a:lnTo>
                            <a:lnTo>
                              <a:pt x="74" y="238"/>
                            </a:lnTo>
                            <a:lnTo>
                              <a:pt x="73" y="246"/>
                            </a:lnTo>
                            <a:lnTo>
                              <a:pt x="68" y="253"/>
                            </a:lnTo>
                            <a:lnTo>
                              <a:pt x="59" y="259"/>
                            </a:lnTo>
                            <a:lnTo>
                              <a:pt x="48" y="252"/>
                            </a:lnTo>
                            <a:lnTo>
                              <a:pt x="41" y="242"/>
                            </a:lnTo>
                            <a:lnTo>
                              <a:pt x="35" y="233"/>
                            </a:lnTo>
                            <a:lnTo>
                              <a:pt x="27" y="224"/>
                            </a:lnTo>
                            <a:lnTo>
                              <a:pt x="27" y="219"/>
                            </a:lnTo>
                            <a:lnTo>
                              <a:pt x="27" y="215"/>
                            </a:lnTo>
                            <a:lnTo>
                              <a:pt x="28" y="211"/>
                            </a:lnTo>
                            <a:lnTo>
                              <a:pt x="31" y="207"/>
                            </a:lnTo>
                            <a:lnTo>
                              <a:pt x="35" y="204"/>
                            </a:lnTo>
                            <a:lnTo>
                              <a:pt x="19" y="178"/>
                            </a:lnTo>
                            <a:lnTo>
                              <a:pt x="9" y="156"/>
                            </a:lnTo>
                            <a:lnTo>
                              <a:pt x="2" y="136"/>
                            </a:lnTo>
                            <a:lnTo>
                              <a:pt x="0" y="121"/>
                            </a:lnTo>
                            <a:lnTo>
                              <a:pt x="0" y="109"/>
                            </a:lnTo>
                            <a:lnTo>
                              <a:pt x="1" y="102"/>
                            </a:lnTo>
                            <a:lnTo>
                              <a:pt x="1" y="94"/>
                            </a:lnTo>
                            <a:lnTo>
                              <a:pt x="2" y="88"/>
                            </a:lnTo>
                            <a:lnTo>
                              <a:pt x="7" y="75"/>
                            </a:lnTo>
                            <a:lnTo>
                              <a:pt x="14" y="63"/>
                            </a:lnTo>
                            <a:lnTo>
                              <a:pt x="19" y="49"/>
                            </a:lnTo>
                            <a:lnTo>
                              <a:pt x="18" y="37"/>
                            </a:lnTo>
                            <a:lnTo>
                              <a:pt x="17" y="25"/>
                            </a:lnTo>
                            <a:lnTo>
                              <a:pt x="17" y="13"/>
                            </a:lnTo>
                            <a:lnTo>
                              <a:pt x="23" y="5"/>
                            </a:lnTo>
                            <a:lnTo>
                              <a:pt x="31" y="1"/>
                            </a:lnTo>
                            <a:lnTo>
                              <a:pt x="43" y="0"/>
                            </a:lnTo>
                            <a:lnTo>
                              <a:pt x="56" y="3"/>
                            </a:lnTo>
                            <a:lnTo>
                              <a:pt x="65" y="11"/>
                            </a:lnTo>
                            <a:lnTo>
                              <a:pt x="74" y="21"/>
                            </a:lnTo>
                            <a:lnTo>
                              <a:pt x="79" y="36"/>
                            </a:lnTo>
                            <a:lnTo>
                              <a:pt x="83" y="50"/>
                            </a:lnTo>
                            <a:lnTo>
                              <a:pt x="86" y="66"/>
                            </a:lnTo>
                            <a:lnTo>
                              <a:pt x="86" y="79"/>
                            </a:lnTo>
                            <a:close/>
                          </a:path>
                        </a:pathLst>
                      </a:custGeom>
                      <a:grpFill/>
                      <a:ln w="0">
                        <a:solidFill>
                          <a:srgbClr val="FFFFFF"/>
                        </a:solidFill>
                        <a:prstDash val="solid"/>
                        <a:round/>
                        <a:headEnd/>
                        <a:tailEnd/>
                      </a:ln>
                    </p:spPr>
                    <p:txBody>
                      <a:bodyPr vert="horz" wrap="square" lIns="91440" tIns="45720" rIns="91440" bIns="45720" numCol="1" anchor="t" anchorCtr="0" compatLnSpc="1">
                        <a:prstTxWarp prst="textNoShape">
                          <a:avLst/>
                        </a:prstTxWarp>
                      </a:bodyPr>
                      <a:lstStyle/>
                      <a:p>
                        <a:pPr marL="0" marR="0" lvl="0" indent="0" defTabSz="91440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endParaRPr kumimoji="0" lang="en-US" sz="1800" b="0" i="0" u="none" strike="noStrike" kern="0" cap="none" spc="0" normalizeH="0" baseline="0" noProof="0" smtClean="0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Calibri"/>
                          <a:ea typeface="+mn-ea"/>
                        </a:endParaRPr>
                      </a:p>
                    </p:txBody>
                  </p:sp>
                  <p:sp>
                    <p:nvSpPr>
                      <p:cNvPr id="280" name="Freeform 126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4496942" y="4518958"/>
                        <a:ext cx="86493" cy="80487"/>
                      </a:xfrm>
                      <a:custGeom>
                        <a:avLst/>
                        <a:gdLst>
                          <a:gd name="T0" fmla="*/ 72 w 72"/>
                          <a:gd name="T1" fmla="*/ 62 h 67"/>
                          <a:gd name="T2" fmla="*/ 72 w 72"/>
                          <a:gd name="T3" fmla="*/ 64 h 67"/>
                          <a:gd name="T4" fmla="*/ 71 w 72"/>
                          <a:gd name="T5" fmla="*/ 67 h 67"/>
                          <a:gd name="T6" fmla="*/ 58 w 72"/>
                          <a:gd name="T7" fmla="*/ 58 h 67"/>
                          <a:gd name="T8" fmla="*/ 45 w 72"/>
                          <a:gd name="T9" fmla="*/ 49 h 67"/>
                          <a:gd name="T10" fmla="*/ 31 w 72"/>
                          <a:gd name="T11" fmla="*/ 41 h 67"/>
                          <a:gd name="T12" fmla="*/ 17 w 72"/>
                          <a:gd name="T13" fmla="*/ 36 h 67"/>
                          <a:gd name="T14" fmla="*/ 2 w 72"/>
                          <a:gd name="T15" fmla="*/ 34 h 67"/>
                          <a:gd name="T16" fmla="*/ 0 w 72"/>
                          <a:gd name="T17" fmla="*/ 19 h 67"/>
                          <a:gd name="T18" fmla="*/ 3 w 72"/>
                          <a:gd name="T19" fmla="*/ 8 h 67"/>
                          <a:gd name="T20" fmla="*/ 8 w 72"/>
                          <a:gd name="T21" fmla="*/ 3 h 67"/>
                          <a:gd name="T22" fmla="*/ 17 w 72"/>
                          <a:gd name="T23" fmla="*/ 0 h 67"/>
                          <a:gd name="T24" fmla="*/ 38 w 72"/>
                          <a:gd name="T25" fmla="*/ 3 h 67"/>
                          <a:gd name="T26" fmla="*/ 61 w 72"/>
                          <a:gd name="T27" fmla="*/ 8 h 67"/>
                          <a:gd name="T28" fmla="*/ 58 w 72"/>
                          <a:gd name="T29" fmla="*/ 22 h 67"/>
                          <a:gd name="T30" fmla="*/ 61 w 72"/>
                          <a:gd name="T31" fmla="*/ 34 h 67"/>
                          <a:gd name="T32" fmla="*/ 67 w 72"/>
                          <a:gd name="T33" fmla="*/ 46 h 67"/>
                          <a:gd name="T34" fmla="*/ 70 w 72"/>
                          <a:gd name="T35" fmla="*/ 53 h 67"/>
                          <a:gd name="T36" fmla="*/ 72 w 72"/>
                          <a:gd name="T37" fmla="*/ 58 h 67"/>
                          <a:gd name="T38" fmla="*/ 72 w 72"/>
                          <a:gd name="T39" fmla="*/ 62 h 67"/>
                        </a:gdLst>
                        <a:ahLst/>
                        <a:cxnLst>
                          <a:cxn ang="0">
                            <a:pos x="T0" y="T1"/>
                          </a:cxn>
                          <a:cxn ang="0">
                            <a:pos x="T2" y="T3"/>
                          </a:cxn>
                          <a:cxn ang="0">
                            <a:pos x="T4" y="T5"/>
                          </a:cxn>
                          <a:cxn ang="0">
                            <a:pos x="T6" y="T7"/>
                          </a:cxn>
                          <a:cxn ang="0">
                            <a:pos x="T8" y="T9"/>
                          </a:cxn>
                          <a:cxn ang="0">
                            <a:pos x="T10" y="T11"/>
                          </a:cxn>
                          <a:cxn ang="0">
                            <a:pos x="T12" y="T13"/>
                          </a:cxn>
                          <a:cxn ang="0">
                            <a:pos x="T14" y="T15"/>
                          </a:cxn>
                          <a:cxn ang="0">
                            <a:pos x="T16" y="T17"/>
                          </a:cxn>
                          <a:cxn ang="0">
                            <a:pos x="T18" y="T19"/>
                          </a:cxn>
                          <a:cxn ang="0">
                            <a:pos x="T20" y="T21"/>
                          </a:cxn>
                          <a:cxn ang="0">
                            <a:pos x="T22" y="T23"/>
                          </a:cxn>
                          <a:cxn ang="0">
                            <a:pos x="T24" y="T25"/>
                          </a:cxn>
                          <a:cxn ang="0">
                            <a:pos x="T26" y="T27"/>
                          </a:cxn>
                          <a:cxn ang="0">
                            <a:pos x="T28" y="T29"/>
                          </a:cxn>
                          <a:cxn ang="0">
                            <a:pos x="T30" y="T31"/>
                          </a:cxn>
                          <a:cxn ang="0">
                            <a:pos x="T32" y="T33"/>
                          </a:cxn>
                          <a:cxn ang="0">
                            <a:pos x="T34" y="T35"/>
                          </a:cxn>
                          <a:cxn ang="0">
                            <a:pos x="T36" y="T37"/>
                          </a:cxn>
                          <a:cxn ang="0">
                            <a:pos x="T38" y="T39"/>
                          </a:cxn>
                        </a:cxnLst>
                        <a:rect l="0" t="0" r="r" b="b"/>
                        <a:pathLst>
                          <a:path w="72" h="67">
                            <a:moveTo>
                              <a:pt x="72" y="62"/>
                            </a:moveTo>
                            <a:lnTo>
                              <a:pt x="72" y="64"/>
                            </a:lnTo>
                            <a:lnTo>
                              <a:pt x="71" y="67"/>
                            </a:lnTo>
                            <a:lnTo>
                              <a:pt x="58" y="58"/>
                            </a:lnTo>
                            <a:lnTo>
                              <a:pt x="45" y="49"/>
                            </a:lnTo>
                            <a:lnTo>
                              <a:pt x="31" y="41"/>
                            </a:lnTo>
                            <a:lnTo>
                              <a:pt x="17" y="36"/>
                            </a:lnTo>
                            <a:lnTo>
                              <a:pt x="2" y="34"/>
                            </a:lnTo>
                            <a:lnTo>
                              <a:pt x="0" y="19"/>
                            </a:lnTo>
                            <a:lnTo>
                              <a:pt x="3" y="8"/>
                            </a:lnTo>
                            <a:lnTo>
                              <a:pt x="8" y="3"/>
                            </a:lnTo>
                            <a:lnTo>
                              <a:pt x="17" y="0"/>
                            </a:lnTo>
                            <a:lnTo>
                              <a:pt x="38" y="3"/>
                            </a:lnTo>
                            <a:lnTo>
                              <a:pt x="61" y="8"/>
                            </a:lnTo>
                            <a:lnTo>
                              <a:pt x="58" y="22"/>
                            </a:lnTo>
                            <a:lnTo>
                              <a:pt x="61" y="34"/>
                            </a:lnTo>
                            <a:lnTo>
                              <a:pt x="67" y="46"/>
                            </a:lnTo>
                            <a:lnTo>
                              <a:pt x="70" y="53"/>
                            </a:lnTo>
                            <a:lnTo>
                              <a:pt x="72" y="58"/>
                            </a:lnTo>
                            <a:lnTo>
                              <a:pt x="72" y="62"/>
                            </a:lnTo>
                            <a:close/>
                          </a:path>
                        </a:pathLst>
                      </a:custGeom>
                      <a:grpFill/>
                      <a:ln w="0">
                        <a:solidFill>
                          <a:srgbClr val="FFFFFF"/>
                        </a:solidFill>
                        <a:prstDash val="solid"/>
                        <a:round/>
                        <a:headEnd/>
                        <a:tailEnd/>
                      </a:ln>
                    </p:spPr>
                    <p:txBody>
                      <a:bodyPr vert="horz" wrap="square" lIns="91440" tIns="45720" rIns="91440" bIns="45720" numCol="1" anchor="t" anchorCtr="0" compatLnSpc="1">
                        <a:prstTxWarp prst="textNoShape">
                          <a:avLst/>
                        </a:prstTxWarp>
                      </a:bodyPr>
                      <a:lstStyle/>
                      <a:p>
                        <a:pPr marL="0" marR="0" lvl="0" indent="0" defTabSz="91440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endParaRPr kumimoji="0" lang="en-US" sz="1800" b="0" i="0" u="none" strike="noStrike" kern="0" cap="none" spc="0" normalizeH="0" baseline="0" noProof="0" smtClean="0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Calibri"/>
                          <a:ea typeface="+mn-ea"/>
                        </a:endParaRPr>
                      </a:p>
                    </p:txBody>
                  </p:sp>
                  <p:sp>
                    <p:nvSpPr>
                      <p:cNvPr id="281" name="Freeform 129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4489734" y="4591036"/>
                        <a:ext cx="212629" cy="323148"/>
                      </a:xfrm>
                      <a:custGeom>
                        <a:avLst/>
                        <a:gdLst>
                          <a:gd name="T0" fmla="*/ 171 w 177"/>
                          <a:gd name="T1" fmla="*/ 220 h 269"/>
                          <a:gd name="T2" fmla="*/ 161 w 177"/>
                          <a:gd name="T3" fmla="*/ 227 h 269"/>
                          <a:gd name="T4" fmla="*/ 157 w 177"/>
                          <a:gd name="T5" fmla="*/ 219 h 269"/>
                          <a:gd name="T6" fmla="*/ 154 w 177"/>
                          <a:gd name="T7" fmla="*/ 210 h 269"/>
                          <a:gd name="T8" fmla="*/ 140 w 177"/>
                          <a:gd name="T9" fmla="*/ 220 h 269"/>
                          <a:gd name="T10" fmla="*/ 144 w 177"/>
                          <a:gd name="T11" fmla="*/ 248 h 269"/>
                          <a:gd name="T12" fmla="*/ 140 w 177"/>
                          <a:gd name="T13" fmla="*/ 269 h 269"/>
                          <a:gd name="T14" fmla="*/ 109 w 177"/>
                          <a:gd name="T15" fmla="*/ 257 h 269"/>
                          <a:gd name="T16" fmla="*/ 90 w 177"/>
                          <a:gd name="T17" fmla="*/ 222 h 269"/>
                          <a:gd name="T18" fmla="*/ 86 w 177"/>
                          <a:gd name="T19" fmla="*/ 205 h 269"/>
                          <a:gd name="T20" fmla="*/ 77 w 177"/>
                          <a:gd name="T21" fmla="*/ 202 h 269"/>
                          <a:gd name="T22" fmla="*/ 48 w 177"/>
                          <a:gd name="T23" fmla="*/ 199 h 269"/>
                          <a:gd name="T24" fmla="*/ 33 w 177"/>
                          <a:gd name="T25" fmla="*/ 210 h 269"/>
                          <a:gd name="T26" fmla="*/ 34 w 177"/>
                          <a:gd name="T27" fmla="*/ 220 h 269"/>
                          <a:gd name="T28" fmla="*/ 34 w 177"/>
                          <a:gd name="T29" fmla="*/ 223 h 269"/>
                          <a:gd name="T30" fmla="*/ 12 w 177"/>
                          <a:gd name="T31" fmla="*/ 216 h 269"/>
                          <a:gd name="T32" fmla="*/ 46 w 177"/>
                          <a:gd name="T33" fmla="*/ 168 h 269"/>
                          <a:gd name="T34" fmla="*/ 98 w 177"/>
                          <a:gd name="T35" fmla="*/ 167 h 269"/>
                          <a:gd name="T36" fmla="*/ 106 w 177"/>
                          <a:gd name="T37" fmla="*/ 156 h 269"/>
                          <a:gd name="T38" fmla="*/ 116 w 177"/>
                          <a:gd name="T39" fmla="*/ 147 h 269"/>
                          <a:gd name="T40" fmla="*/ 127 w 177"/>
                          <a:gd name="T41" fmla="*/ 147 h 269"/>
                          <a:gd name="T42" fmla="*/ 130 w 177"/>
                          <a:gd name="T43" fmla="*/ 138 h 269"/>
                          <a:gd name="T44" fmla="*/ 130 w 177"/>
                          <a:gd name="T45" fmla="*/ 122 h 269"/>
                          <a:gd name="T46" fmla="*/ 128 w 177"/>
                          <a:gd name="T47" fmla="*/ 106 h 269"/>
                          <a:gd name="T48" fmla="*/ 124 w 177"/>
                          <a:gd name="T49" fmla="*/ 103 h 269"/>
                          <a:gd name="T50" fmla="*/ 107 w 177"/>
                          <a:gd name="T51" fmla="*/ 104 h 269"/>
                          <a:gd name="T52" fmla="*/ 107 w 177"/>
                          <a:gd name="T53" fmla="*/ 95 h 269"/>
                          <a:gd name="T54" fmla="*/ 106 w 177"/>
                          <a:gd name="T55" fmla="*/ 80 h 269"/>
                          <a:gd name="T56" fmla="*/ 106 w 177"/>
                          <a:gd name="T57" fmla="*/ 67 h 269"/>
                          <a:gd name="T58" fmla="*/ 88 w 177"/>
                          <a:gd name="T59" fmla="*/ 76 h 269"/>
                          <a:gd name="T60" fmla="*/ 98 w 177"/>
                          <a:gd name="T61" fmla="*/ 106 h 269"/>
                          <a:gd name="T62" fmla="*/ 107 w 177"/>
                          <a:gd name="T63" fmla="*/ 123 h 269"/>
                          <a:gd name="T64" fmla="*/ 76 w 177"/>
                          <a:gd name="T65" fmla="*/ 129 h 269"/>
                          <a:gd name="T66" fmla="*/ 55 w 177"/>
                          <a:gd name="T67" fmla="*/ 139 h 269"/>
                          <a:gd name="T68" fmla="*/ 30 w 177"/>
                          <a:gd name="T69" fmla="*/ 105 h 269"/>
                          <a:gd name="T70" fmla="*/ 34 w 177"/>
                          <a:gd name="T71" fmla="*/ 96 h 269"/>
                          <a:gd name="T72" fmla="*/ 4 w 177"/>
                          <a:gd name="T73" fmla="*/ 84 h 269"/>
                          <a:gd name="T74" fmla="*/ 1 w 177"/>
                          <a:gd name="T75" fmla="*/ 59 h 269"/>
                          <a:gd name="T76" fmla="*/ 8 w 177"/>
                          <a:gd name="T77" fmla="*/ 44 h 269"/>
                          <a:gd name="T78" fmla="*/ 41 w 177"/>
                          <a:gd name="T79" fmla="*/ 42 h 269"/>
                          <a:gd name="T80" fmla="*/ 51 w 177"/>
                          <a:gd name="T81" fmla="*/ 66 h 269"/>
                          <a:gd name="T82" fmla="*/ 65 w 177"/>
                          <a:gd name="T83" fmla="*/ 63 h 269"/>
                          <a:gd name="T84" fmla="*/ 114 w 177"/>
                          <a:gd name="T85" fmla="*/ 59 h 269"/>
                          <a:gd name="T86" fmla="*/ 106 w 177"/>
                          <a:gd name="T87" fmla="*/ 40 h 269"/>
                          <a:gd name="T88" fmla="*/ 89 w 177"/>
                          <a:gd name="T89" fmla="*/ 20 h 269"/>
                          <a:gd name="T90" fmla="*/ 94 w 177"/>
                          <a:gd name="T91" fmla="*/ 2 h 269"/>
                          <a:gd name="T92" fmla="*/ 111 w 177"/>
                          <a:gd name="T93" fmla="*/ 2 h 269"/>
                          <a:gd name="T94" fmla="*/ 132 w 177"/>
                          <a:gd name="T95" fmla="*/ 27 h 269"/>
                          <a:gd name="T96" fmla="*/ 141 w 177"/>
                          <a:gd name="T97" fmla="*/ 54 h 269"/>
                          <a:gd name="T98" fmla="*/ 137 w 177"/>
                          <a:gd name="T99" fmla="*/ 61 h 269"/>
                          <a:gd name="T100" fmla="*/ 123 w 177"/>
                          <a:gd name="T101" fmla="*/ 67 h 269"/>
                          <a:gd name="T102" fmla="*/ 157 w 177"/>
                          <a:gd name="T103" fmla="*/ 130 h 269"/>
                          <a:gd name="T104" fmla="*/ 177 w 177"/>
                          <a:gd name="T105" fmla="*/ 199 h 269"/>
                        </a:gdLst>
                        <a:ahLst/>
                        <a:cxnLst>
                          <a:cxn ang="0">
                            <a:pos x="T0" y="T1"/>
                          </a:cxn>
                          <a:cxn ang="0">
                            <a:pos x="T2" y="T3"/>
                          </a:cxn>
                          <a:cxn ang="0">
                            <a:pos x="T4" y="T5"/>
                          </a:cxn>
                          <a:cxn ang="0">
                            <a:pos x="T6" y="T7"/>
                          </a:cxn>
                          <a:cxn ang="0">
                            <a:pos x="T8" y="T9"/>
                          </a:cxn>
                          <a:cxn ang="0">
                            <a:pos x="T10" y="T11"/>
                          </a:cxn>
                          <a:cxn ang="0">
                            <a:pos x="T12" y="T13"/>
                          </a:cxn>
                          <a:cxn ang="0">
                            <a:pos x="T14" y="T15"/>
                          </a:cxn>
                          <a:cxn ang="0">
                            <a:pos x="T16" y="T17"/>
                          </a:cxn>
                          <a:cxn ang="0">
                            <a:pos x="T18" y="T19"/>
                          </a:cxn>
                          <a:cxn ang="0">
                            <a:pos x="T20" y="T21"/>
                          </a:cxn>
                          <a:cxn ang="0">
                            <a:pos x="T22" y="T23"/>
                          </a:cxn>
                          <a:cxn ang="0">
                            <a:pos x="T24" y="T25"/>
                          </a:cxn>
                          <a:cxn ang="0">
                            <a:pos x="T26" y="T27"/>
                          </a:cxn>
                          <a:cxn ang="0">
                            <a:pos x="T28" y="T29"/>
                          </a:cxn>
                          <a:cxn ang="0">
                            <a:pos x="T30" y="T31"/>
                          </a:cxn>
                          <a:cxn ang="0">
                            <a:pos x="T32" y="T33"/>
                          </a:cxn>
                          <a:cxn ang="0">
                            <a:pos x="T34" y="T35"/>
                          </a:cxn>
                          <a:cxn ang="0">
                            <a:pos x="T36" y="T37"/>
                          </a:cxn>
                          <a:cxn ang="0">
                            <a:pos x="T38" y="T39"/>
                          </a:cxn>
                          <a:cxn ang="0">
                            <a:pos x="T40" y="T41"/>
                          </a:cxn>
                          <a:cxn ang="0">
                            <a:pos x="T42" y="T43"/>
                          </a:cxn>
                          <a:cxn ang="0">
                            <a:pos x="T44" y="T45"/>
                          </a:cxn>
                          <a:cxn ang="0">
                            <a:pos x="T46" y="T47"/>
                          </a:cxn>
                          <a:cxn ang="0">
                            <a:pos x="T48" y="T49"/>
                          </a:cxn>
                          <a:cxn ang="0">
                            <a:pos x="T50" y="T51"/>
                          </a:cxn>
                          <a:cxn ang="0">
                            <a:pos x="T52" y="T53"/>
                          </a:cxn>
                          <a:cxn ang="0">
                            <a:pos x="T54" y="T55"/>
                          </a:cxn>
                          <a:cxn ang="0">
                            <a:pos x="T56" y="T57"/>
                          </a:cxn>
                          <a:cxn ang="0">
                            <a:pos x="T58" y="T59"/>
                          </a:cxn>
                          <a:cxn ang="0">
                            <a:pos x="T60" y="T61"/>
                          </a:cxn>
                          <a:cxn ang="0">
                            <a:pos x="T62" y="T63"/>
                          </a:cxn>
                          <a:cxn ang="0">
                            <a:pos x="T64" y="T65"/>
                          </a:cxn>
                          <a:cxn ang="0">
                            <a:pos x="T66" y="T67"/>
                          </a:cxn>
                          <a:cxn ang="0">
                            <a:pos x="T68" y="T69"/>
                          </a:cxn>
                          <a:cxn ang="0">
                            <a:pos x="T70" y="T71"/>
                          </a:cxn>
                          <a:cxn ang="0">
                            <a:pos x="T72" y="T73"/>
                          </a:cxn>
                          <a:cxn ang="0">
                            <a:pos x="T74" y="T75"/>
                          </a:cxn>
                          <a:cxn ang="0">
                            <a:pos x="T76" y="T77"/>
                          </a:cxn>
                          <a:cxn ang="0">
                            <a:pos x="T78" y="T79"/>
                          </a:cxn>
                          <a:cxn ang="0">
                            <a:pos x="T80" y="T81"/>
                          </a:cxn>
                          <a:cxn ang="0">
                            <a:pos x="T82" y="T83"/>
                          </a:cxn>
                          <a:cxn ang="0">
                            <a:pos x="T84" y="T85"/>
                          </a:cxn>
                          <a:cxn ang="0">
                            <a:pos x="T86" y="T87"/>
                          </a:cxn>
                          <a:cxn ang="0">
                            <a:pos x="T88" y="T89"/>
                          </a:cxn>
                          <a:cxn ang="0">
                            <a:pos x="T90" y="T91"/>
                          </a:cxn>
                          <a:cxn ang="0">
                            <a:pos x="T92" y="T93"/>
                          </a:cxn>
                          <a:cxn ang="0">
                            <a:pos x="T94" y="T95"/>
                          </a:cxn>
                          <a:cxn ang="0">
                            <a:pos x="T96" y="T97"/>
                          </a:cxn>
                          <a:cxn ang="0">
                            <a:pos x="T98" y="T99"/>
                          </a:cxn>
                          <a:cxn ang="0">
                            <a:pos x="T100" y="T101"/>
                          </a:cxn>
                          <a:cxn ang="0">
                            <a:pos x="T102" y="T103"/>
                          </a:cxn>
                          <a:cxn ang="0">
                            <a:pos x="T104" y="T105"/>
                          </a:cxn>
                        </a:cxnLst>
                        <a:rect l="0" t="0" r="r" b="b"/>
                        <a:pathLst>
                          <a:path w="177" h="269">
                            <a:moveTo>
                              <a:pt x="177" y="199"/>
                            </a:moveTo>
                            <a:lnTo>
                              <a:pt x="175" y="211"/>
                            </a:lnTo>
                            <a:lnTo>
                              <a:pt x="171" y="220"/>
                            </a:lnTo>
                            <a:lnTo>
                              <a:pt x="168" y="228"/>
                            </a:lnTo>
                            <a:lnTo>
                              <a:pt x="164" y="228"/>
                            </a:lnTo>
                            <a:lnTo>
                              <a:pt x="161" y="227"/>
                            </a:lnTo>
                            <a:lnTo>
                              <a:pt x="160" y="226"/>
                            </a:lnTo>
                            <a:lnTo>
                              <a:pt x="158" y="223"/>
                            </a:lnTo>
                            <a:lnTo>
                              <a:pt x="157" y="219"/>
                            </a:lnTo>
                            <a:lnTo>
                              <a:pt x="157" y="216"/>
                            </a:lnTo>
                            <a:lnTo>
                              <a:pt x="156" y="214"/>
                            </a:lnTo>
                            <a:lnTo>
                              <a:pt x="154" y="210"/>
                            </a:lnTo>
                            <a:lnTo>
                              <a:pt x="153" y="207"/>
                            </a:lnTo>
                            <a:lnTo>
                              <a:pt x="145" y="214"/>
                            </a:lnTo>
                            <a:lnTo>
                              <a:pt x="140" y="220"/>
                            </a:lnTo>
                            <a:lnTo>
                              <a:pt x="139" y="227"/>
                            </a:lnTo>
                            <a:lnTo>
                              <a:pt x="140" y="236"/>
                            </a:lnTo>
                            <a:lnTo>
                              <a:pt x="144" y="248"/>
                            </a:lnTo>
                            <a:lnTo>
                              <a:pt x="144" y="254"/>
                            </a:lnTo>
                            <a:lnTo>
                              <a:pt x="143" y="261"/>
                            </a:lnTo>
                            <a:lnTo>
                              <a:pt x="140" y="269"/>
                            </a:lnTo>
                            <a:lnTo>
                              <a:pt x="128" y="264"/>
                            </a:lnTo>
                            <a:lnTo>
                              <a:pt x="119" y="260"/>
                            </a:lnTo>
                            <a:lnTo>
                              <a:pt x="109" y="257"/>
                            </a:lnTo>
                            <a:lnTo>
                              <a:pt x="98" y="256"/>
                            </a:lnTo>
                            <a:lnTo>
                              <a:pt x="93" y="235"/>
                            </a:lnTo>
                            <a:lnTo>
                              <a:pt x="90" y="222"/>
                            </a:lnTo>
                            <a:lnTo>
                              <a:pt x="88" y="212"/>
                            </a:lnTo>
                            <a:lnTo>
                              <a:pt x="88" y="207"/>
                            </a:lnTo>
                            <a:lnTo>
                              <a:pt x="86" y="205"/>
                            </a:lnTo>
                            <a:lnTo>
                              <a:pt x="86" y="203"/>
                            </a:lnTo>
                            <a:lnTo>
                              <a:pt x="84" y="203"/>
                            </a:lnTo>
                            <a:lnTo>
                              <a:pt x="77" y="202"/>
                            </a:lnTo>
                            <a:lnTo>
                              <a:pt x="69" y="201"/>
                            </a:lnTo>
                            <a:lnTo>
                              <a:pt x="59" y="199"/>
                            </a:lnTo>
                            <a:lnTo>
                              <a:pt x="48" y="199"/>
                            </a:lnTo>
                            <a:lnTo>
                              <a:pt x="39" y="201"/>
                            </a:lnTo>
                            <a:lnTo>
                              <a:pt x="34" y="205"/>
                            </a:lnTo>
                            <a:lnTo>
                              <a:pt x="33" y="210"/>
                            </a:lnTo>
                            <a:lnTo>
                              <a:pt x="33" y="215"/>
                            </a:lnTo>
                            <a:lnTo>
                              <a:pt x="34" y="218"/>
                            </a:lnTo>
                            <a:lnTo>
                              <a:pt x="34" y="220"/>
                            </a:lnTo>
                            <a:lnTo>
                              <a:pt x="34" y="222"/>
                            </a:lnTo>
                            <a:lnTo>
                              <a:pt x="34" y="223"/>
                            </a:lnTo>
                            <a:lnTo>
                              <a:pt x="34" y="223"/>
                            </a:lnTo>
                            <a:lnTo>
                              <a:pt x="26" y="222"/>
                            </a:lnTo>
                            <a:lnTo>
                              <a:pt x="20" y="218"/>
                            </a:lnTo>
                            <a:lnTo>
                              <a:pt x="12" y="216"/>
                            </a:lnTo>
                            <a:lnTo>
                              <a:pt x="20" y="197"/>
                            </a:lnTo>
                            <a:lnTo>
                              <a:pt x="31" y="181"/>
                            </a:lnTo>
                            <a:lnTo>
                              <a:pt x="46" y="168"/>
                            </a:lnTo>
                            <a:lnTo>
                              <a:pt x="61" y="161"/>
                            </a:lnTo>
                            <a:lnTo>
                              <a:pt x="80" y="160"/>
                            </a:lnTo>
                            <a:lnTo>
                              <a:pt x="98" y="167"/>
                            </a:lnTo>
                            <a:lnTo>
                              <a:pt x="101" y="164"/>
                            </a:lnTo>
                            <a:lnTo>
                              <a:pt x="103" y="160"/>
                            </a:lnTo>
                            <a:lnTo>
                              <a:pt x="106" y="156"/>
                            </a:lnTo>
                            <a:lnTo>
                              <a:pt x="109" y="152"/>
                            </a:lnTo>
                            <a:lnTo>
                              <a:pt x="113" y="150"/>
                            </a:lnTo>
                            <a:lnTo>
                              <a:pt x="116" y="147"/>
                            </a:lnTo>
                            <a:lnTo>
                              <a:pt x="120" y="147"/>
                            </a:lnTo>
                            <a:lnTo>
                              <a:pt x="124" y="147"/>
                            </a:lnTo>
                            <a:lnTo>
                              <a:pt x="127" y="147"/>
                            </a:lnTo>
                            <a:lnTo>
                              <a:pt x="130" y="147"/>
                            </a:lnTo>
                            <a:lnTo>
                              <a:pt x="130" y="143"/>
                            </a:lnTo>
                            <a:lnTo>
                              <a:pt x="130" y="138"/>
                            </a:lnTo>
                            <a:lnTo>
                              <a:pt x="130" y="133"/>
                            </a:lnTo>
                            <a:lnTo>
                              <a:pt x="130" y="127"/>
                            </a:lnTo>
                            <a:lnTo>
                              <a:pt x="130" y="122"/>
                            </a:lnTo>
                            <a:lnTo>
                              <a:pt x="128" y="117"/>
                            </a:lnTo>
                            <a:lnTo>
                              <a:pt x="128" y="112"/>
                            </a:lnTo>
                            <a:lnTo>
                              <a:pt x="128" y="106"/>
                            </a:lnTo>
                            <a:lnTo>
                              <a:pt x="128" y="105"/>
                            </a:lnTo>
                            <a:lnTo>
                              <a:pt x="127" y="104"/>
                            </a:lnTo>
                            <a:lnTo>
                              <a:pt x="124" y="103"/>
                            </a:lnTo>
                            <a:lnTo>
                              <a:pt x="119" y="104"/>
                            </a:lnTo>
                            <a:lnTo>
                              <a:pt x="114" y="104"/>
                            </a:lnTo>
                            <a:lnTo>
                              <a:pt x="107" y="104"/>
                            </a:lnTo>
                            <a:lnTo>
                              <a:pt x="107" y="103"/>
                            </a:lnTo>
                            <a:lnTo>
                              <a:pt x="107" y="100"/>
                            </a:lnTo>
                            <a:lnTo>
                              <a:pt x="107" y="95"/>
                            </a:lnTo>
                            <a:lnTo>
                              <a:pt x="106" y="91"/>
                            </a:lnTo>
                            <a:lnTo>
                              <a:pt x="106" y="86"/>
                            </a:lnTo>
                            <a:lnTo>
                              <a:pt x="106" y="80"/>
                            </a:lnTo>
                            <a:lnTo>
                              <a:pt x="106" y="76"/>
                            </a:lnTo>
                            <a:lnTo>
                              <a:pt x="106" y="71"/>
                            </a:lnTo>
                            <a:lnTo>
                              <a:pt x="106" y="67"/>
                            </a:lnTo>
                            <a:lnTo>
                              <a:pt x="98" y="67"/>
                            </a:lnTo>
                            <a:lnTo>
                              <a:pt x="92" y="71"/>
                            </a:lnTo>
                            <a:lnTo>
                              <a:pt x="88" y="76"/>
                            </a:lnTo>
                            <a:lnTo>
                              <a:pt x="86" y="84"/>
                            </a:lnTo>
                            <a:lnTo>
                              <a:pt x="90" y="95"/>
                            </a:lnTo>
                            <a:lnTo>
                              <a:pt x="98" y="106"/>
                            </a:lnTo>
                            <a:lnTo>
                              <a:pt x="103" y="116"/>
                            </a:lnTo>
                            <a:lnTo>
                              <a:pt x="106" y="120"/>
                            </a:lnTo>
                            <a:lnTo>
                              <a:pt x="107" y="123"/>
                            </a:lnTo>
                            <a:lnTo>
                              <a:pt x="109" y="126"/>
                            </a:lnTo>
                            <a:lnTo>
                              <a:pt x="90" y="127"/>
                            </a:lnTo>
                            <a:lnTo>
                              <a:pt x="76" y="129"/>
                            </a:lnTo>
                            <a:lnTo>
                              <a:pt x="67" y="131"/>
                            </a:lnTo>
                            <a:lnTo>
                              <a:pt x="60" y="135"/>
                            </a:lnTo>
                            <a:lnTo>
                              <a:pt x="55" y="139"/>
                            </a:lnTo>
                            <a:lnTo>
                              <a:pt x="29" y="129"/>
                            </a:lnTo>
                            <a:lnTo>
                              <a:pt x="29" y="114"/>
                            </a:lnTo>
                            <a:lnTo>
                              <a:pt x="30" y="105"/>
                            </a:lnTo>
                            <a:lnTo>
                              <a:pt x="30" y="100"/>
                            </a:lnTo>
                            <a:lnTo>
                              <a:pt x="31" y="97"/>
                            </a:lnTo>
                            <a:lnTo>
                              <a:pt x="34" y="96"/>
                            </a:lnTo>
                            <a:lnTo>
                              <a:pt x="20" y="95"/>
                            </a:lnTo>
                            <a:lnTo>
                              <a:pt x="10" y="91"/>
                            </a:lnTo>
                            <a:lnTo>
                              <a:pt x="4" y="84"/>
                            </a:lnTo>
                            <a:lnTo>
                              <a:pt x="1" y="76"/>
                            </a:lnTo>
                            <a:lnTo>
                              <a:pt x="0" y="68"/>
                            </a:lnTo>
                            <a:lnTo>
                              <a:pt x="1" y="59"/>
                            </a:lnTo>
                            <a:lnTo>
                              <a:pt x="4" y="53"/>
                            </a:lnTo>
                            <a:lnTo>
                              <a:pt x="5" y="46"/>
                            </a:lnTo>
                            <a:lnTo>
                              <a:pt x="8" y="44"/>
                            </a:lnTo>
                            <a:lnTo>
                              <a:pt x="18" y="38"/>
                            </a:lnTo>
                            <a:lnTo>
                              <a:pt x="30" y="37"/>
                            </a:lnTo>
                            <a:lnTo>
                              <a:pt x="41" y="42"/>
                            </a:lnTo>
                            <a:lnTo>
                              <a:pt x="48" y="50"/>
                            </a:lnTo>
                            <a:lnTo>
                              <a:pt x="51" y="63"/>
                            </a:lnTo>
                            <a:lnTo>
                              <a:pt x="51" y="66"/>
                            </a:lnTo>
                            <a:lnTo>
                              <a:pt x="51" y="68"/>
                            </a:lnTo>
                            <a:lnTo>
                              <a:pt x="56" y="66"/>
                            </a:lnTo>
                            <a:lnTo>
                              <a:pt x="65" y="63"/>
                            </a:lnTo>
                            <a:lnTo>
                              <a:pt x="77" y="61"/>
                            </a:lnTo>
                            <a:lnTo>
                              <a:pt x="93" y="59"/>
                            </a:lnTo>
                            <a:lnTo>
                              <a:pt x="114" y="59"/>
                            </a:lnTo>
                            <a:lnTo>
                              <a:pt x="113" y="51"/>
                            </a:lnTo>
                            <a:lnTo>
                              <a:pt x="110" y="45"/>
                            </a:lnTo>
                            <a:lnTo>
                              <a:pt x="106" y="40"/>
                            </a:lnTo>
                            <a:lnTo>
                              <a:pt x="99" y="33"/>
                            </a:lnTo>
                            <a:lnTo>
                              <a:pt x="93" y="27"/>
                            </a:lnTo>
                            <a:lnTo>
                              <a:pt x="89" y="20"/>
                            </a:lnTo>
                            <a:lnTo>
                              <a:pt x="89" y="12"/>
                            </a:lnTo>
                            <a:lnTo>
                              <a:pt x="90" y="2"/>
                            </a:lnTo>
                            <a:lnTo>
                              <a:pt x="94" y="2"/>
                            </a:lnTo>
                            <a:lnTo>
                              <a:pt x="97" y="0"/>
                            </a:lnTo>
                            <a:lnTo>
                              <a:pt x="101" y="0"/>
                            </a:lnTo>
                            <a:lnTo>
                              <a:pt x="111" y="2"/>
                            </a:lnTo>
                            <a:lnTo>
                              <a:pt x="118" y="4"/>
                            </a:lnTo>
                            <a:lnTo>
                              <a:pt x="124" y="12"/>
                            </a:lnTo>
                            <a:lnTo>
                              <a:pt x="132" y="27"/>
                            </a:lnTo>
                            <a:lnTo>
                              <a:pt x="137" y="38"/>
                            </a:lnTo>
                            <a:lnTo>
                              <a:pt x="140" y="48"/>
                            </a:lnTo>
                            <a:lnTo>
                              <a:pt x="141" y="54"/>
                            </a:lnTo>
                            <a:lnTo>
                              <a:pt x="140" y="57"/>
                            </a:lnTo>
                            <a:lnTo>
                              <a:pt x="139" y="59"/>
                            </a:lnTo>
                            <a:lnTo>
                              <a:pt x="137" y="61"/>
                            </a:lnTo>
                            <a:lnTo>
                              <a:pt x="132" y="63"/>
                            </a:lnTo>
                            <a:lnTo>
                              <a:pt x="128" y="66"/>
                            </a:lnTo>
                            <a:lnTo>
                              <a:pt x="123" y="67"/>
                            </a:lnTo>
                            <a:lnTo>
                              <a:pt x="118" y="70"/>
                            </a:lnTo>
                            <a:lnTo>
                              <a:pt x="140" y="103"/>
                            </a:lnTo>
                            <a:lnTo>
                              <a:pt x="157" y="130"/>
                            </a:lnTo>
                            <a:lnTo>
                              <a:pt x="169" y="155"/>
                            </a:lnTo>
                            <a:lnTo>
                              <a:pt x="175" y="177"/>
                            </a:lnTo>
                            <a:lnTo>
                              <a:pt x="177" y="199"/>
                            </a:lnTo>
                            <a:close/>
                          </a:path>
                        </a:pathLst>
                      </a:custGeom>
                      <a:grpFill/>
                      <a:ln w="0">
                        <a:solidFill>
                          <a:srgbClr val="FFFFFF"/>
                        </a:solidFill>
                        <a:prstDash val="solid"/>
                        <a:round/>
                        <a:headEnd/>
                        <a:tailEnd/>
                      </a:ln>
                    </p:spPr>
                    <p:txBody>
                      <a:bodyPr vert="horz" wrap="square" lIns="91440" tIns="45720" rIns="91440" bIns="45720" numCol="1" anchor="t" anchorCtr="0" compatLnSpc="1">
                        <a:prstTxWarp prst="textNoShape">
                          <a:avLst/>
                        </a:prstTxWarp>
                      </a:bodyPr>
                      <a:lstStyle/>
                      <a:p>
                        <a:pPr marL="0" marR="0" lvl="0" indent="0" defTabSz="91440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endParaRPr kumimoji="0" lang="en-US" sz="1800" b="0" i="0" u="none" strike="noStrike" kern="0" cap="none" spc="0" normalizeH="0" baseline="0" noProof="0" smtClean="0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Calibri"/>
                          <a:ea typeface="+mn-ea"/>
                        </a:endParaRPr>
                      </a:p>
                    </p:txBody>
                  </p:sp>
                  <p:sp>
                    <p:nvSpPr>
                      <p:cNvPr id="282" name="Freeform 130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4547396" y="4611458"/>
                        <a:ext cx="40844" cy="24026"/>
                      </a:xfrm>
                      <a:custGeom>
                        <a:avLst/>
                        <a:gdLst>
                          <a:gd name="T0" fmla="*/ 34 w 34"/>
                          <a:gd name="T1" fmla="*/ 20 h 20"/>
                          <a:gd name="T2" fmla="*/ 21 w 34"/>
                          <a:gd name="T3" fmla="*/ 20 h 20"/>
                          <a:gd name="T4" fmla="*/ 11 w 34"/>
                          <a:gd name="T5" fmla="*/ 19 h 20"/>
                          <a:gd name="T6" fmla="*/ 4 w 34"/>
                          <a:gd name="T7" fmla="*/ 14 h 20"/>
                          <a:gd name="T8" fmla="*/ 0 w 34"/>
                          <a:gd name="T9" fmla="*/ 6 h 20"/>
                          <a:gd name="T10" fmla="*/ 6 w 34"/>
                          <a:gd name="T11" fmla="*/ 3 h 20"/>
                          <a:gd name="T12" fmla="*/ 10 w 34"/>
                          <a:gd name="T13" fmla="*/ 2 h 20"/>
                          <a:gd name="T14" fmla="*/ 13 w 34"/>
                          <a:gd name="T15" fmla="*/ 0 h 20"/>
                          <a:gd name="T16" fmla="*/ 17 w 34"/>
                          <a:gd name="T17" fmla="*/ 0 h 20"/>
                          <a:gd name="T18" fmla="*/ 23 w 34"/>
                          <a:gd name="T19" fmla="*/ 0 h 20"/>
                          <a:gd name="T20" fmla="*/ 27 w 34"/>
                          <a:gd name="T21" fmla="*/ 3 h 20"/>
                          <a:gd name="T22" fmla="*/ 29 w 34"/>
                          <a:gd name="T23" fmla="*/ 6 h 20"/>
                          <a:gd name="T24" fmla="*/ 32 w 34"/>
                          <a:gd name="T25" fmla="*/ 10 h 20"/>
                          <a:gd name="T26" fmla="*/ 34 w 34"/>
                          <a:gd name="T27" fmla="*/ 14 h 20"/>
                          <a:gd name="T28" fmla="*/ 34 w 34"/>
                          <a:gd name="T29" fmla="*/ 20 h 20"/>
                          <a:gd name="T30" fmla="*/ 34 w 34"/>
                          <a:gd name="T31" fmla="*/ 20 h 20"/>
                        </a:gdLst>
                        <a:ahLst/>
                        <a:cxnLst>
                          <a:cxn ang="0">
                            <a:pos x="T0" y="T1"/>
                          </a:cxn>
                          <a:cxn ang="0">
                            <a:pos x="T2" y="T3"/>
                          </a:cxn>
                          <a:cxn ang="0">
                            <a:pos x="T4" y="T5"/>
                          </a:cxn>
                          <a:cxn ang="0">
                            <a:pos x="T6" y="T7"/>
                          </a:cxn>
                          <a:cxn ang="0">
                            <a:pos x="T8" y="T9"/>
                          </a:cxn>
                          <a:cxn ang="0">
                            <a:pos x="T10" y="T11"/>
                          </a:cxn>
                          <a:cxn ang="0">
                            <a:pos x="T12" y="T13"/>
                          </a:cxn>
                          <a:cxn ang="0">
                            <a:pos x="T14" y="T15"/>
                          </a:cxn>
                          <a:cxn ang="0">
                            <a:pos x="T16" y="T17"/>
                          </a:cxn>
                          <a:cxn ang="0">
                            <a:pos x="T18" y="T19"/>
                          </a:cxn>
                          <a:cxn ang="0">
                            <a:pos x="T20" y="T21"/>
                          </a:cxn>
                          <a:cxn ang="0">
                            <a:pos x="T22" y="T23"/>
                          </a:cxn>
                          <a:cxn ang="0">
                            <a:pos x="T24" y="T25"/>
                          </a:cxn>
                          <a:cxn ang="0">
                            <a:pos x="T26" y="T27"/>
                          </a:cxn>
                          <a:cxn ang="0">
                            <a:pos x="T28" y="T29"/>
                          </a:cxn>
                          <a:cxn ang="0">
                            <a:pos x="T30" y="T31"/>
                          </a:cxn>
                        </a:cxnLst>
                        <a:rect l="0" t="0" r="r" b="b"/>
                        <a:pathLst>
                          <a:path w="34" h="20">
                            <a:moveTo>
                              <a:pt x="34" y="20"/>
                            </a:moveTo>
                            <a:lnTo>
                              <a:pt x="21" y="20"/>
                            </a:lnTo>
                            <a:lnTo>
                              <a:pt x="11" y="19"/>
                            </a:lnTo>
                            <a:lnTo>
                              <a:pt x="4" y="14"/>
                            </a:lnTo>
                            <a:lnTo>
                              <a:pt x="0" y="6"/>
                            </a:lnTo>
                            <a:lnTo>
                              <a:pt x="6" y="3"/>
                            </a:lnTo>
                            <a:lnTo>
                              <a:pt x="10" y="2"/>
                            </a:lnTo>
                            <a:lnTo>
                              <a:pt x="13" y="0"/>
                            </a:lnTo>
                            <a:lnTo>
                              <a:pt x="17" y="0"/>
                            </a:lnTo>
                            <a:lnTo>
                              <a:pt x="23" y="0"/>
                            </a:lnTo>
                            <a:lnTo>
                              <a:pt x="27" y="3"/>
                            </a:lnTo>
                            <a:lnTo>
                              <a:pt x="29" y="6"/>
                            </a:lnTo>
                            <a:lnTo>
                              <a:pt x="32" y="10"/>
                            </a:lnTo>
                            <a:lnTo>
                              <a:pt x="34" y="14"/>
                            </a:lnTo>
                            <a:lnTo>
                              <a:pt x="34" y="20"/>
                            </a:lnTo>
                            <a:lnTo>
                              <a:pt x="34" y="20"/>
                            </a:lnTo>
                            <a:close/>
                          </a:path>
                        </a:pathLst>
                      </a:custGeom>
                      <a:grpFill/>
                      <a:ln w="0">
                        <a:solidFill>
                          <a:srgbClr val="FFFFFF"/>
                        </a:solidFill>
                        <a:prstDash val="solid"/>
                        <a:round/>
                        <a:headEnd/>
                        <a:tailEnd/>
                      </a:ln>
                    </p:spPr>
                    <p:txBody>
                      <a:bodyPr vert="horz" wrap="square" lIns="91440" tIns="45720" rIns="91440" bIns="45720" numCol="1" anchor="t" anchorCtr="0" compatLnSpc="1">
                        <a:prstTxWarp prst="textNoShape">
                          <a:avLst/>
                        </a:prstTxWarp>
                      </a:bodyPr>
                      <a:lstStyle/>
                      <a:p>
                        <a:pPr marL="0" marR="0" lvl="0" indent="0" defTabSz="91440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endParaRPr kumimoji="0" lang="en-US" sz="1800" b="0" i="0" u="none" strike="noStrike" kern="0" cap="none" spc="0" normalizeH="0" baseline="0" noProof="0" smtClean="0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Calibri"/>
                          <a:ea typeface="+mn-ea"/>
                        </a:endParaRPr>
                      </a:p>
                    </p:txBody>
                  </p:sp>
                  <p:sp>
                    <p:nvSpPr>
                      <p:cNvPr id="283" name="Freeform 131"/>
                      <p:cNvSpPr>
                        <a:spLocks/>
                      </p:cNvSpPr>
                      <p:nvPr/>
                    </p:nvSpPr>
                    <p:spPr bwMode="auto">
                      <a:xfrm>
                        <a:off x="4303534" y="4681133"/>
                        <a:ext cx="94902" cy="116525"/>
                      </a:xfrm>
                      <a:custGeom>
                        <a:avLst/>
                        <a:gdLst>
                          <a:gd name="T0" fmla="*/ 79 w 79"/>
                          <a:gd name="T1" fmla="*/ 5 h 97"/>
                          <a:gd name="T2" fmla="*/ 72 w 79"/>
                          <a:gd name="T3" fmla="*/ 29 h 97"/>
                          <a:gd name="T4" fmla="*/ 63 w 79"/>
                          <a:gd name="T5" fmla="*/ 47 h 97"/>
                          <a:gd name="T6" fmla="*/ 51 w 79"/>
                          <a:gd name="T7" fmla="*/ 63 h 97"/>
                          <a:gd name="T8" fmla="*/ 40 w 79"/>
                          <a:gd name="T9" fmla="*/ 75 h 97"/>
                          <a:gd name="T10" fmla="*/ 27 w 79"/>
                          <a:gd name="T11" fmla="*/ 84 h 97"/>
                          <a:gd name="T12" fmla="*/ 13 w 79"/>
                          <a:gd name="T13" fmla="*/ 92 h 97"/>
                          <a:gd name="T14" fmla="*/ 0 w 79"/>
                          <a:gd name="T15" fmla="*/ 97 h 97"/>
                          <a:gd name="T16" fmla="*/ 4 w 79"/>
                          <a:gd name="T17" fmla="*/ 84 h 97"/>
                          <a:gd name="T18" fmla="*/ 10 w 79"/>
                          <a:gd name="T19" fmla="*/ 73 h 97"/>
                          <a:gd name="T20" fmla="*/ 19 w 79"/>
                          <a:gd name="T21" fmla="*/ 63 h 97"/>
                          <a:gd name="T22" fmla="*/ 31 w 79"/>
                          <a:gd name="T23" fmla="*/ 52 h 97"/>
                          <a:gd name="T24" fmla="*/ 44 w 79"/>
                          <a:gd name="T25" fmla="*/ 39 h 97"/>
                          <a:gd name="T26" fmla="*/ 53 w 79"/>
                          <a:gd name="T27" fmla="*/ 28 h 97"/>
                          <a:gd name="T28" fmla="*/ 59 w 79"/>
                          <a:gd name="T29" fmla="*/ 16 h 97"/>
                          <a:gd name="T30" fmla="*/ 62 w 79"/>
                          <a:gd name="T31" fmla="*/ 0 h 97"/>
                          <a:gd name="T32" fmla="*/ 65 w 79"/>
                          <a:gd name="T33" fmla="*/ 0 h 97"/>
                          <a:gd name="T34" fmla="*/ 67 w 79"/>
                          <a:gd name="T35" fmla="*/ 0 h 97"/>
                          <a:gd name="T36" fmla="*/ 68 w 79"/>
                          <a:gd name="T37" fmla="*/ 0 h 97"/>
                          <a:gd name="T38" fmla="*/ 71 w 79"/>
                          <a:gd name="T39" fmla="*/ 0 h 97"/>
                          <a:gd name="T40" fmla="*/ 74 w 79"/>
                          <a:gd name="T41" fmla="*/ 0 h 97"/>
                          <a:gd name="T42" fmla="*/ 75 w 79"/>
                          <a:gd name="T43" fmla="*/ 0 h 97"/>
                          <a:gd name="T44" fmla="*/ 78 w 79"/>
                          <a:gd name="T45" fmla="*/ 0 h 97"/>
                          <a:gd name="T46" fmla="*/ 79 w 79"/>
                          <a:gd name="T47" fmla="*/ 0 h 97"/>
                          <a:gd name="T48" fmla="*/ 79 w 79"/>
                          <a:gd name="T49" fmla="*/ 3 h 97"/>
                          <a:gd name="T50" fmla="*/ 79 w 79"/>
                          <a:gd name="T51" fmla="*/ 5 h 97"/>
                        </a:gdLst>
                        <a:ahLst/>
                        <a:cxnLst>
                          <a:cxn ang="0">
                            <a:pos x="T0" y="T1"/>
                          </a:cxn>
                          <a:cxn ang="0">
                            <a:pos x="T2" y="T3"/>
                          </a:cxn>
                          <a:cxn ang="0">
                            <a:pos x="T4" y="T5"/>
                          </a:cxn>
                          <a:cxn ang="0">
                            <a:pos x="T6" y="T7"/>
                          </a:cxn>
                          <a:cxn ang="0">
                            <a:pos x="T8" y="T9"/>
                          </a:cxn>
                          <a:cxn ang="0">
                            <a:pos x="T10" y="T11"/>
                          </a:cxn>
                          <a:cxn ang="0">
                            <a:pos x="T12" y="T13"/>
                          </a:cxn>
                          <a:cxn ang="0">
                            <a:pos x="T14" y="T15"/>
                          </a:cxn>
                          <a:cxn ang="0">
                            <a:pos x="T16" y="T17"/>
                          </a:cxn>
                          <a:cxn ang="0">
                            <a:pos x="T18" y="T19"/>
                          </a:cxn>
                          <a:cxn ang="0">
                            <a:pos x="T20" y="T21"/>
                          </a:cxn>
                          <a:cxn ang="0">
                            <a:pos x="T22" y="T23"/>
                          </a:cxn>
                          <a:cxn ang="0">
                            <a:pos x="T24" y="T25"/>
                          </a:cxn>
                          <a:cxn ang="0">
                            <a:pos x="T26" y="T27"/>
                          </a:cxn>
                          <a:cxn ang="0">
                            <a:pos x="T28" y="T29"/>
                          </a:cxn>
                          <a:cxn ang="0">
                            <a:pos x="T30" y="T31"/>
                          </a:cxn>
                          <a:cxn ang="0">
                            <a:pos x="T32" y="T33"/>
                          </a:cxn>
                          <a:cxn ang="0">
                            <a:pos x="T34" y="T35"/>
                          </a:cxn>
                          <a:cxn ang="0">
                            <a:pos x="T36" y="T37"/>
                          </a:cxn>
                          <a:cxn ang="0">
                            <a:pos x="T38" y="T39"/>
                          </a:cxn>
                          <a:cxn ang="0">
                            <a:pos x="T40" y="T41"/>
                          </a:cxn>
                          <a:cxn ang="0">
                            <a:pos x="T42" y="T43"/>
                          </a:cxn>
                          <a:cxn ang="0">
                            <a:pos x="T44" y="T45"/>
                          </a:cxn>
                          <a:cxn ang="0">
                            <a:pos x="T46" y="T47"/>
                          </a:cxn>
                          <a:cxn ang="0">
                            <a:pos x="T48" y="T49"/>
                          </a:cxn>
                          <a:cxn ang="0">
                            <a:pos x="T50" y="T51"/>
                          </a:cxn>
                        </a:cxnLst>
                        <a:rect l="0" t="0" r="r" b="b"/>
                        <a:pathLst>
                          <a:path w="79" h="97">
                            <a:moveTo>
                              <a:pt x="79" y="5"/>
                            </a:moveTo>
                            <a:lnTo>
                              <a:pt x="72" y="29"/>
                            </a:lnTo>
                            <a:lnTo>
                              <a:pt x="63" y="47"/>
                            </a:lnTo>
                            <a:lnTo>
                              <a:pt x="51" y="63"/>
                            </a:lnTo>
                            <a:lnTo>
                              <a:pt x="40" y="75"/>
                            </a:lnTo>
                            <a:lnTo>
                              <a:pt x="27" y="84"/>
                            </a:lnTo>
                            <a:lnTo>
                              <a:pt x="13" y="92"/>
                            </a:lnTo>
                            <a:lnTo>
                              <a:pt x="0" y="97"/>
                            </a:lnTo>
                            <a:lnTo>
                              <a:pt x="4" y="84"/>
                            </a:lnTo>
                            <a:lnTo>
                              <a:pt x="10" y="73"/>
                            </a:lnTo>
                            <a:lnTo>
                              <a:pt x="19" y="63"/>
                            </a:lnTo>
                            <a:lnTo>
                              <a:pt x="31" y="52"/>
                            </a:lnTo>
                            <a:lnTo>
                              <a:pt x="44" y="39"/>
                            </a:lnTo>
                            <a:lnTo>
                              <a:pt x="53" y="28"/>
                            </a:lnTo>
                            <a:lnTo>
                              <a:pt x="59" y="16"/>
                            </a:lnTo>
                            <a:lnTo>
                              <a:pt x="62" y="0"/>
                            </a:lnTo>
                            <a:lnTo>
                              <a:pt x="65" y="0"/>
                            </a:lnTo>
                            <a:lnTo>
                              <a:pt x="67" y="0"/>
                            </a:lnTo>
                            <a:lnTo>
                              <a:pt x="68" y="0"/>
                            </a:lnTo>
                            <a:lnTo>
                              <a:pt x="71" y="0"/>
                            </a:lnTo>
                            <a:lnTo>
                              <a:pt x="74" y="0"/>
                            </a:lnTo>
                            <a:lnTo>
                              <a:pt x="75" y="0"/>
                            </a:lnTo>
                            <a:lnTo>
                              <a:pt x="78" y="0"/>
                            </a:lnTo>
                            <a:lnTo>
                              <a:pt x="79" y="0"/>
                            </a:lnTo>
                            <a:lnTo>
                              <a:pt x="79" y="3"/>
                            </a:lnTo>
                            <a:lnTo>
                              <a:pt x="79" y="5"/>
                            </a:lnTo>
                            <a:close/>
                          </a:path>
                        </a:pathLst>
                      </a:custGeom>
                      <a:grpFill/>
                      <a:ln w="0">
                        <a:solidFill>
                          <a:srgbClr val="FFFFFF"/>
                        </a:solidFill>
                        <a:prstDash val="solid"/>
                        <a:round/>
                        <a:headEnd/>
                        <a:tailEnd/>
                      </a:ln>
                    </p:spPr>
                    <p:txBody>
                      <a:bodyPr vert="horz" wrap="square" lIns="91440" tIns="45720" rIns="91440" bIns="45720" numCol="1" anchor="t" anchorCtr="0" compatLnSpc="1">
                        <a:prstTxWarp prst="textNoShape">
                          <a:avLst/>
                        </a:prstTxWarp>
                      </a:bodyPr>
                      <a:lstStyle/>
                      <a:p>
                        <a:pPr marL="0" marR="0" lvl="0" indent="0" defTabSz="91440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endParaRPr kumimoji="0" lang="en-US" sz="1800" b="0" i="0" u="none" strike="noStrike" kern="0" cap="none" spc="0" normalizeH="0" baseline="0" noProof="0" smtClean="0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Calibri"/>
                          <a:ea typeface="+mn-ea"/>
                        </a:endParaRPr>
                      </a:p>
                    </p:txBody>
                  </p:sp>
                  <p:grpSp>
                    <p:nvGrpSpPr>
                      <p:cNvPr id="284" name="Group 731"/>
                      <p:cNvGrpSpPr/>
                      <p:nvPr/>
                    </p:nvGrpSpPr>
                    <p:grpSpPr>
                      <a:xfrm>
                        <a:off x="1989845" y="1298295"/>
                        <a:ext cx="4482021" cy="4680233"/>
                        <a:chOff x="1989845" y="1298295"/>
                        <a:chExt cx="4482021" cy="4680233"/>
                      </a:xfrm>
                      <a:grpFill/>
                    </p:grpSpPr>
                    <p:sp>
                      <p:nvSpPr>
                        <p:cNvPr id="285" name="Freeform 116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5014699" y="2445529"/>
                          <a:ext cx="127337" cy="388017"/>
                        </a:xfrm>
                        <a:custGeom>
                          <a:avLst/>
                          <a:gdLst>
                            <a:gd name="T0" fmla="*/ 104 w 106"/>
                            <a:gd name="T1" fmla="*/ 192 h 323"/>
                            <a:gd name="T2" fmla="*/ 101 w 106"/>
                            <a:gd name="T3" fmla="*/ 193 h 323"/>
                            <a:gd name="T4" fmla="*/ 98 w 106"/>
                            <a:gd name="T5" fmla="*/ 193 h 323"/>
                            <a:gd name="T6" fmla="*/ 95 w 106"/>
                            <a:gd name="T7" fmla="*/ 195 h 323"/>
                            <a:gd name="T8" fmla="*/ 92 w 106"/>
                            <a:gd name="T9" fmla="*/ 195 h 323"/>
                            <a:gd name="T10" fmla="*/ 89 w 106"/>
                            <a:gd name="T11" fmla="*/ 195 h 323"/>
                            <a:gd name="T12" fmla="*/ 85 w 106"/>
                            <a:gd name="T13" fmla="*/ 196 h 323"/>
                            <a:gd name="T14" fmla="*/ 83 w 106"/>
                            <a:gd name="T15" fmla="*/ 196 h 323"/>
                            <a:gd name="T16" fmla="*/ 78 w 106"/>
                            <a:gd name="T17" fmla="*/ 214 h 323"/>
                            <a:gd name="T18" fmla="*/ 76 w 106"/>
                            <a:gd name="T19" fmla="*/ 231 h 323"/>
                            <a:gd name="T20" fmla="*/ 80 w 106"/>
                            <a:gd name="T21" fmla="*/ 250 h 323"/>
                            <a:gd name="T22" fmla="*/ 89 w 106"/>
                            <a:gd name="T23" fmla="*/ 270 h 323"/>
                            <a:gd name="T24" fmla="*/ 102 w 106"/>
                            <a:gd name="T25" fmla="*/ 294 h 323"/>
                            <a:gd name="T26" fmla="*/ 95 w 106"/>
                            <a:gd name="T27" fmla="*/ 299 h 323"/>
                            <a:gd name="T28" fmla="*/ 87 w 106"/>
                            <a:gd name="T29" fmla="*/ 307 h 323"/>
                            <a:gd name="T30" fmla="*/ 81 w 106"/>
                            <a:gd name="T31" fmla="*/ 315 h 323"/>
                            <a:gd name="T32" fmla="*/ 74 w 106"/>
                            <a:gd name="T33" fmla="*/ 323 h 323"/>
                            <a:gd name="T34" fmla="*/ 66 w 106"/>
                            <a:gd name="T35" fmla="*/ 284 h 323"/>
                            <a:gd name="T36" fmla="*/ 58 w 106"/>
                            <a:gd name="T37" fmla="*/ 246 h 323"/>
                            <a:gd name="T38" fmla="*/ 49 w 106"/>
                            <a:gd name="T39" fmla="*/ 208 h 323"/>
                            <a:gd name="T40" fmla="*/ 38 w 106"/>
                            <a:gd name="T41" fmla="*/ 168 h 323"/>
                            <a:gd name="T42" fmla="*/ 28 w 106"/>
                            <a:gd name="T43" fmla="*/ 128 h 323"/>
                            <a:gd name="T44" fmla="*/ 15 w 106"/>
                            <a:gd name="T45" fmla="*/ 82 h 323"/>
                            <a:gd name="T46" fmla="*/ 0 w 106"/>
                            <a:gd name="T47" fmla="*/ 32 h 323"/>
                            <a:gd name="T48" fmla="*/ 8 w 106"/>
                            <a:gd name="T49" fmla="*/ 32 h 323"/>
                            <a:gd name="T50" fmla="*/ 13 w 106"/>
                            <a:gd name="T51" fmla="*/ 30 h 323"/>
                            <a:gd name="T52" fmla="*/ 15 w 106"/>
                            <a:gd name="T53" fmla="*/ 22 h 323"/>
                            <a:gd name="T54" fmla="*/ 12 w 106"/>
                            <a:gd name="T55" fmla="*/ 13 h 323"/>
                            <a:gd name="T56" fmla="*/ 7 w 106"/>
                            <a:gd name="T57" fmla="*/ 1 h 323"/>
                            <a:gd name="T58" fmla="*/ 7 w 106"/>
                            <a:gd name="T59" fmla="*/ 1 h 323"/>
                            <a:gd name="T60" fmla="*/ 8 w 106"/>
                            <a:gd name="T61" fmla="*/ 1 h 323"/>
                            <a:gd name="T62" fmla="*/ 8 w 106"/>
                            <a:gd name="T63" fmla="*/ 1 h 323"/>
                            <a:gd name="T64" fmla="*/ 9 w 106"/>
                            <a:gd name="T65" fmla="*/ 0 h 323"/>
                            <a:gd name="T66" fmla="*/ 9 w 106"/>
                            <a:gd name="T67" fmla="*/ 0 h 323"/>
                            <a:gd name="T68" fmla="*/ 11 w 106"/>
                            <a:gd name="T69" fmla="*/ 0 h 323"/>
                            <a:gd name="T70" fmla="*/ 11 w 106"/>
                            <a:gd name="T71" fmla="*/ 0 h 323"/>
                            <a:gd name="T72" fmla="*/ 12 w 106"/>
                            <a:gd name="T73" fmla="*/ 0 h 323"/>
                            <a:gd name="T74" fmla="*/ 20 w 106"/>
                            <a:gd name="T75" fmla="*/ 5 h 323"/>
                            <a:gd name="T76" fmla="*/ 28 w 106"/>
                            <a:gd name="T77" fmla="*/ 13 h 323"/>
                            <a:gd name="T78" fmla="*/ 34 w 106"/>
                            <a:gd name="T79" fmla="*/ 24 h 323"/>
                            <a:gd name="T80" fmla="*/ 37 w 106"/>
                            <a:gd name="T81" fmla="*/ 30 h 323"/>
                            <a:gd name="T82" fmla="*/ 38 w 106"/>
                            <a:gd name="T83" fmla="*/ 34 h 323"/>
                            <a:gd name="T84" fmla="*/ 41 w 106"/>
                            <a:gd name="T85" fmla="*/ 37 h 323"/>
                            <a:gd name="T86" fmla="*/ 47 w 106"/>
                            <a:gd name="T87" fmla="*/ 58 h 323"/>
                            <a:gd name="T88" fmla="*/ 53 w 106"/>
                            <a:gd name="T89" fmla="*/ 81 h 323"/>
                            <a:gd name="T90" fmla="*/ 59 w 106"/>
                            <a:gd name="T91" fmla="*/ 102 h 323"/>
                            <a:gd name="T92" fmla="*/ 71 w 106"/>
                            <a:gd name="T93" fmla="*/ 124 h 323"/>
                            <a:gd name="T94" fmla="*/ 84 w 106"/>
                            <a:gd name="T95" fmla="*/ 146 h 323"/>
                            <a:gd name="T96" fmla="*/ 96 w 106"/>
                            <a:gd name="T97" fmla="*/ 168 h 323"/>
                            <a:gd name="T98" fmla="*/ 106 w 106"/>
                            <a:gd name="T99" fmla="*/ 192 h 323"/>
                            <a:gd name="T100" fmla="*/ 104 w 106"/>
                            <a:gd name="T101" fmla="*/ 192 h 323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  <a:cxn ang="0">
                              <a:pos x="T34" y="T35"/>
                            </a:cxn>
                            <a:cxn ang="0">
                              <a:pos x="T36" y="T37"/>
                            </a:cxn>
                            <a:cxn ang="0">
                              <a:pos x="T38" y="T39"/>
                            </a:cxn>
                            <a:cxn ang="0">
                              <a:pos x="T40" y="T41"/>
                            </a:cxn>
                            <a:cxn ang="0">
                              <a:pos x="T42" y="T43"/>
                            </a:cxn>
                            <a:cxn ang="0">
                              <a:pos x="T44" y="T45"/>
                            </a:cxn>
                            <a:cxn ang="0">
                              <a:pos x="T46" y="T47"/>
                            </a:cxn>
                            <a:cxn ang="0">
                              <a:pos x="T48" y="T49"/>
                            </a:cxn>
                            <a:cxn ang="0">
                              <a:pos x="T50" y="T51"/>
                            </a:cxn>
                            <a:cxn ang="0">
                              <a:pos x="T52" y="T53"/>
                            </a:cxn>
                            <a:cxn ang="0">
                              <a:pos x="T54" y="T55"/>
                            </a:cxn>
                            <a:cxn ang="0">
                              <a:pos x="T56" y="T57"/>
                            </a:cxn>
                            <a:cxn ang="0">
                              <a:pos x="T58" y="T59"/>
                            </a:cxn>
                            <a:cxn ang="0">
                              <a:pos x="T60" y="T61"/>
                            </a:cxn>
                            <a:cxn ang="0">
                              <a:pos x="T62" y="T63"/>
                            </a:cxn>
                            <a:cxn ang="0">
                              <a:pos x="T64" y="T65"/>
                            </a:cxn>
                            <a:cxn ang="0">
                              <a:pos x="T66" y="T67"/>
                            </a:cxn>
                            <a:cxn ang="0">
                              <a:pos x="T68" y="T69"/>
                            </a:cxn>
                            <a:cxn ang="0">
                              <a:pos x="T70" y="T71"/>
                            </a:cxn>
                            <a:cxn ang="0">
                              <a:pos x="T72" y="T73"/>
                            </a:cxn>
                            <a:cxn ang="0">
                              <a:pos x="T74" y="T75"/>
                            </a:cxn>
                            <a:cxn ang="0">
                              <a:pos x="T76" y="T77"/>
                            </a:cxn>
                            <a:cxn ang="0">
                              <a:pos x="T78" y="T79"/>
                            </a:cxn>
                            <a:cxn ang="0">
                              <a:pos x="T80" y="T81"/>
                            </a:cxn>
                            <a:cxn ang="0">
                              <a:pos x="T82" y="T83"/>
                            </a:cxn>
                            <a:cxn ang="0">
                              <a:pos x="T84" y="T85"/>
                            </a:cxn>
                            <a:cxn ang="0">
                              <a:pos x="T86" y="T87"/>
                            </a:cxn>
                            <a:cxn ang="0">
                              <a:pos x="T88" y="T89"/>
                            </a:cxn>
                            <a:cxn ang="0">
                              <a:pos x="T90" y="T91"/>
                            </a:cxn>
                            <a:cxn ang="0">
                              <a:pos x="T92" y="T93"/>
                            </a:cxn>
                            <a:cxn ang="0">
                              <a:pos x="T94" y="T95"/>
                            </a:cxn>
                            <a:cxn ang="0">
                              <a:pos x="T96" y="T97"/>
                            </a:cxn>
                            <a:cxn ang="0">
                              <a:pos x="T98" y="T99"/>
                            </a:cxn>
                            <a:cxn ang="0">
                              <a:pos x="T100" y="T101"/>
                            </a:cxn>
                          </a:cxnLst>
                          <a:rect l="0" t="0" r="r" b="b"/>
                          <a:pathLst>
                            <a:path w="106" h="323">
                              <a:moveTo>
                                <a:pt x="104" y="192"/>
                              </a:moveTo>
                              <a:lnTo>
                                <a:pt x="101" y="193"/>
                              </a:lnTo>
                              <a:lnTo>
                                <a:pt x="98" y="193"/>
                              </a:lnTo>
                              <a:lnTo>
                                <a:pt x="95" y="195"/>
                              </a:lnTo>
                              <a:lnTo>
                                <a:pt x="92" y="195"/>
                              </a:lnTo>
                              <a:lnTo>
                                <a:pt x="89" y="195"/>
                              </a:lnTo>
                              <a:lnTo>
                                <a:pt x="85" y="196"/>
                              </a:lnTo>
                              <a:lnTo>
                                <a:pt x="83" y="196"/>
                              </a:lnTo>
                              <a:lnTo>
                                <a:pt x="78" y="214"/>
                              </a:lnTo>
                              <a:lnTo>
                                <a:pt x="76" y="231"/>
                              </a:lnTo>
                              <a:lnTo>
                                <a:pt x="80" y="250"/>
                              </a:lnTo>
                              <a:lnTo>
                                <a:pt x="89" y="270"/>
                              </a:lnTo>
                              <a:lnTo>
                                <a:pt x="102" y="294"/>
                              </a:lnTo>
                              <a:lnTo>
                                <a:pt x="95" y="299"/>
                              </a:lnTo>
                              <a:lnTo>
                                <a:pt x="87" y="307"/>
                              </a:lnTo>
                              <a:lnTo>
                                <a:pt x="81" y="315"/>
                              </a:lnTo>
                              <a:lnTo>
                                <a:pt x="74" y="323"/>
                              </a:lnTo>
                              <a:lnTo>
                                <a:pt x="66" y="284"/>
                              </a:lnTo>
                              <a:lnTo>
                                <a:pt x="58" y="246"/>
                              </a:lnTo>
                              <a:lnTo>
                                <a:pt x="49" y="208"/>
                              </a:lnTo>
                              <a:lnTo>
                                <a:pt x="38" y="168"/>
                              </a:lnTo>
                              <a:lnTo>
                                <a:pt x="28" y="128"/>
                              </a:lnTo>
                              <a:lnTo>
                                <a:pt x="15" y="82"/>
                              </a:lnTo>
                              <a:lnTo>
                                <a:pt x="0" y="32"/>
                              </a:lnTo>
                              <a:lnTo>
                                <a:pt x="8" y="32"/>
                              </a:lnTo>
                              <a:lnTo>
                                <a:pt x="13" y="30"/>
                              </a:lnTo>
                              <a:lnTo>
                                <a:pt x="15" y="22"/>
                              </a:lnTo>
                              <a:lnTo>
                                <a:pt x="12" y="13"/>
                              </a:lnTo>
                              <a:lnTo>
                                <a:pt x="7" y="1"/>
                              </a:lnTo>
                              <a:lnTo>
                                <a:pt x="7" y="1"/>
                              </a:lnTo>
                              <a:lnTo>
                                <a:pt x="8" y="1"/>
                              </a:lnTo>
                              <a:lnTo>
                                <a:pt x="8" y="1"/>
                              </a:lnTo>
                              <a:lnTo>
                                <a:pt x="9" y="0"/>
                              </a:lnTo>
                              <a:lnTo>
                                <a:pt x="9" y="0"/>
                              </a:lnTo>
                              <a:lnTo>
                                <a:pt x="11" y="0"/>
                              </a:lnTo>
                              <a:lnTo>
                                <a:pt x="11" y="0"/>
                              </a:lnTo>
                              <a:lnTo>
                                <a:pt x="12" y="0"/>
                              </a:lnTo>
                              <a:lnTo>
                                <a:pt x="20" y="5"/>
                              </a:lnTo>
                              <a:lnTo>
                                <a:pt x="28" y="13"/>
                              </a:lnTo>
                              <a:lnTo>
                                <a:pt x="34" y="24"/>
                              </a:lnTo>
                              <a:lnTo>
                                <a:pt x="37" y="30"/>
                              </a:lnTo>
                              <a:lnTo>
                                <a:pt x="38" y="34"/>
                              </a:lnTo>
                              <a:lnTo>
                                <a:pt x="41" y="37"/>
                              </a:lnTo>
                              <a:lnTo>
                                <a:pt x="47" y="58"/>
                              </a:lnTo>
                              <a:lnTo>
                                <a:pt x="53" y="81"/>
                              </a:lnTo>
                              <a:lnTo>
                                <a:pt x="59" y="102"/>
                              </a:lnTo>
                              <a:lnTo>
                                <a:pt x="71" y="124"/>
                              </a:lnTo>
                              <a:lnTo>
                                <a:pt x="84" y="146"/>
                              </a:lnTo>
                              <a:lnTo>
                                <a:pt x="96" y="168"/>
                              </a:lnTo>
                              <a:lnTo>
                                <a:pt x="106" y="192"/>
                              </a:lnTo>
                              <a:lnTo>
                                <a:pt x="104" y="192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286" name="Freeform 121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5065153" y="2861176"/>
                          <a:ext cx="186200" cy="210226"/>
                        </a:xfrm>
                        <a:custGeom>
                          <a:avLst/>
                          <a:gdLst>
                            <a:gd name="T0" fmla="*/ 155 w 155"/>
                            <a:gd name="T1" fmla="*/ 48 h 175"/>
                            <a:gd name="T2" fmla="*/ 155 w 155"/>
                            <a:gd name="T3" fmla="*/ 68 h 175"/>
                            <a:gd name="T4" fmla="*/ 153 w 155"/>
                            <a:gd name="T5" fmla="*/ 91 h 175"/>
                            <a:gd name="T6" fmla="*/ 140 w 155"/>
                            <a:gd name="T7" fmla="*/ 91 h 175"/>
                            <a:gd name="T8" fmla="*/ 131 w 155"/>
                            <a:gd name="T9" fmla="*/ 95 h 175"/>
                            <a:gd name="T10" fmla="*/ 126 w 155"/>
                            <a:gd name="T11" fmla="*/ 97 h 175"/>
                            <a:gd name="T12" fmla="*/ 123 w 155"/>
                            <a:gd name="T13" fmla="*/ 99 h 175"/>
                            <a:gd name="T14" fmla="*/ 114 w 155"/>
                            <a:gd name="T15" fmla="*/ 113 h 175"/>
                            <a:gd name="T16" fmla="*/ 108 w 155"/>
                            <a:gd name="T17" fmla="*/ 129 h 175"/>
                            <a:gd name="T18" fmla="*/ 100 w 155"/>
                            <a:gd name="T19" fmla="*/ 144 h 175"/>
                            <a:gd name="T20" fmla="*/ 79 w 155"/>
                            <a:gd name="T21" fmla="*/ 137 h 175"/>
                            <a:gd name="T22" fmla="*/ 59 w 155"/>
                            <a:gd name="T23" fmla="*/ 133 h 175"/>
                            <a:gd name="T24" fmla="*/ 41 w 155"/>
                            <a:gd name="T25" fmla="*/ 134 h 175"/>
                            <a:gd name="T26" fmla="*/ 24 w 155"/>
                            <a:gd name="T27" fmla="*/ 140 h 175"/>
                            <a:gd name="T28" fmla="*/ 28 w 155"/>
                            <a:gd name="T29" fmla="*/ 147 h 175"/>
                            <a:gd name="T30" fmla="*/ 34 w 155"/>
                            <a:gd name="T31" fmla="*/ 151 h 175"/>
                            <a:gd name="T32" fmla="*/ 39 w 155"/>
                            <a:gd name="T33" fmla="*/ 154 h 175"/>
                            <a:gd name="T34" fmla="*/ 45 w 155"/>
                            <a:gd name="T35" fmla="*/ 159 h 175"/>
                            <a:gd name="T36" fmla="*/ 46 w 155"/>
                            <a:gd name="T37" fmla="*/ 167 h 175"/>
                            <a:gd name="T38" fmla="*/ 45 w 155"/>
                            <a:gd name="T39" fmla="*/ 168 h 175"/>
                            <a:gd name="T40" fmla="*/ 43 w 155"/>
                            <a:gd name="T41" fmla="*/ 169 h 175"/>
                            <a:gd name="T42" fmla="*/ 39 w 155"/>
                            <a:gd name="T43" fmla="*/ 171 h 175"/>
                            <a:gd name="T44" fmla="*/ 33 w 155"/>
                            <a:gd name="T45" fmla="*/ 172 h 175"/>
                            <a:gd name="T46" fmla="*/ 20 w 155"/>
                            <a:gd name="T47" fmla="*/ 175 h 175"/>
                            <a:gd name="T48" fmla="*/ 13 w 155"/>
                            <a:gd name="T49" fmla="*/ 163 h 175"/>
                            <a:gd name="T50" fmla="*/ 5 w 155"/>
                            <a:gd name="T51" fmla="*/ 152 h 175"/>
                            <a:gd name="T52" fmla="*/ 0 w 155"/>
                            <a:gd name="T53" fmla="*/ 140 h 175"/>
                            <a:gd name="T54" fmla="*/ 16 w 155"/>
                            <a:gd name="T55" fmla="*/ 117 h 175"/>
                            <a:gd name="T56" fmla="*/ 28 w 155"/>
                            <a:gd name="T57" fmla="*/ 95 h 175"/>
                            <a:gd name="T58" fmla="*/ 36 w 155"/>
                            <a:gd name="T59" fmla="*/ 72 h 175"/>
                            <a:gd name="T60" fmla="*/ 39 w 155"/>
                            <a:gd name="T61" fmla="*/ 51 h 175"/>
                            <a:gd name="T62" fmla="*/ 39 w 155"/>
                            <a:gd name="T63" fmla="*/ 27 h 175"/>
                            <a:gd name="T64" fmla="*/ 37 w 155"/>
                            <a:gd name="T65" fmla="*/ 0 h 175"/>
                            <a:gd name="T66" fmla="*/ 58 w 155"/>
                            <a:gd name="T67" fmla="*/ 19 h 175"/>
                            <a:gd name="T68" fmla="*/ 76 w 155"/>
                            <a:gd name="T69" fmla="*/ 32 h 175"/>
                            <a:gd name="T70" fmla="*/ 92 w 155"/>
                            <a:gd name="T71" fmla="*/ 42 h 175"/>
                            <a:gd name="T72" fmla="*/ 106 w 155"/>
                            <a:gd name="T73" fmla="*/ 48 h 175"/>
                            <a:gd name="T74" fmla="*/ 121 w 155"/>
                            <a:gd name="T75" fmla="*/ 49 h 175"/>
                            <a:gd name="T76" fmla="*/ 136 w 155"/>
                            <a:gd name="T77" fmla="*/ 46 h 175"/>
                            <a:gd name="T78" fmla="*/ 155 w 155"/>
                            <a:gd name="T79" fmla="*/ 41 h 175"/>
                            <a:gd name="T80" fmla="*/ 155 w 155"/>
                            <a:gd name="T81" fmla="*/ 44 h 175"/>
                            <a:gd name="T82" fmla="*/ 155 w 155"/>
                            <a:gd name="T83" fmla="*/ 48 h 175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  <a:cxn ang="0">
                              <a:pos x="T34" y="T35"/>
                            </a:cxn>
                            <a:cxn ang="0">
                              <a:pos x="T36" y="T37"/>
                            </a:cxn>
                            <a:cxn ang="0">
                              <a:pos x="T38" y="T39"/>
                            </a:cxn>
                            <a:cxn ang="0">
                              <a:pos x="T40" y="T41"/>
                            </a:cxn>
                            <a:cxn ang="0">
                              <a:pos x="T42" y="T43"/>
                            </a:cxn>
                            <a:cxn ang="0">
                              <a:pos x="T44" y="T45"/>
                            </a:cxn>
                            <a:cxn ang="0">
                              <a:pos x="T46" y="T47"/>
                            </a:cxn>
                            <a:cxn ang="0">
                              <a:pos x="T48" y="T49"/>
                            </a:cxn>
                            <a:cxn ang="0">
                              <a:pos x="T50" y="T51"/>
                            </a:cxn>
                            <a:cxn ang="0">
                              <a:pos x="T52" y="T53"/>
                            </a:cxn>
                            <a:cxn ang="0">
                              <a:pos x="T54" y="T55"/>
                            </a:cxn>
                            <a:cxn ang="0">
                              <a:pos x="T56" y="T57"/>
                            </a:cxn>
                            <a:cxn ang="0">
                              <a:pos x="T58" y="T59"/>
                            </a:cxn>
                            <a:cxn ang="0">
                              <a:pos x="T60" y="T61"/>
                            </a:cxn>
                            <a:cxn ang="0">
                              <a:pos x="T62" y="T63"/>
                            </a:cxn>
                            <a:cxn ang="0">
                              <a:pos x="T64" y="T65"/>
                            </a:cxn>
                            <a:cxn ang="0">
                              <a:pos x="T66" y="T67"/>
                            </a:cxn>
                            <a:cxn ang="0">
                              <a:pos x="T68" y="T69"/>
                            </a:cxn>
                            <a:cxn ang="0">
                              <a:pos x="T70" y="T71"/>
                            </a:cxn>
                            <a:cxn ang="0">
                              <a:pos x="T72" y="T73"/>
                            </a:cxn>
                            <a:cxn ang="0">
                              <a:pos x="T74" y="T75"/>
                            </a:cxn>
                            <a:cxn ang="0">
                              <a:pos x="T76" y="T77"/>
                            </a:cxn>
                            <a:cxn ang="0">
                              <a:pos x="T78" y="T79"/>
                            </a:cxn>
                            <a:cxn ang="0">
                              <a:pos x="T80" y="T81"/>
                            </a:cxn>
                            <a:cxn ang="0">
                              <a:pos x="T82" y="T83"/>
                            </a:cxn>
                          </a:cxnLst>
                          <a:rect l="0" t="0" r="r" b="b"/>
                          <a:pathLst>
                            <a:path w="155" h="175">
                              <a:moveTo>
                                <a:pt x="155" y="48"/>
                              </a:moveTo>
                              <a:lnTo>
                                <a:pt x="155" y="68"/>
                              </a:lnTo>
                              <a:lnTo>
                                <a:pt x="153" y="91"/>
                              </a:lnTo>
                              <a:lnTo>
                                <a:pt x="140" y="91"/>
                              </a:lnTo>
                              <a:lnTo>
                                <a:pt x="131" y="95"/>
                              </a:lnTo>
                              <a:lnTo>
                                <a:pt x="126" y="97"/>
                              </a:lnTo>
                              <a:lnTo>
                                <a:pt x="123" y="99"/>
                              </a:lnTo>
                              <a:lnTo>
                                <a:pt x="114" y="113"/>
                              </a:lnTo>
                              <a:lnTo>
                                <a:pt x="108" y="129"/>
                              </a:lnTo>
                              <a:lnTo>
                                <a:pt x="100" y="144"/>
                              </a:lnTo>
                              <a:lnTo>
                                <a:pt x="79" y="137"/>
                              </a:lnTo>
                              <a:lnTo>
                                <a:pt x="59" y="133"/>
                              </a:lnTo>
                              <a:lnTo>
                                <a:pt x="41" y="134"/>
                              </a:lnTo>
                              <a:lnTo>
                                <a:pt x="24" y="140"/>
                              </a:lnTo>
                              <a:lnTo>
                                <a:pt x="28" y="147"/>
                              </a:lnTo>
                              <a:lnTo>
                                <a:pt x="34" y="151"/>
                              </a:lnTo>
                              <a:lnTo>
                                <a:pt x="39" y="154"/>
                              </a:lnTo>
                              <a:lnTo>
                                <a:pt x="45" y="159"/>
                              </a:lnTo>
                              <a:lnTo>
                                <a:pt x="46" y="167"/>
                              </a:lnTo>
                              <a:lnTo>
                                <a:pt x="45" y="168"/>
                              </a:lnTo>
                              <a:lnTo>
                                <a:pt x="43" y="169"/>
                              </a:lnTo>
                              <a:lnTo>
                                <a:pt x="39" y="171"/>
                              </a:lnTo>
                              <a:lnTo>
                                <a:pt x="33" y="172"/>
                              </a:lnTo>
                              <a:lnTo>
                                <a:pt x="20" y="175"/>
                              </a:lnTo>
                              <a:lnTo>
                                <a:pt x="13" y="163"/>
                              </a:lnTo>
                              <a:lnTo>
                                <a:pt x="5" y="152"/>
                              </a:lnTo>
                              <a:lnTo>
                                <a:pt x="0" y="140"/>
                              </a:lnTo>
                              <a:lnTo>
                                <a:pt x="16" y="117"/>
                              </a:lnTo>
                              <a:lnTo>
                                <a:pt x="28" y="95"/>
                              </a:lnTo>
                              <a:lnTo>
                                <a:pt x="36" y="72"/>
                              </a:lnTo>
                              <a:lnTo>
                                <a:pt x="39" y="51"/>
                              </a:lnTo>
                              <a:lnTo>
                                <a:pt x="39" y="27"/>
                              </a:lnTo>
                              <a:lnTo>
                                <a:pt x="37" y="0"/>
                              </a:lnTo>
                              <a:lnTo>
                                <a:pt x="58" y="19"/>
                              </a:lnTo>
                              <a:lnTo>
                                <a:pt x="76" y="32"/>
                              </a:lnTo>
                              <a:lnTo>
                                <a:pt x="92" y="42"/>
                              </a:lnTo>
                              <a:lnTo>
                                <a:pt x="106" y="48"/>
                              </a:lnTo>
                              <a:lnTo>
                                <a:pt x="121" y="49"/>
                              </a:lnTo>
                              <a:lnTo>
                                <a:pt x="136" y="46"/>
                              </a:lnTo>
                              <a:lnTo>
                                <a:pt x="155" y="41"/>
                              </a:lnTo>
                              <a:lnTo>
                                <a:pt x="155" y="44"/>
                              </a:lnTo>
                              <a:lnTo>
                                <a:pt x="155" y="48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287" name="Freeform 123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4755220" y="3075006"/>
                          <a:ext cx="420452" cy="564607"/>
                        </a:xfrm>
                        <a:custGeom>
                          <a:avLst/>
                          <a:gdLst>
                            <a:gd name="T0" fmla="*/ 349 w 350"/>
                            <a:gd name="T1" fmla="*/ 95 h 470"/>
                            <a:gd name="T2" fmla="*/ 331 w 350"/>
                            <a:gd name="T3" fmla="*/ 150 h 470"/>
                            <a:gd name="T4" fmla="*/ 334 w 350"/>
                            <a:gd name="T5" fmla="*/ 230 h 470"/>
                            <a:gd name="T6" fmla="*/ 318 w 350"/>
                            <a:gd name="T7" fmla="*/ 278 h 470"/>
                            <a:gd name="T8" fmla="*/ 307 w 350"/>
                            <a:gd name="T9" fmla="*/ 273 h 470"/>
                            <a:gd name="T10" fmla="*/ 290 w 350"/>
                            <a:gd name="T11" fmla="*/ 283 h 470"/>
                            <a:gd name="T12" fmla="*/ 248 w 350"/>
                            <a:gd name="T13" fmla="*/ 302 h 470"/>
                            <a:gd name="T14" fmla="*/ 211 w 350"/>
                            <a:gd name="T15" fmla="*/ 336 h 470"/>
                            <a:gd name="T16" fmla="*/ 186 w 350"/>
                            <a:gd name="T17" fmla="*/ 357 h 470"/>
                            <a:gd name="T18" fmla="*/ 165 w 350"/>
                            <a:gd name="T19" fmla="*/ 324 h 470"/>
                            <a:gd name="T20" fmla="*/ 157 w 350"/>
                            <a:gd name="T21" fmla="*/ 315 h 470"/>
                            <a:gd name="T22" fmla="*/ 152 w 350"/>
                            <a:gd name="T23" fmla="*/ 337 h 470"/>
                            <a:gd name="T24" fmla="*/ 146 w 350"/>
                            <a:gd name="T25" fmla="*/ 362 h 470"/>
                            <a:gd name="T26" fmla="*/ 117 w 350"/>
                            <a:gd name="T27" fmla="*/ 383 h 470"/>
                            <a:gd name="T28" fmla="*/ 85 w 350"/>
                            <a:gd name="T29" fmla="*/ 384 h 470"/>
                            <a:gd name="T30" fmla="*/ 98 w 350"/>
                            <a:gd name="T31" fmla="*/ 342 h 470"/>
                            <a:gd name="T32" fmla="*/ 92 w 350"/>
                            <a:gd name="T33" fmla="*/ 336 h 470"/>
                            <a:gd name="T34" fmla="*/ 66 w 350"/>
                            <a:gd name="T35" fmla="*/ 349 h 470"/>
                            <a:gd name="T36" fmla="*/ 63 w 350"/>
                            <a:gd name="T37" fmla="*/ 358 h 470"/>
                            <a:gd name="T38" fmla="*/ 70 w 350"/>
                            <a:gd name="T39" fmla="*/ 383 h 470"/>
                            <a:gd name="T40" fmla="*/ 72 w 350"/>
                            <a:gd name="T41" fmla="*/ 451 h 470"/>
                            <a:gd name="T42" fmla="*/ 47 w 350"/>
                            <a:gd name="T43" fmla="*/ 468 h 470"/>
                            <a:gd name="T44" fmla="*/ 38 w 350"/>
                            <a:gd name="T45" fmla="*/ 470 h 470"/>
                            <a:gd name="T46" fmla="*/ 38 w 350"/>
                            <a:gd name="T47" fmla="*/ 470 h 470"/>
                            <a:gd name="T48" fmla="*/ 26 w 350"/>
                            <a:gd name="T49" fmla="*/ 432 h 470"/>
                            <a:gd name="T50" fmla="*/ 25 w 350"/>
                            <a:gd name="T51" fmla="*/ 423 h 470"/>
                            <a:gd name="T52" fmla="*/ 3 w 350"/>
                            <a:gd name="T53" fmla="*/ 412 h 470"/>
                            <a:gd name="T54" fmla="*/ 0 w 350"/>
                            <a:gd name="T55" fmla="*/ 383 h 470"/>
                            <a:gd name="T56" fmla="*/ 28 w 350"/>
                            <a:gd name="T57" fmla="*/ 346 h 470"/>
                            <a:gd name="T58" fmla="*/ 72 w 350"/>
                            <a:gd name="T59" fmla="*/ 304 h 470"/>
                            <a:gd name="T60" fmla="*/ 92 w 350"/>
                            <a:gd name="T61" fmla="*/ 283 h 470"/>
                            <a:gd name="T62" fmla="*/ 115 w 350"/>
                            <a:gd name="T63" fmla="*/ 277 h 470"/>
                            <a:gd name="T64" fmla="*/ 156 w 350"/>
                            <a:gd name="T65" fmla="*/ 266 h 470"/>
                            <a:gd name="T66" fmla="*/ 193 w 350"/>
                            <a:gd name="T67" fmla="*/ 235 h 470"/>
                            <a:gd name="T68" fmla="*/ 215 w 350"/>
                            <a:gd name="T69" fmla="*/ 185 h 470"/>
                            <a:gd name="T70" fmla="*/ 219 w 350"/>
                            <a:gd name="T71" fmla="*/ 192 h 470"/>
                            <a:gd name="T72" fmla="*/ 224 w 350"/>
                            <a:gd name="T73" fmla="*/ 194 h 470"/>
                            <a:gd name="T74" fmla="*/ 235 w 350"/>
                            <a:gd name="T75" fmla="*/ 193 h 470"/>
                            <a:gd name="T76" fmla="*/ 249 w 350"/>
                            <a:gd name="T77" fmla="*/ 184 h 470"/>
                            <a:gd name="T78" fmla="*/ 267 w 350"/>
                            <a:gd name="T79" fmla="*/ 152 h 470"/>
                            <a:gd name="T80" fmla="*/ 286 w 350"/>
                            <a:gd name="T81" fmla="*/ 101 h 470"/>
                            <a:gd name="T82" fmla="*/ 287 w 350"/>
                            <a:gd name="T83" fmla="*/ 75 h 470"/>
                            <a:gd name="T84" fmla="*/ 280 w 350"/>
                            <a:gd name="T85" fmla="*/ 70 h 470"/>
                            <a:gd name="T86" fmla="*/ 275 w 350"/>
                            <a:gd name="T87" fmla="*/ 63 h 470"/>
                            <a:gd name="T88" fmla="*/ 275 w 350"/>
                            <a:gd name="T89" fmla="*/ 52 h 470"/>
                            <a:gd name="T90" fmla="*/ 279 w 350"/>
                            <a:gd name="T91" fmla="*/ 41 h 470"/>
                            <a:gd name="T92" fmla="*/ 297 w 350"/>
                            <a:gd name="T93" fmla="*/ 16 h 470"/>
                            <a:gd name="T94" fmla="*/ 330 w 350"/>
                            <a:gd name="T95" fmla="*/ 38 h 470"/>
                            <a:gd name="T96" fmla="*/ 345 w 350"/>
                            <a:gd name="T97" fmla="*/ 69 h 470"/>
                            <a:gd name="T98" fmla="*/ 349 w 350"/>
                            <a:gd name="T99" fmla="*/ 80 h 470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  <a:cxn ang="0">
                              <a:pos x="T34" y="T35"/>
                            </a:cxn>
                            <a:cxn ang="0">
                              <a:pos x="T36" y="T37"/>
                            </a:cxn>
                            <a:cxn ang="0">
                              <a:pos x="T38" y="T39"/>
                            </a:cxn>
                            <a:cxn ang="0">
                              <a:pos x="T40" y="T41"/>
                            </a:cxn>
                            <a:cxn ang="0">
                              <a:pos x="T42" y="T43"/>
                            </a:cxn>
                            <a:cxn ang="0">
                              <a:pos x="T44" y="T45"/>
                            </a:cxn>
                            <a:cxn ang="0">
                              <a:pos x="T46" y="T47"/>
                            </a:cxn>
                            <a:cxn ang="0">
                              <a:pos x="T48" y="T49"/>
                            </a:cxn>
                            <a:cxn ang="0">
                              <a:pos x="T50" y="T51"/>
                            </a:cxn>
                            <a:cxn ang="0">
                              <a:pos x="T52" y="T53"/>
                            </a:cxn>
                            <a:cxn ang="0">
                              <a:pos x="T54" y="T55"/>
                            </a:cxn>
                            <a:cxn ang="0">
                              <a:pos x="T56" y="T57"/>
                            </a:cxn>
                            <a:cxn ang="0">
                              <a:pos x="T58" y="T59"/>
                            </a:cxn>
                            <a:cxn ang="0">
                              <a:pos x="T60" y="T61"/>
                            </a:cxn>
                            <a:cxn ang="0">
                              <a:pos x="T62" y="T63"/>
                            </a:cxn>
                            <a:cxn ang="0">
                              <a:pos x="T64" y="T65"/>
                            </a:cxn>
                            <a:cxn ang="0">
                              <a:pos x="T66" y="T67"/>
                            </a:cxn>
                            <a:cxn ang="0">
                              <a:pos x="T68" y="T69"/>
                            </a:cxn>
                            <a:cxn ang="0">
                              <a:pos x="T70" y="T71"/>
                            </a:cxn>
                            <a:cxn ang="0">
                              <a:pos x="T72" y="T73"/>
                            </a:cxn>
                            <a:cxn ang="0">
                              <a:pos x="T74" y="T75"/>
                            </a:cxn>
                            <a:cxn ang="0">
                              <a:pos x="T76" y="T77"/>
                            </a:cxn>
                            <a:cxn ang="0">
                              <a:pos x="T78" y="T79"/>
                            </a:cxn>
                            <a:cxn ang="0">
                              <a:pos x="T80" y="T81"/>
                            </a:cxn>
                            <a:cxn ang="0">
                              <a:pos x="T82" y="T83"/>
                            </a:cxn>
                            <a:cxn ang="0">
                              <a:pos x="T84" y="T85"/>
                            </a:cxn>
                            <a:cxn ang="0">
                              <a:pos x="T86" y="T87"/>
                            </a:cxn>
                            <a:cxn ang="0">
                              <a:pos x="T88" y="T89"/>
                            </a:cxn>
                            <a:cxn ang="0">
                              <a:pos x="T90" y="T91"/>
                            </a:cxn>
                            <a:cxn ang="0">
                              <a:pos x="T92" y="T93"/>
                            </a:cxn>
                            <a:cxn ang="0">
                              <a:pos x="T94" y="T95"/>
                            </a:cxn>
                            <a:cxn ang="0">
                              <a:pos x="T96" y="T97"/>
                            </a:cxn>
                            <a:cxn ang="0">
                              <a:pos x="T98" y="T99"/>
                            </a:cxn>
                          </a:cxnLst>
                          <a:rect l="0" t="0" r="r" b="b"/>
                          <a:pathLst>
                            <a:path w="350" h="470">
                              <a:moveTo>
                                <a:pt x="349" y="84"/>
                              </a:moveTo>
                              <a:lnTo>
                                <a:pt x="350" y="89"/>
                              </a:lnTo>
                              <a:lnTo>
                                <a:pt x="349" y="95"/>
                              </a:lnTo>
                              <a:lnTo>
                                <a:pt x="345" y="113"/>
                              </a:lnTo>
                              <a:lnTo>
                                <a:pt x="338" y="131"/>
                              </a:lnTo>
                              <a:lnTo>
                                <a:pt x="331" y="150"/>
                              </a:lnTo>
                              <a:lnTo>
                                <a:pt x="331" y="169"/>
                              </a:lnTo>
                              <a:lnTo>
                                <a:pt x="335" y="201"/>
                              </a:lnTo>
                              <a:lnTo>
                                <a:pt x="334" y="230"/>
                              </a:lnTo>
                              <a:lnTo>
                                <a:pt x="330" y="256"/>
                              </a:lnTo>
                              <a:lnTo>
                                <a:pt x="322" y="279"/>
                              </a:lnTo>
                              <a:lnTo>
                                <a:pt x="318" y="278"/>
                              </a:lnTo>
                              <a:lnTo>
                                <a:pt x="314" y="277"/>
                              </a:lnTo>
                              <a:lnTo>
                                <a:pt x="311" y="275"/>
                              </a:lnTo>
                              <a:lnTo>
                                <a:pt x="307" y="273"/>
                              </a:lnTo>
                              <a:lnTo>
                                <a:pt x="303" y="270"/>
                              </a:lnTo>
                              <a:lnTo>
                                <a:pt x="297" y="277"/>
                              </a:lnTo>
                              <a:lnTo>
                                <a:pt x="290" y="283"/>
                              </a:lnTo>
                              <a:lnTo>
                                <a:pt x="279" y="290"/>
                              </a:lnTo>
                              <a:lnTo>
                                <a:pt x="265" y="296"/>
                              </a:lnTo>
                              <a:lnTo>
                                <a:pt x="248" y="302"/>
                              </a:lnTo>
                              <a:lnTo>
                                <a:pt x="225" y="305"/>
                              </a:lnTo>
                              <a:lnTo>
                                <a:pt x="218" y="324"/>
                              </a:lnTo>
                              <a:lnTo>
                                <a:pt x="211" y="336"/>
                              </a:lnTo>
                              <a:lnTo>
                                <a:pt x="204" y="345"/>
                              </a:lnTo>
                              <a:lnTo>
                                <a:pt x="197" y="351"/>
                              </a:lnTo>
                              <a:lnTo>
                                <a:pt x="186" y="357"/>
                              </a:lnTo>
                              <a:lnTo>
                                <a:pt x="177" y="341"/>
                              </a:lnTo>
                              <a:lnTo>
                                <a:pt x="170" y="330"/>
                              </a:lnTo>
                              <a:lnTo>
                                <a:pt x="165" y="324"/>
                              </a:lnTo>
                              <a:lnTo>
                                <a:pt x="163" y="319"/>
                              </a:lnTo>
                              <a:lnTo>
                                <a:pt x="160" y="316"/>
                              </a:lnTo>
                              <a:lnTo>
                                <a:pt x="157" y="315"/>
                              </a:lnTo>
                              <a:lnTo>
                                <a:pt x="155" y="315"/>
                              </a:lnTo>
                              <a:lnTo>
                                <a:pt x="151" y="325"/>
                              </a:lnTo>
                              <a:lnTo>
                                <a:pt x="152" y="337"/>
                              </a:lnTo>
                              <a:lnTo>
                                <a:pt x="155" y="349"/>
                              </a:lnTo>
                              <a:lnTo>
                                <a:pt x="156" y="359"/>
                              </a:lnTo>
                              <a:lnTo>
                                <a:pt x="146" y="362"/>
                              </a:lnTo>
                              <a:lnTo>
                                <a:pt x="135" y="368"/>
                              </a:lnTo>
                              <a:lnTo>
                                <a:pt x="126" y="376"/>
                              </a:lnTo>
                              <a:lnTo>
                                <a:pt x="117" y="383"/>
                              </a:lnTo>
                              <a:lnTo>
                                <a:pt x="108" y="388"/>
                              </a:lnTo>
                              <a:lnTo>
                                <a:pt x="97" y="389"/>
                              </a:lnTo>
                              <a:lnTo>
                                <a:pt x="85" y="384"/>
                              </a:lnTo>
                              <a:lnTo>
                                <a:pt x="85" y="366"/>
                              </a:lnTo>
                              <a:lnTo>
                                <a:pt x="89" y="353"/>
                              </a:lnTo>
                              <a:lnTo>
                                <a:pt x="98" y="342"/>
                              </a:lnTo>
                              <a:lnTo>
                                <a:pt x="112" y="336"/>
                              </a:lnTo>
                              <a:lnTo>
                                <a:pt x="101" y="333"/>
                              </a:lnTo>
                              <a:lnTo>
                                <a:pt x="92" y="336"/>
                              </a:lnTo>
                              <a:lnTo>
                                <a:pt x="83" y="340"/>
                              </a:lnTo>
                              <a:lnTo>
                                <a:pt x="75" y="345"/>
                              </a:lnTo>
                              <a:lnTo>
                                <a:pt x="66" y="349"/>
                              </a:lnTo>
                              <a:lnTo>
                                <a:pt x="55" y="349"/>
                              </a:lnTo>
                              <a:lnTo>
                                <a:pt x="60" y="354"/>
                              </a:lnTo>
                              <a:lnTo>
                                <a:pt x="63" y="358"/>
                              </a:lnTo>
                              <a:lnTo>
                                <a:pt x="66" y="363"/>
                              </a:lnTo>
                              <a:lnTo>
                                <a:pt x="67" y="372"/>
                              </a:lnTo>
                              <a:lnTo>
                                <a:pt x="70" y="383"/>
                              </a:lnTo>
                              <a:lnTo>
                                <a:pt x="70" y="400"/>
                              </a:lnTo>
                              <a:lnTo>
                                <a:pt x="71" y="422"/>
                              </a:lnTo>
                              <a:lnTo>
                                <a:pt x="72" y="451"/>
                              </a:lnTo>
                              <a:lnTo>
                                <a:pt x="60" y="460"/>
                              </a:lnTo>
                              <a:lnTo>
                                <a:pt x="53" y="465"/>
                              </a:lnTo>
                              <a:lnTo>
                                <a:pt x="47" y="468"/>
                              </a:lnTo>
                              <a:lnTo>
                                <a:pt x="43" y="470"/>
                              </a:lnTo>
                              <a:lnTo>
                                <a:pt x="38" y="470"/>
                              </a:lnTo>
                              <a:lnTo>
                                <a:pt x="38" y="470"/>
                              </a:lnTo>
                              <a:lnTo>
                                <a:pt x="38" y="470"/>
                              </a:lnTo>
                              <a:lnTo>
                                <a:pt x="38" y="470"/>
                              </a:lnTo>
                              <a:lnTo>
                                <a:pt x="38" y="470"/>
                              </a:lnTo>
                              <a:lnTo>
                                <a:pt x="30" y="455"/>
                              </a:lnTo>
                              <a:lnTo>
                                <a:pt x="26" y="442"/>
                              </a:lnTo>
                              <a:lnTo>
                                <a:pt x="26" y="432"/>
                              </a:lnTo>
                              <a:lnTo>
                                <a:pt x="26" y="429"/>
                              </a:lnTo>
                              <a:lnTo>
                                <a:pt x="26" y="426"/>
                              </a:lnTo>
                              <a:lnTo>
                                <a:pt x="25" y="423"/>
                              </a:lnTo>
                              <a:lnTo>
                                <a:pt x="19" y="417"/>
                              </a:lnTo>
                              <a:lnTo>
                                <a:pt x="11" y="414"/>
                              </a:lnTo>
                              <a:lnTo>
                                <a:pt x="3" y="412"/>
                              </a:lnTo>
                              <a:lnTo>
                                <a:pt x="2" y="402"/>
                              </a:lnTo>
                              <a:lnTo>
                                <a:pt x="0" y="392"/>
                              </a:lnTo>
                              <a:lnTo>
                                <a:pt x="0" y="383"/>
                              </a:lnTo>
                              <a:lnTo>
                                <a:pt x="5" y="372"/>
                              </a:lnTo>
                              <a:lnTo>
                                <a:pt x="15" y="359"/>
                              </a:lnTo>
                              <a:lnTo>
                                <a:pt x="28" y="346"/>
                              </a:lnTo>
                              <a:lnTo>
                                <a:pt x="46" y="328"/>
                              </a:lnTo>
                              <a:lnTo>
                                <a:pt x="62" y="315"/>
                              </a:lnTo>
                              <a:lnTo>
                                <a:pt x="72" y="304"/>
                              </a:lnTo>
                              <a:lnTo>
                                <a:pt x="80" y="296"/>
                              </a:lnTo>
                              <a:lnTo>
                                <a:pt x="87" y="290"/>
                              </a:lnTo>
                              <a:lnTo>
                                <a:pt x="92" y="283"/>
                              </a:lnTo>
                              <a:lnTo>
                                <a:pt x="96" y="278"/>
                              </a:lnTo>
                              <a:lnTo>
                                <a:pt x="101" y="270"/>
                              </a:lnTo>
                              <a:lnTo>
                                <a:pt x="115" y="277"/>
                              </a:lnTo>
                              <a:lnTo>
                                <a:pt x="130" y="277"/>
                              </a:lnTo>
                              <a:lnTo>
                                <a:pt x="143" y="273"/>
                              </a:lnTo>
                              <a:lnTo>
                                <a:pt x="156" y="266"/>
                              </a:lnTo>
                              <a:lnTo>
                                <a:pt x="169" y="262"/>
                              </a:lnTo>
                              <a:lnTo>
                                <a:pt x="182" y="261"/>
                              </a:lnTo>
                              <a:lnTo>
                                <a:pt x="193" y="235"/>
                              </a:lnTo>
                              <a:lnTo>
                                <a:pt x="202" y="209"/>
                              </a:lnTo>
                              <a:lnTo>
                                <a:pt x="214" y="182"/>
                              </a:lnTo>
                              <a:lnTo>
                                <a:pt x="215" y="185"/>
                              </a:lnTo>
                              <a:lnTo>
                                <a:pt x="216" y="186"/>
                              </a:lnTo>
                              <a:lnTo>
                                <a:pt x="218" y="189"/>
                              </a:lnTo>
                              <a:lnTo>
                                <a:pt x="219" y="192"/>
                              </a:lnTo>
                              <a:lnTo>
                                <a:pt x="220" y="193"/>
                              </a:lnTo>
                              <a:lnTo>
                                <a:pt x="223" y="194"/>
                              </a:lnTo>
                              <a:lnTo>
                                <a:pt x="224" y="194"/>
                              </a:lnTo>
                              <a:lnTo>
                                <a:pt x="228" y="194"/>
                              </a:lnTo>
                              <a:lnTo>
                                <a:pt x="231" y="193"/>
                              </a:lnTo>
                              <a:lnTo>
                                <a:pt x="235" y="193"/>
                              </a:lnTo>
                              <a:lnTo>
                                <a:pt x="237" y="192"/>
                              </a:lnTo>
                              <a:lnTo>
                                <a:pt x="240" y="190"/>
                              </a:lnTo>
                              <a:lnTo>
                                <a:pt x="249" y="184"/>
                              </a:lnTo>
                              <a:lnTo>
                                <a:pt x="256" y="173"/>
                              </a:lnTo>
                              <a:lnTo>
                                <a:pt x="261" y="163"/>
                              </a:lnTo>
                              <a:lnTo>
                                <a:pt x="267" y="152"/>
                              </a:lnTo>
                              <a:lnTo>
                                <a:pt x="276" y="146"/>
                              </a:lnTo>
                              <a:lnTo>
                                <a:pt x="282" y="120"/>
                              </a:lnTo>
                              <a:lnTo>
                                <a:pt x="286" y="101"/>
                              </a:lnTo>
                              <a:lnTo>
                                <a:pt x="287" y="88"/>
                              </a:lnTo>
                              <a:lnTo>
                                <a:pt x="287" y="80"/>
                              </a:lnTo>
                              <a:lnTo>
                                <a:pt x="287" y="75"/>
                              </a:lnTo>
                              <a:lnTo>
                                <a:pt x="284" y="72"/>
                              </a:lnTo>
                              <a:lnTo>
                                <a:pt x="282" y="71"/>
                              </a:lnTo>
                              <a:lnTo>
                                <a:pt x="280" y="70"/>
                              </a:lnTo>
                              <a:lnTo>
                                <a:pt x="278" y="69"/>
                              </a:lnTo>
                              <a:lnTo>
                                <a:pt x="276" y="66"/>
                              </a:lnTo>
                              <a:lnTo>
                                <a:pt x="275" y="63"/>
                              </a:lnTo>
                              <a:lnTo>
                                <a:pt x="274" y="61"/>
                              </a:lnTo>
                              <a:lnTo>
                                <a:pt x="274" y="57"/>
                              </a:lnTo>
                              <a:lnTo>
                                <a:pt x="275" y="52"/>
                              </a:lnTo>
                              <a:lnTo>
                                <a:pt x="275" y="48"/>
                              </a:lnTo>
                              <a:lnTo>
                                <a:pt x="276" y="45"/>
                              </a:lnTo>
                              <a:lnTo>
                                <a:pt x="279" y="41"/>
                              </a:lnTo>
                              <a:lnTo>
                                <a:pt x="283" y="36"/>
                              </a:lnTo>
                              <a:lnTo>
                                <a:pt x="288" y="28"/>
                              </a:lnTo>
                              <a:lnTo>
                                <a:pt x="297" y="16"/>
                              </a:lnTo>
                              <a:lnTo>
                                <a:pt x="309" y="0"/>
                              </a:lnTo>
                              <a:lnTo>
                                <a:pt x="321" y="21"/>
                              </a:lnTo>
                              <a:lnTo>
                                <a:pt x="330" y="38"/>
                              </a:lnTo>
                              <a:lnTo>
                                <a:pt x="337" y="52"/>
                              </a:lnTo>
                              <a:lnTo>
                                <a:pt x="342" y="61"/>
                              </a:lnTo>
                              <a:lnTo>
                                <a:pt x="345" y="69"/>
                              </a:lnTo>
                              <a:lnTo>
                                <a:pt x="347" y="74"/>
                              </a:lnTo>
                              <a:lnTo>
                                <a:pt x="349" y="78"/>
                              </a:lnTo>
                              <a:lnTo>
                                <a:pt x="349" y="80"/>
                              </a:lnTo>
                              <a:lnTo>
                                <a:pt x="349" y="84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288" name="Freeform 127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3299254" y="4487725"/>
                          <a:ext cx="13214" cy="19221"/>
                        </a:xfrm>
                        <a:custGeom>
                          <a:avLst/>
                          <a:gdLst>
                            <a:gd name="T0" fmla="*/ 11 w 11"/>
                            <a:gd name="T1" fmla="*/ 8 h 16"/>
                            <a:gd name="T2" fmla="*/ 11 w 11"/>
                            <a:gd name="T3" fmla="*/ 12 h 16"/>
                            <a:gd name="T4" fmla="*/ 10 w 11"/>
                            <a:gd name="T5" fmla="*/ 14 h 16"/>
                            <a:gd name="T6" fmla="*/ 8 w 11"/>
                            <a:gd name="T7" fmla="*/ 16 h 16"/>
                            <a:gd name="T8" fmla="*/ 5 w 11"/>
                            <a:gd name="T9" fmla="*/ 16 h 16"/>
                            <a:gd name="T10" fmla="*/ 1 w 11"/>
                            <a:gd name="T11" fmla="*/ 16 h 16"/>
                            <a:gd name="T12" fmla="*/ 1 w 11"/>
                            <a:gd name="T13" fmla="*/ 14 h 16"/>
                            <a:gd name="T14" fmla="*/ 1 w 11"/>
                            <a:gd name="T15" fmla="*/ 13 h 16"/>
                            <a:gd name="T16" fmla="*/ 1 w 11"/>
                            <a:gd name="T17" fmla="*/ 13 h 16"/>
                            <a:gd name="T18" fmla="*/ 1 w 11"/>
                            <a:gd name="T19" fmla="*/ 12 h 16"/>
                            <a:gd name="T20" fmla="*/ 1 w 11"/>
                            <a:gd name="T21" fmla="*/ 10 h 16"/>
                            <a:gd name="T22" fmla="*/ 1 w 11"/>
                            <a:gd name="T23" fmla="*/ 9 h 16"/>
                            <a:gd name="T24" fmla="*/ 1 w 11"/>
                            <a:gd name="T25" fmla="*/ 9 h 16"/>
                            <a:gd name="T26" fmla="*/ 1 w 11"/>
                            <a:gd name="T27" fmla="*/ 8 h 16"/>
                            <a:gd name="T28" fmla="*/ 1 w 11"/>
                            <a:gd name="T29" fmla="*/ 7 h 16"/>
                            <a:gd name="T30" fmla="*/ 1 w 11"/>
                            <a:gd name="T31" fmla="*/ 5 h 16"/>
                            <a:gd name="T32" fmla="*/ 1 w 11"/>
                            <a:gd name="T33" fmla="*/ 5 h 16"/>
                            <a:gd name="T34" fmla="*/ 1 w 11"/>
                            <a:gd name="T35" fmla="*/ 4 h 16"/>
                            <a:gd name="T36" fmla="*/ 0 w 11"/>
                            <a:gd name="T37" fmla="*/ 3 h 16"/>
                            <a:gd name="T38" fmla="*/ 0 w 11"/>
                            <a:gd name="T39" fmla="*/ 3 h 16"/>
                            <a:gd name="T40" fmla="*/ 0 w 11"/>
                            <a:gd name="T41" fmla="*/ 1 h 16"/>
                            <a:gd name="T42" fmla="*/ 0 w 11"/>
                            <a:gd name="T43" fmla="*/ 0 h 16"/>
                            <a:gd name="T44" fmla="*/ 1 w 11"/>
                            <a:gd name="T45" fmla="*/ 0 h 16"/>
                            <a:gd name="T46" fmla="*/ 1 w 11"/>
                            <a:gd name="T47" fmla="*/ 0 h 16"/>
                            <a:gd name="T48" fmla="*/ 2 w 11"/>
                            <a:gd name="T49" fmla="*/ 0 h 16"/>
                            <a:gd name="T50" fmla="*/ 2 w 11"/>
                            <a:gd name="T51" fmla="*/ 0 h 16"/>
                            <a:gd name="T52" fmla="*/ 4 w 11"/>
                            <a:gd name="T53" fmla="*/ 1 h 16"/>
                            <a:gd name="T54" fmla="*/ 4 w 11"/>
                            <a:gd name="T55" fmla="*/ 1 h 16"/>
                            <a:gd name="T56" fmla="*/ 5 w 11"/>
                            <a:gd name="T57" fmla="*/ 1 h 16"/>
                            <a:gd name="T58" fmla="*/ 6 w 11"/>
                            <a:gd name="T59" fmla="*/ 1 h 16"/>
                            <a:gd name="T60" fmla="*/ 6 w 11"/>
                            <a:gd name="T61" fmla="*/ 1 h 16"/>
                            <a:gd name="T62" fmla="*/ 8 w 11"/>
                            <a:gd name="T63" fmla="*/ 1 h 16"/>
                            <a:gd name="T64" fmla="*/ 8 w 11"/>
                            <a:gd name="T65" fmla="*/ 1 h 16"/>
                            <a:gd name="T66" fmla="*/ 9 w 11"/>
                            <a:gd name="T67" fmla="*/ 1 h 16"/>
                            <a:gd name="T68" fmla="*/ 9 w 11"/>
                            <a:gd name="T69" fmla="*/ 1 h 16"/>
                            <a:gd name="T70" fmla="*/ 10 w 11"/>
                            <a:gd name="T71" fmla="*/ 3 h 16"/>
                            <a:gd name="T72" fmla="*/ 10 w 11"/>
                            <a:gd name="T73" fmla="*/ 3 h 16"/>
                            <a:gd name="T74" fmla="*/ 11 w 11"/>
                            <a:gd name="T75" fmla="*/ 3 h 16"/>
                            <a:gd name="T76" fmla="*/ 11 w 11"/>
                            <a:gd name="T77" fmla="*/ 4 h 16"/>
                            <a:gd name="T78" fmla="*/ 11 w 11"/>
                            <a:gd name="T79" fmla="*/ 8 h 16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  <a:cxn ang="0">
                              <a:pos x="T34" y="T35"/>
                            </a:cxn>
                            <a:cxn ang="0">
                              <a:pos x="T36" y="T37"/>
                            </a:cxn>
                            <a:cxn ang="0">
                              <a:pos x="T38" y="T39"/>
                            </a:cxn>
                            <a:cxn ang="0">
                              <a:pos x="T40" y="T41"/>
                            </a:cxn>
                            <a:cxn ang="0">
                              <a:pos x="T42" y="T43"/>
                            </a:cxn>
                            <a:cxn ang="0">
                              <a:pos x="T44" y="T45"/>
                            </a:cxn>
                            <a:cxn ang="0">
                              <a:pos x="T46" y="T47"/>
                            </a:cxn>
                            <a:cxn ang="0">
                              <a:pos x="T48" y="T49"/>
                            </a:cxn>
                            <a:cxn ang="0">
                              <a:pos x="T50" y="T51"/>
                            </a:cxn>
                            <a:cxn ang="0">
                              <a:pos x="T52" y="T53"/>
                            </a:cxn>
                            <a:cxn ang="0">
                              <a:pos x="T54" y="T55"/>
                            </a:cxn>
                            <a:cxn ang="0">
                              <a:pos x="T56" y="T57"/>
                            </a:cxn>
                            <a:cxn ang="0">
                              <a:pos x="T58" y="T59"/>
                            </a:cxn>
                            <a:cxn ang="0">
                              <a:pos x="T60" y="T61"/>
                            </a:cxn>
                            <a:cxn ang="0">
                              <a:pos x="T62" y="T63"/>
                            </a:cxn>
                            <a:cxn ang="0">
                              <a:pos x="T64" y="T65"/>
                            </a:cxn>
                            <a:cxn ang="0">
                              <a:pos x="T66" y="T67"/>
                            </a:cxn>
                            <a:cxn ang="0">
                              <a:pos x="T68" y="T69"/>
                            </a:cxn>
                            <a:cxn ang="0">
                              <a:pos x="T70" y="T71"/>
                            </a:cxn>
                            <a:cxn ang="0">
                              <a:pos x="T72" y="T73"/>
                            </a:cxn>
                            <a:cxn ang="0">
                              <a:pos x="T74" y="T75"/>
                            </a:cxn>
                            <a:cxn ang="0">
                              <a:pos x="T76" y="T77"/>
                            </a:cxn>
                            <a:cxn ang="0">
                              <a:pos x="T78" y="T79"/>
                            </a:cxn>
                          </a:cxnLst>
                          <a:rect l="0" t="0" r="r" b="b"/>
                          <a:pathLst>
                            <a:path w="11" h="16">
                              <a:moveTo>
                                <a:pt x="11" y="8"/>
                              </a:moveTo>
                              <a:lnTo>
                                <a:pt x="11" y="12"/>
                              </a:lnTo>
                              <a:lnTo>
                                <a:pt x="10" y="14"/>
                              </a:lnTo>
                              <a:lnTo>
                                <a:pt x="8" y="16"/>
                              </a:lnTo>
                              <a:lnTo>
                                <a:pt x="5" y="16"/>
                              </a:lnTo>
                              <a:lnTo>
                                <a:pt x="1" y="16"/>
                              </a:lnTo>
                              <a:lnTo>
                                <a:pt x="1" y="14"/>
                              </a:lnTo>
                              <a:lnTo>
                                <a:pt x="1" y="13"/>
                              </a:lnTo>
                              <a:lnTo>
                                <a:pt x="1" y="13"/>
                              </a:lnTo>
                              <a:lnTo>
                                <a:pt x="1" y="12"/>
                              </a:lnTo>
                              <a:lnTo>
                                <a:pt x="1" y="10"/>
                              </a:lnTo>
                              <a:lnTo>
                                <a:pt x="1" y="9"/>
                              </a:lnTo>
                              <a:lnTo>
                                <a:pt x="1" y="9"/>
                              </a:lnTo>
                              <a:lnTo>
                                <a:pt x="1" y="8"/>
                              </a:lnTo>
                              <a:lnTo>
                                <a:pt x="1" y="7"/>
                              </a:lnTo>
                              <a:lnTo>
                                <a:pt x="1" y="5"/>
                              </a:lnTo>
                              <a:lnTo>
                                <a:pt x="1" y="5"/>
                              </a:lnTo>
                              <a:lnTo>
                                <a:pt x="1" y="4"/>
                              </a:lnTo>
                              <a:lnTo>
                                <a:pt x="0" y="3"/>
                              </a:lnTo>
                              <a:lnTo>
                                <a:pt x="0" y="3"/>
                              </a:lnTo>
                              <a:lnTo>
                                <a:pt x="0" y="1"/>
                              </a:lnTo>
                              <a:lnTo>
                                <a:pt x="0" y="0"/>
                              </a:lnTo>
                              <a:lnTo>
                                <a:pt x="1" y="0"/>
                              </a:lnTo>
                              <a:lnTo>
                                <a:pt x="1" y="0"/>
                              </a:lnTo>
                              <a:lnTo>
                                <a:pt x="2" y="0"/>
                              </a:lnTo>
                              <a:lnTo>
                                <a:pt x="2" y="0"/>
                              </a:lnTo>
                              <a:lnTo>
                                <a:pt x="4" y="1"/>
                              </a:lnTo>
                              <a:lnTo>
                                <a:pt x="4" y="1"/>
                              </a:lnTo>
                              <a:lnTo>
                                <a:pt x="5" y="1"/>
                              </a:lnTo>
                              <a:lnTo>
                                <a:pt x="6" y="1"/>
                              </a:lnTo>
                              <a:lnTo>
                                <a:pt x="6" y="1"/>
                              </a:lnTo>
                              <a:lnTo>
                                <a:pt x="8" y="1"/>
                              </a:lnTo>
                              <a:lnTo>
                                <a:pt x="8" y="1"/>
                              </a:lnTo>
                              <a:lnTo>
                                <a:pt x="9" y="1"/>
                              </a:lnTo>
                              <a:lnTo>
                                <a:pt x="9" y="1"/>
                              </a:lnTo>
                              <a:lnTo>
                                <a:pt x="10" y="3"/>
                              </a:lnTo>
                              <a:lnTo>
                                <a:pt x="10" y="3"/>
                              </a:lnTo>
                              <a:lnTo>
                                <a:pt x="11" y="3"/>
                              </a:lnTo>
                              <a:lnTo>
                                <a:pt x="11" y="4"/>
                              </a:lnTo>
                              <a:lnTo>
                                <a:pt x="11" y="8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289" name="Freeform 132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2884808" y="4536978"/>
                          <a:ext cx="76883" cy="170583"/>
                        </a:xfrm>
                        <a:custGeom>
                          <a:avLst/>
                          <a:gdLst>
                            <a:gd name="T0" fmla="*/ 64 w 64"/>
                            <a:gd name="T1" fmla="*/ 108 h 142"/>
                            <a:gd name="T2" fmla="*/ 64 w 64"/>
                            <a:gd name="T3" fmla="*/ 124 h 142"/>
                            <a:gd name="T4" fmla="*/ 62 w 64"/>
                            <a:gd name="T5" fmla="*/ 133 h 142"/>
                            <a:gd name="T6" fmla="*/ 57 w 64"/>
                            <a:gd name="T7" fmla="*/ 140 h 142"/>
                            <a:gd name="T8" fmla="*/ 50 w 64"/>
                            <a:gd name="T9" fmla="*/ 142 h 142"/>
                            <a:gd name="T10" fmla="*/ 42 w 64"/>
                            <a:gd name="T11" fmla="*/ 142 h 142"/>
                            <a:gd name="T12" fmla="*/ 36 w 64"/>
                            <a:gd name="T13" fmla="*/ 141 h 142"/>
                            <a:gd name="T14" fmla="*/ 30 w 64"/>
                            <a:gd name="T15" fmla="*/ 140 h 142"/>
                            <a:gd name="T16" fmla="*/ 30 w 64"/>
                            <a:gd name="T17" fmla="*/ 140 h 142"/>
                            <a:gd name="T18" fmla="*/ 30 w 64"/>
                            <a:gd name="T19" fmla="*/ 140 h 142"/>
                            <a:gd name="T20" fmla="*/ 30 w 64"/>
                            <a:gd name="T21" fmla="*/ 140 h 142"/>
                            <a:gd name="T22" fmla="*/ 30 w 64"/>
                            <a:gd name="T23" fmla="*/ 140 h 142"/>
                            <a:gd name="T24" fmla="*/ 30 w 64"/>
                            <a:gd name="T25" fmla="*/ 140 h 142"/>
                            <a:gd name="T26" fmla="*/ 30 w 64"/>
                            <a:gd name="T27" fmla="*/ 140 h 142"/>
                            <a:gd name="T28" fmla="*/ 30 w 64"/>
                            <a:gd name="T29" fmla="*/ 140 h 142"/>
                            <a:gd name="T30" fmla="*/ 30 w 64"/>
                            <a:gd name="T31" fmla="*/ 140 h 142"/>
                            <a:gd name="T32" fmla="*/ 13 w 64"/>
                            <a:gd name="T33" fmla="*/ 107 h 142"/>
                            <a:gd name="T34" fmla="*/ 4 w 64"/>
                            <a:gd name="T35" fmla="*/ 74 h 142"/>
                            <a:gd name="T36" fmla="*/ 0 w 64"/>
                            <a:gd name="T37" fmla="*/ 39 h 142"/>
                            <a:gd name="T38" fmla="*/ 2 w 64"/>
                            <a:gd name="T39" fmla="*/ 0 h 142"/>
                            <a:gd name="T40" fmla="*/ 3 w 64"/>
                            <a:gd name="T41" fmla="*/ 0 h 142"/>
                            <a:gd name="T42" fmla="*/ 4 w 64"/>
                            <a:gd name="T43" fmla="*/ 1 h 142"/>
                            <a:gd name="T44" fmla="*/ 4 w 64"/>
                            <a:gd name="T45" fmla="*/ 1 h 142"/>
                            <a:gd name="T46" fmla="*/ 6 w 64"/>
                            <a:gd name="T47" fmla="*/ 1 h 142"/>
                            <a:gd name="T48" fmla="*/ 6 w 64"/>
                            <a:gd name="T49" fmla="*/ 1 h 142"/>
                            <a:gd name="T50" fmla="*/ 7 w 64"/>
                            <a:gd name="T51" fmla="*/ 1 h 142"/>
                            <a:gd name="T52" fmla="*/ 8 w 64"/>
                            <a:gd name="T53" fmla="*/ 1 h 142"/>
                            <a:gd name="T54" fmla="*/ 8 w 64"/>
                            <a:gd name="T55" fmla="*/ 2 h 142"/>
                            <a:gd name="T56" fmla="*/ 23 w 64"/>
                            <a:gd name="T57" fmla="*/ 15 h 142"/>
                            <a:gd name="T58" fmla="*/ 34 w 64"/>
                            <a:gd name="T59" fmla="*/ 32 h 142"/>
                            <a:gd name="T60" fmla="*/ 46 w 64"/>
                            <a:gd name="T61" fmla="*/ 52 h 142"/>
                            <a:gd name="T62" fmla="*/ 54 w 64"/>
                            <a:gd name="T63" fmla="*/ 73 h 142"/>
                            <a:gd name="T64" fmla="*/ 61 w 64"/>
                            <a:gd name="T65" fmla="*/ 91 h 142"/>
                            <a:gd name="T66" fmla="*/ 64 w 64"/>
                            <a:gd name="T67" fmla="*/ 108 h 142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  <a:cxn ang="0">
                              <a:pos x="T34" y="T35"/>
                            </a:cxn>
                            <a:cxn ang="0">
                              <a:pos x="T36" y="T37"/>
                            </a:cxn>
                            <a:cxn ang="0">
                              <a:pos x="T38" y="T39"/>
                            </a:cxn>
                            <a:cxn ang="0">
                              <a:pos x="T40" y="T41"/>
                            </a:cxn>
                            <a:cxn ang="0">
                              <a:pos x="T42" y="T43"/>
                            </a:cxn>
                            <a:cxn ang="0">
                              <a:pos x="T44" y="T45"/>
                            </a:cxn>
                            <a:cxn ang="0">
                              <a:pos x="T46" y="T47"/>
                            </a:cxn>
                            <a:cxn ang="0">
                              <a:pos x="T48" y="T49"/>
                            </a:cxn>
                            <a:cxn ang="0">
                              <a:pos x="T50" y="T51"/>
                            </a:cxn>
                            <a:cxn ang="0">
                              <a:pos x="T52" y="T53"/>
                            </a:cxn>
                            <a:cxn ang="0">
                              <a:pos x="T54" y="T55"/>
                            </a:cxn>
                            <a:cxn ang="0">
                              <a:pos x="T56" y="T57"/>
                            </a:cxn>
                            <a:cxn ang="0">
                              <a:pos x="T58" y="T59"/>
                            </a:cxn>
                            <a:cxn ang="0">
                              <a:pos x="T60" y="T61"/>
                            </a:cxn>
                            <a:cxn ang="0">
                              <a:pos x="T62" y="T63"/>
                            </a:cxn>
                            <a:cxn ang="0">
                              <a:pos x="T64" y="T65"/>
                            </a:cxn>
                            <a:cxn ang="0">
                              <a:pos x="T66" y="T67"/>
                            </a:cxn>
                          </a:cxnLst>
                          <a:rect l="0" t="0" r="r" b="b"/>
                          <a:pathLst>
                            <a:path w="64" h="142">
                              <a:moveTo>
                                <a:pt x="64" y="108"/>
                              </a:moveTo>
                              <a:lnTo>
                                <a:pt x="64" y="124"/>
                              </a:lnTo>
                              <a:lnTo>
                                <a:pt x="62" y="133"/>
                              </a:lnTo>
                              <a:lnTo>
                                <a:pt x="57" y="140"/>
                              </a:lnTo>
                              <a:lnTo>
                                <a:pt x="50" y="142"/>
                              </a:lnTo>
                              <a:lnTo>
                                <a:pt x="42" y="142"/>
                              </a:lnTo>
                              <a:lnTo>
                                <a:pt x="36" y="141"/>
                              </a:lnTo>
                              <a:lnTo>
                                <a:pt x="30" y="140"/>
                              </a:lnTo>
                              <a:lnTo>
                                <a:pt x="30" y="140"/>
                              </a:lnTo>
                              <a:lnTo>
                                <a:pt x="30" y="140"/>
                              </a:lnTo>
                              <a:lnTo>
                                <a:pt x="30" y="140"/>
                              </a:lnTo>
                              <a:lnTo>
                                <a:pt x="30" y="140"/>
                              </a:lnTo>
                              <a:lnTo>
                                <a:pt x="30" y="140"/>
                              </a:lnTo>
                              <a:lnTo>
                                <a:pt x="30" y="140"/>
                              </a:lnTo>
                              <a:lnTo>
                                <a:pt x="30" y="140"/>
                              </a:lnTo>
                              <a:lnTo>
                                <a:pt x="30" y="140"/>
                              </a:lnTo>
                              <a:lnTo>
                                <a:pt x="13" y="107"/>
                              </a:lnTo>
                              <a:lnTo>
                                <a:pt x="4" y="74"/>
                              </a:lnTo>
                              <a:lnTo>
                                <a:pt x="0" y="39"/>
                              </a:lnTo>
                              <a:lnTo>
                                <a:pt x="2" y="0"/>
                              </a:lnTo>
                              <a:lnTo>
                                <a:pt x="3" y="0"/>
                              </a:lnTo>
                              <a:lnTo>
                                <a:pt x="4" y="1"/>
                              </a:lnTo>
                              <a:lnTo>
                                <a:pt x="4" y="1"/>
                              </a:lnTo>
                              <a:lnTo>
                                <a:pt x="6" y="1"/>
                              </a:lnTo>
                              <a:lnTo>
                                <a:pt x="6" y="1"/>
                              </a:lnTo>
                              <a:lnTo>
                                <a:pt x="7" y="1"/>
                              </a:lnTo>
                              <a:lnTo>
                                <a:pt x="8" y="1"/>
                              </a:lnTo>
                              <a:lnTo>
                                <a:pt x="8" y="2"/>
                              </a:lnTo>
                              <a:lnTo>
                                <a:pt x="23" y="15"/>
                              </a:lnTo>
                              <a:lnTo>
                                <a:pt x="34" y="32"/>
                              </a:lnTo>
                              <a:lnTo>
                                <a:pt x="46" y="52"/>
                              </a:lnTo>
                              <a:lnTo>
                                <a:pt x="54" y="73"/>
                              </a:lnTo>
                              <a:lnTo>
                                <a:pt x="61" y="91"/>
                              </a:lnTo>
                              <a:lnTo>
                                <a:pt x="64" y="108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290" name="Freeform 133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3993600" y="4860125"/>
                          <a:ext cx="404835" cy="436069"/>
                        </a:xfrm>
                        <a:custGeom>
                          <a:avLst/>
                          <a:gdLst>
                            <a:gd name="T0" fmla="*/ 324 w 337"/>
                            <a:gd name="T1" fmla="*/ 75 h 363"/>
                            <a:gd name="T2" fmla="*/ 311 w 337"/>
                            <a:gd name="T3" fmla="*/ 96 h 363"/>
                            <a:gd name="T4" fmla="*/ 295 w 337"/>
                            <a:gd name="T5" fmla="*/ 101 h 363"/>
                            <a:gd name="T6" fmla="*/ 290 w 337"/>
                            <a:gd name="T7" fmla="*/ 104 h 363"/>
                            <a:gd name="T8" fmla="*/ 292 w 337"/>
                            <a:gd name="T9" fmla="*/ 110 h 363"/>
                            <a:gd name="T10" fmla="*/ 289 w 337"/>
                            <a:gd name="T11" fmla="*/ 123 h 363"/>
                            <a:gd name="T12" fmla="*/ 287 w 337"/>
                            <a:gd name="T13" fmla="*/ 136 h 363"/>
                            <a:gd name="T14" fmla="*/ 300 w 337"/>
                            <a:gd name="T15" fmla="*/ 161 h 363"/>
                            <a:gd name="T16" fmla="*/ 302 w 337"/>
                            <a:gd name="T17" fmla="*/ 184 h 363"/>
                            <a:gd name="T18" fmla="*/ 329 w 337"/>
                            <a:gd name="T19" fmla="*/ 198 h 363"/>
                            <a:gd name="T20" fmla="*/ 337 w 337"/>
                            <a:gd name="T21" fmla="*/ 215 h 363"/>
                            <a:gd name="T22" fmla="*/ 330 w 337"/>
                            <a:gd name="T23" fmla="*/ 215 h 363"/>
                            <a:gd name="T24" fmla="*/ 319 w 337"/>
                            <a:gd name="T25" fmla="*/ 215 h 363"/>
                            <a:gd name="T26" fmla="*/ 312 w 337"/>
                            <a:gd name="T27" fmla="*/ 215 h 363"/>
                            <a:gd name="T28" fmla="*/ 298 w 337"/>
                            <a:gd name="T29" fmla="*/ 242 h 363"/>
                            <a:gd name="T30" fmla="*/ 289 w 337"/>
                            <a:gd name="T31" fmla="*/ 273 h 363"/>
                            <a:gd name="T32" fmla="*/ 268 w 337"/>
                            <a:gd name="T33" fmla="*/ 297 h 363"/>
                            <a:gd name="T34" fmla="*/ 269 w 337"/>
                            <a:gd name="T35" fmla="*/ 317 h 363"/>
                            <a:gd name="T36" fmla="*/ 266 w 337"/>
                            <a:gd name="T37" fmla="*/ 337 h 363"/>
                            <a:gd name="T38" fmla="*/ 254 w 337"/>
                            <a:gd name="T39" fmla="*/ 354 h 363"/>
                            <a:gd name="T40" fmla="*/ 230 w 337"/>
                            <a:gd name="T41" fmla="*/ 363 h 363"/>
                            <a:gd name="T42" fmla="*/ 203 w 337"/>
                            <a:gd name="T43" fmla="*/ 356 h 363"/>
                            <a:gd name="T44" fmla="*/ 188 w 337"/>
                            <a:gd name="T45" fmla="*/ 345 h 363"/>
                            <a:gd name="T46" fmla="*/ 164 w 337"/>
                            <a:gd name="T47" fmla="*/ 341 h 363"/>
                            <a:gd name="T48" fmla="*/ 133 w 337"/>
                            <a:gd name="T49" fmla="*/ 342 h 363"/>
                            <a:gd name="T50" fmla="*/ 122 w 337"/>
                            <a:gd name="T51" fmla="*/ 343 h 363"/>
                            <a:gd name="T52" fmla="*/ 118 w 337"/>
                            <a:gd name="T53" fmla="*/ 341 h 363"/>
                            <a:gd name="T54" fmla="*/ 113 w 337"/>
                            <a:gd name="T55" fmla="*/ 337 h 363"/>
                            <a:gd name="T56" fmla="*/ 110 w 337"/>
                            <a:gd name="T57" fmla="*/ 330 h 363"/>
                            <a:gd name="T58" fmla="*/ 101 w 337"/>
                            <a:gd name="T59" fmla="*/ 331 h 363"/>
                            <a:gd name="T60" fmla="*/ 84 w 337"/>
                            <a:gd name="T61" fmla="*/ 333 h 363"/>
                            <a:gd name="T62" fmla="*/ 62 w 337"/>
                            <a:gd name="T63" fmla="*/ 322 h 363"/>
                            <a:gd name="T64" fmla="*/ 42 w 337"/>
                            <a:gd name="T65" fmla="*/ 287 h 363"/>
                            <a:gd name="T66" fmla="*/ 29 w 337"/>
                            <a:gd name="T67" fmla="*/ 258 h 363"/>
                            <a:gd name="T68" fmla="*/ 16 w 337"/>
                            <a:gd name="T69" fmla="*/ 245 h 363"/>
                            <a:gd name="T70" fmla="*/ 3 w 337"/>
                            <a:gd name="T71" fmla="*/ 218 h 363"/>
                            <a:gd name="T72" fmla="*/ 0 w 337"/>
                            <a:gd name="T73" fmla="*/ 193 h 363"/>
                            <a:gd name="T74" fmla="*/ 2 w 337"/>
                            <a:gd name="T75" fmla="*/ 180 h 363"/>
                            <a:gd name="T76" fmla="*/ 20 w 337"/>
                            <a:gd name="T77" fmla="*/ 170 h 363"/>
                            <a:gd name="T78" fmla="*/ 41 w 337"/>
                            <a:gd name="T79" fmla="*/ 173 h 363"/>
                            <a:gd name="T80" fmla="*/ 63 w 337"/>
                            <a:gd name="T81" fmla="*/ 169 h 363"/>
                            <a:gd name="T82" fmla="*/ 84 w 337"/>
                            <a:gd name="T83" fmla="*/ 144 h 363"/>
                            <a:gd name="T84" fmla="*/ 95 w 337"/>
                            <a:gd name="T85" fmla="*/ 132 h 363"/>
                            <a:gd name="T86" fmla="*/ 95 w 337"/>
                            <a:gd name="T87" fmla="*/ 132 h 363"/>
                            <a:gd name="T88" fmla="*/ 95 w 337"/>
                            <a:gd name="T89" fmla="*/ 132 h 363"/>
                            <a:gd name="T90" fmla="*/ 121 w 337"/>
                            <a:gd name="T91" fmla="*/ 129 h 363"/>
                            <a:gd name="T92" fmla="*/ 138 w 337"/>
                            <a:gd name="T93" fmla="*/ 115 h 363"/>
                            <a:gd name="T94" fmla="*/ 158 w 337"/>
                            <a:gd name="T95" fmla="*/ 88 h 363"/>
                            <a:gd name="T96" fmla="*/ 175 w 337"/>
                            <a:gd name="T97" fmla="*/ 75 h 363"/>
                            <a:gd name="T98" fmla="*/ 201 w 337"/>
                            <a:gd name="T99" fmla="*/ 70 h 363"/>
                            <a:gd name="T100" fmla="*/ 222 w 337"/>
                            <a:gd name="T101" fmla="*/ 37 h 363"/>
                            <a:gd name="T102" fmla="*/ 249 w 337"/>
                            <a:gd name="T103" fmla="*/ 0 h 363"/>
                            <a:gd name="T104" fmla="*/ 292 w 337"/>
                            <a:gd name="T105" fmla="*/ 29 h 363"/>
                            <a:gd name="T106" fmla="*/ 317 w 337"/>
                            <a:gd name="T107" fmla="*/ 47 h 363"/>
                            <a:gd name="T108" fmla="*/ 332 w 337"/>
                            <a:gd name="T109" fmla="*/ 57 h 363"/>
                            <a:gd name="T110" fmla="*/ 337 w 337"/>
                            <a:gd name="T111" fmla="*/ 59 h 363"/>
                            <a:gd name="T112" fmla="*/ 337 w 337"/>
                            <a:gd name="T113" fmla="*/ 60 h 363"/>
                            <a:gd name="T114" fmla="*/ 330 w 337"/>
                            <a:gd name="T115" fmla="*/ 64 h 363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  <a:cxn ang="0">
                              <a:pos x="T34" y="T35"/>
                            </a:cxn>
                            <a:cxn ang="0">
                              <a:pos x="T36" y="T37"/>
                            </a:cxn>
                            <a:cxn ang="0">
                              <a:pos x="T38" y="T39"/>
                            </a:cxn>
                            <a:cxn ang="0">
                              <a:pos x="T40" y="T41"/>
                            </a:cxn>
                            <a:cxn ang="0">
                              <a:pos x="T42" y="T43"/>
                            </a:cxn>
                            <a:cxn ang="0">
                              <a:pos x="T44" y="T45"/>
                            </a:cxn>
                            <a:cxn ang="0">
                              <a:pos x="T46" y="T47"/>
                            </a:cxn>
                            <a:cxn ang="0">
                              <a:pos x="T48" y="T49"/>
                            </a:cxn>
                            <a:cxn ang="0">
                              <a:pos x="T50" y="T51"/>
                            </a:cxn>
                            <a:cxn ang="0">
                              <a:pos x="T52" y="T53"/>
                            </a:cxn>
                            <a:cxn ang="0">
                              <a:pos x="T54" y="T55"/>
                            </a:cxn>
                            <a:cxn ang="0">
                              <a:pos x="T56" y="T57"/>
                            </a:cxn>
                            <a:cxn ang="0">
                              <a:pos x="T58" y="T59"/>
                            </a:cxn>
                            <a:cxn ang="0">
                              <a:pos x="T60" y="T61"/>
                            </a:cxn>
                            <a:cxn ang="0">
                              <a:pos x="T62" y="T63"/>
                            </a:cxn>
                            <a:cxn ang="0">
                              <a:pos x="T64" y="T65"/>
                            </a:cxn>
                            <a:cxn ang="0">
                              <a:pos x="T66" y="T67"/>
                            </a:cxn>
                            <a:cxn ang="0">
                              <a:pos x="T68" y="T69"/>
                            </a:cxn>
                            <a:cxn ang="0">
                              <a:pos x="T70" y="T71"/>
                            </a:cxn>
                            <a:cxn ang="0">
                              <a:pos x="T72" y="T73"/>
                            </a:cxn>
                            <a:cxn ang="0">
                              <a:pos x="T74" y="T75"/>
                            </a:cxn>
                            <a:cxn ang="0">
                              <a:pos x="T76" y="T77"/>
                            </a:cxn>
                            <a:cxn ang="0">
                              <a:pos x="T78" y="T79"/>
                            </a:cxn>
                            <a:cxn ang="0">
                              <a:pos x="T80" y="T81"/>
                            </a:cxn>
                            <a:cxn ang="0">
                              <a:pos x="T82" y="T83"/>
                            </a:cxn>
                            <a:cxn ang="0">
                              <a:pos x="T84" y="T85"/>
                            </a:cxn>
                            <a:cxn ang="0">
                              <a:pos x="T86" y="T87"/>
                            </a:cxn>
                            <a:cxn ang="0">
                              <a:pos x="T88" y="T89"/>
                            </a:cxn>
                            <a:cxn ang="0">
                              <a:pos x="T90" y="T91"/>
                            </a:cxn>
                            <a:cxn ang="0">
                              <a:pos x="T92" y="T93"/>
                            </a:cxn>
                            <a:cxn ang="0">
                              <a:pos x="T94" y="T95"/>
                            </a:cxn>
                            <a:cxn ang="0">
                              <a:pos x="T96" y="T97"/>
                            </a:cxn>
                            <a:cxn ang="0">
                              <a:pos x="T98" y="T99"/>
                            </a:cxn>
                            <a:cxn ang="0">
                              <a:pos x="T100" y="T101"/>
                            </a:cxn>
                            <a:cxn ang="0">
                              <a:pos x="T102" y="T103"/>
                            </a:cxn>
                            <a:cxn ang="0">
                              <a:pos x="T104" y="T105"/>
                            </a:cxn>
                            <a:cxn ang="0">
                              <a:pos x="T106" y="T107"/>
                            </a:cxn>
                            <a:cxn ang="0">
                              <a:pos x="T108" y="T109"/>
                            </a:cxn>
                            <a:cxn ang="0">
                              <a:pos x="T110" y="T111"/>
                            </a:cxn>
                            <a:cxn ang="0">
                              <a:pos x="T112" y="T113"/>
                            </a:cxn>
                            <a:cxn ang="0">
                              <a:pos x="T114" y="T115"/>
                            </a:cxn>
                          </a:cxnLst>
                          <a:rect l="0" t="0" r="r" b="b"/>
                          <a:pathLst>
                            <a:path w="337" h="363">
                              <a:moveTo>
                                <a:pt x="330" y="64"/>
                              </a:moveTo>
                              <a:lnTo>
                                <a:pt x="324" y="75"/>
                              </a:lnTo>
                              <a:lnTo>
                                <a:pt x="319" y="87"/>
                              </a:lnTo>
                              <a:lnTo>
                                <a:pt x="311" y="96"/>
                              </a:lnTo>
                              <a:lnTo>
                                <a:pt x="303" y="100"/>
                              </a:lnTo>
                              <a:lnTo>
                                <a:pt x="295" y="101"/>
                              </a:lnTo>
                              <a:lnTo>
                                <a:pt x="289" y="101"/>
                              </a:lnTo>
                              <a:lnTo>
                                <a:pt x="290" y="104"/>
                              </a:lnTo>
                              <a:lnTo>
                                <a:pt x="291" y="108"/>
                              </a:lnTo>
                              <a:lnTo>
                                <a:pt x="292" y="110"/>
                              </a:lnTo>
                              <a:lnTo>
                                <a:pt x="291" y="117"/>
                              </a:lnTo>
                              <a:lnTo>
                                <a:pt x="289" y="123"/>
                              </a:lnTo>
                              <a:lnTo>
                                <a:pt x="286" y="130"/>
                              </a:lnTo>
                              <a:lnTo>
                                <a:pt x="287" y="136"/>
                              </a:lnTo>
                              <a:lnTo>
                                <a:pt x="295" y="151"/>
                              </a:lnTo>
                              <a:lnTo>
                                <a:pt x="300" y="161"/>
                              </a:lnTo>
                              <a:lnTo>
                                <a:pt x="302" y="170"/>
                              </a:lnTo>
                              <a:lnTo>
                                <a:pt x="302" y="184"/>
                              </a:lnTo>
                              <a:lnTo>
                                <a:pt x="319" y="191"/>
                              </a:lnTo>
                              <a:lnTo>
                                <a:pt x="329" y="198"/>
                              </a:lnTo>
                              <a:lnTo>
                                <a:pt x="334" y="206"/>
                              </a:lnTo>
                              <a:lnTo>
                                <a:pt x="337" y="215"/>
                              </a:lnTo>
                              <a:lnTo>
                                <a:pt x="334" y="215"/>
                              </a:lnTo>
                              <a:lnTo>
                                <a:pt x="330" y="215"/>
                              </a:lnTo>
                              <a:lnTo>
                                <a:pt x="328" y="215"/>
                              </a:lnTo>
                              <a:lnTo>
                                <a:pt x="319" y="215"/>
                              </a:lnTo>
                              <a:lnTo>
                                <a:pt x="316" y="215"/>
                              </a:lnTo>
                              <a:lnTo>
                                <a:pt x="312" y="215"/>
                              </a:lnTo>
                              <a:lnTo>
                                <a:pt x="304" y="228"/>
                              </a:lnTo>
                              <a:lnTo>
                                <a:pt x="298" y="242"/>
                              </a:lnTo>
                              <a:lnTo>
                                <a:pt x="294" y="258"/>
                              </a:lnTo>
                              <a:lnTo>
                                <a:pt x="289" y="273"/>
                              </a:lnTo>
                              <a:lnTo>
                                <a:pt x="281" y="287"/>
                              </a:lnTo>
                              <a:lnTo>
                                <a:pt x="268" y="297"/>
                              </a:lnTo>
                              <a:lnTo>
                                <a:pt x="269" y="307"/>
                              </a:lnTo>
                              <a:lnTo>
                                <a:pt x="269" y="317"/>
                              </a:lnTo>
                              <a:lnTo>
                                <a:pt x="269" y="328"/>
                              </a:lnTo>
                              <a:lnTo>
                                <a:pt x="266" y="337"/>
                              </a:lnTo>
                              <a:lnTo>
                                <a:pt x="262" y="346"/>
                              </a:lnTo>
                              <a:lnTo>
                                <a:pt x="254" y="354"/>
                              </a:lnTo>
                              <a:lnTo>
                                <a:pt x="244" y="359"/>
                              </a:lnTo>
                              <a:lnTo>
                                <a:pt x="230" y="363"/>
                              </a:lnTo>
                              <a:lnTo>
                                <a:pt x="210" y="363"/>
                              </a:lnTo>
                              <a:lnTo>
                                <a:pt x="203" y="356"/>
                              </a:lnTo>
                              <a:lnTo>
                                <a:pt x="197" y="350"/>
                              </a:lnTo>
                              <a:lnTo>
                                <a:pt x="188" y="345"/>
                              </a:lnTo>
                              <a:lnTo>
                                <a:pt x="179" y="342"/>
                              </a:lnTo>
                              <a:lnTo>
                                <a:pt x="164" y="341"/>
                              </a:lnTo>
                              <a:lnTo>
                                <a:pt x="146" y="341"/>
                              </a:lnTo>
                              <a:lnTo>
                                <a:pt x="133" y="342"/>
                              </a:lnTo>
                              <a:lnTo>
                                <a:pt x="125" y="343"/>
                              </a:lnTo>
                              <a:lnTo>
                                <a:pt x="122" y="343"/>
                              </a:lnTo>
                              <a:lnTo>
                                <a:pt x="121" y="343"/>
                              </a:lnTo>
                              <a:lnTo>
                                <a:pt x="118" y="341"/>
                              </a:lnTo>
                              <a:lnTo>
                                <a:pt x="116" y="339"/>
                              </a:lnTo>
                              <a:lnTo>
                                <a:pt x="113" y="337"/>
                              </a:lnTo>
                              <a:lnTo>
                                <a:pt x="112" y="333"/>
                              </a:lnTo>
                              <a:lnTo>
                                <a:pt x="110" y="330"/>
                              </a:lnTo>
                              <a:lnTo>
                                <a:pt x="108" y="328"/>
                              </a:lnTo>
                              <a:lnTo>
                                <a:pt x="101" y="331"/>
                              </a:lnTo>
                              <a:lnTo>
                                <a:pt x="93" y="333"/>
                              </a:lnTo>
                              <a:lnTo>
                                <a:pt x="84" y="333"/>
                              </a:lnTo>
                              <a:lnTo>
                                <a:pt x="74" y="330"/>
                              </a:lnTo>
                              <a:lnTo>
                                <a:pt x="62" y="322"/>
                              </a:lnTo>
                              <a:lnTo>
                                <a:pt x="52" y="308"/>
                              </a:lnTo>
                              <a:lnTo>
                                <a:pt x="42" y="287"/>
                              </a:lnTo>
                              <a:lnTo>
                                <a:pt x="36" y="270"/>
                              </a:lnTo>
                              <a:lnTo>
                                <a:pt x="29" y="258"/>
                              </a:lnTo>
                              <a:lnTo>
                                <a:pt x="24" y="250"/>
                              </a:lnTo>
                              <a:lnTo>
                                <a:pt x="16" y="245"/>
                              </a:lnTo>
                              <a:lnTo>
                                <a:pt x="6" y="239"/>
                              </a:lnTo>
                              <a:lnTo>
                                <a:pt x="3" y="218"/>
                              </a:lnTo>
                              <a:lnTo>
                                <a:pt x="0" y="203"/>
                              </a:lnTo>
                              <a:lnTo>
                                <a:pt x="0" y="193"/>
                              </a:lnTo>
                              <a:lnTo>
                                <a:pt x="0" y="186"/>
                              </a:lnTo>
                              <a:lnTo>
                                <a:pt x="2" y="180"/>
                              </a:lnTo>
                              <a:lnTo>
                                <a:pt x="4" y="173"/>
                              </a:lnTo>
                              <a:lnTo>
                                <a:pt x="20" y="170"/>
                              </a:lnTo>
                              <a:lnTo>
                                <a:pt x="31" y="170"/>
                              </a:lnTo>
                              <a:lnTo>
                                <a:pt x="41" y="173"/>
                              </a:lnTo>
                              <a:lnTo>
                                <a:pt x="50" y="180"/>
                              </a:lnTo>
                              <a:lnTo>
                                <a:pt x="63" y="169"/>
                              </a:lnTo>
                              <a:lnTo>
                                <a:pt x="74" y="157"/>
                              </a:lnTo>
                              <a:lnTo>
                                <a:pt x="84" y="144"/>
                              </a:lnTo>
                              <a:lnTo>
                                <a:pt x="95" y="132"/>
                              </a:lnTo>
                              <a:lnTo>
                                <a:pt x="95" y="132"/>
                              </a:lnTo>
                              <a:lnTo>
                                <a:pt x="95" y="132"/>
                              </a:lnTo>
                              <a:lnTo>
                                <a:pt x="95" y="132"/>
                              </a:lnTo>
                              <a:lnTo>
                                <a:pt x="95" y="132"/>
                              </a:lnTo>
                              <a:lnTo>
                                <a:pt x="95" y="132"/>
                              </a:lnTo>
                              <a:lnTo>
                                <a:pt x="109" y="131"/>
                              </a:lnTo>
                              <a:lnTo>
                                <a:pt x="121" y="129"/>
                              </a:lnTo>
                              <a:lnTo>
                                <a:pt x="129" y="123"/>
                              </a:lnTo>
                              <a:lnTo>
                                <a:pt x="138" y="115"/>
                              </a:lnTo>
                              <a:lnTo>
                                <a:pt x="147" y="102"/>
                              </a:lnTo>
                              <a:lnTo>
                                <a:pt x="158" y="88"/>
                              </a:lnTo>
                              <a:lnTo>
                                <a:pt x="165" y="79"/>
                              </a:lnTo>
                              <a:lnTo>
                                <a:pt x="175" y="75"/>
                              </a:lnTo>
                              <a:lnTo>
                                <a:pt x="185" y="71"/>
                              </a:lnTo>
                              <a:lnTo>
                                <a:pt x="201" y="70"/>
                              </a:lnTo>
                              <a:lnTo>
                                <a:pt x="210" y="53"/>
                              </a:lnTo>
                              <a:lnTo>
                                <a:pt x="222" y="37"/>
                              </a:lnTo>
                              <a:lnTo>
                                <a:pt x="234" y="20"/>
                              </a:lnTo>
                              <a:lnTo>
                                <a:pt x="249" y="0"/>
                              </a:lnTo>
                              <a:lnTo>
                                <a:pt x="273" y="17"/>
                              </a:lnTo>
                              <a:lnTo>
                                <a:pt x="292" y="29"/>
                              </a:lnTo>
                              <a:lnTo>
                                <a:pt x="307" y="40"/>
                              </a:lnTo>
                              <a:lnTo>
                                <a:pt x="317" y="47"/>
                              </a:lnTo>
                              <a:lnTo>
                                <a:pt x="325" y="53"/>
                              </a:lnTo>
                              <a:lnTo>
                                <a:pt x="332" y="57"/>
                              </a:lnTo>
                              <a:lnTo>
                                <a:pt x="334" y="58"/>
                              </a:lnTo>
                              <a:lnTo>
                                <a:pt x="337" y="59"/>
                              </a:lnTo>
                              <a:lnTo>
                                <a:pt x="337" y="60"/>
                              </a:lnTo>
                              <a:lnTo>
                                <a:pt x="337" y="60"/>
                              </a:lnTo>
                              <a:lnTo>
                                <a:pt x="334" y="62"/>
                              </a:lnTo>
                              <a:lnTo>
                                <a:pt x="330" y="64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291" name="Freeform 134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3432597" y="4843307"/>
                          <a:ext cx="492530" cy="492530"/>
                        </a:xfrm>
                        <a:custGeom>
                          <a:avLst/>
                          <a:gdLst>
                            <a:gd name="T0" fmla="*/ 399 w 410"/>
                            <a:gd name="T1" fmla="*/ 330 h 410"/>
                            <a:gd name="T2" fmla="*/ 398 w 410"/>
                            <a:gd name="T3" fmla="*/ 336 h 410"/>
                            <a:gd name="T4" fmla="*/ 399 w 410"/>
                            <a:gd name="T5" fmla="*/ 352 h 410"/>
                            <a:gd name="T6" fmla="*/ 405 w 410"/>
                            <a:gd name="T7" fmla="*/ 385 h 410"/>
                            <a:gd name="T8" fmla="*/ 401 w 410"/>
                            <a:gd name="T9" fmla="*/ 410 h 410"/>
                            <a:gd name="T10" fmla="*/ 380 w 410"/>
                            <a:gd name="T11" fmla="*/ 410 h 410"/>
                            <a:gd name="T12" fmla="*/ 354 w 410"/>
                            <a:gd name="T13" fmla="*/ 402 h 410"/>
                            <a:gd name="T14" fmla="*/ 322 w 410"/>
                            <a:gd name="T15" fmla="*/ 383 h 410"/>
                            <a:gd name="T16" fmla="*/ 279 w 410"/>
                            <a:gd name="T17" fmla="*/ 348 h 410"/>
                            <a:gd name="T18" fmla="*/ 238 w 410"/>
                            <a:gd name="T19" fmla="*/ 309 h 410"/>
                            <a:gd name="T20" fmla="*/ 217 w 410"/>
                            <a:gd name="T21" fmla="*/ 284 h 410"/>
                            <a:gd name="T22" fmla="*/ 203 w 410"/>
                            <a:gd name="T23" fmla="*/ 253 h 410"/>
                            <a:gd name="T24" fmla="*/ 200 w 410"/>
                            <a:gd name="T25" fmla="*/ 247 h 410"/>
                            <a:gd name="T26" fmla="*/ 173 w 410"/>
                            <a:gd name="T27" fmla="*/ 220 h 410"/>
                            <a:gd name="T28" fmla="*/ 149 w 410"/>
                            <a:gd name="T29" fmla="*/ 190 h 410"/>
                            <a:gd name="T30" fmla="*/ 131 w 410"/>
                            <a:gd name="T31" fmla="*/ 154 h 410"/>
                            <a:gd name="T32" fmla="*/ 114 w 410"/>
                            <a:gd name="T33" fmla="*/ 140 h 410"/>
                            <a:gd name="T34" fmla="*/ 81 w 410"/>
                            <a:gd name="T35" fmla="*/ 106 h 410"/>
                            <a:gd name="T36" fmla="*/ 31 w 410"/>
                            <a:gd name="T37" fmla="*/ 52 h 410"/>
                            <a:gd name="T38" fmla="*/ 10 w 410"/>
                            <a:gd name="T39" fmla="*/ 31 h 410"/>
                            <a:gd name="T40" fmla="*/ 1 w 410"/>
                            <a:gd name="T41" fmla="*/ 17 h 410"/>
                            <a:gd name="T42" fmla="*/ 0 w 410"/>
                            <a:gd name="T43" fmla="*/ 0 h 410"/>
                            <a:gd name="T44" fmla="*/ 35 w 410"/>
                            <a:gd name="T45" fmla="*/ 13 h 410"/>
                            <a:gd name="T46" fmla="*/ 72 w 410"/>
                            <a:gd name="T47" fmla="*/ 22 h 410"/>
                            <a:gd name="T48" fmla="*/ 98 w 410"/>
                            <a:gd name="T49" fmla="*/ 56 h 410"/>
                            <a:gd name="T50" fmla="*/ 126 w 410"/>
                            <a:gd name="T51" fmla="*/ 85 h 410"/>
                            <a:gd name="T52" fmla="*/ 164 w 410"/>
                            <a:gd name="T53" fmla="*/ 116 h 410"/>
                            <a:gd name="T54" fmla="*/ 219 w 410"/>
                            <a:gd name="T55" fmla="*/ 156 h 410"/>
                            <a:gd name="T56" fmla="*/ 246 w 410"/>
                            <a:gd name="T57" fmla="*/ 175 h 410"/>
                            <a:gd name="T58" fmla="*/ 263 w 410"/>
                            <a:gd name="T59" fmla="*/ 190 h 410"/>
                            <a:gd name="T60" fmla="*/ 299 w 410"/>
                            <a:gd name="T61" fmla="*/ 237 h 410"/>
                            <a:gd name="T62" fmla="*/ 334 w 410"/>
                            <a:gd name="T63" fmla="*/ 285 h 410"/>
                            <a:gd name="T64" fmla="*/ 340 w 410"/>
                            <a:gd name="T65" fmla="*/ 292 h 410"/>
                            <a:gd name="T66" fmla="*/ 360 w 410"/>
                            <a:gd name="T67" fmla="*/ 304 h 410"/>
                            <a:gd name="T68" fmla="*/ 372 w 410"/>
                            <a:gd name="T69" fmla="*/ 306 h 410"/>
                            <a:gd name="T70" fmla="*/ 369 w 410"/>
                            <a:gd name="T71" fmla="*/ 300 h 410"/>
                            <a:gd name="T72" fmla="*/ 364 w 410"/>
                            <a:gd name="T73" fmla="*/ 294 h 410"/>
                            <a:gd name="T74" fmla="*/ 361 w 410"/>
                            <a:gd name="T75" fmla="*/ 289 h 410"/>
                            <a:gd name="T76" fmla="*/ 390 w 410"/>
                            <a:gd name="T77" fmla="*/ 300 h 410"/>
                            <a:gd name="T78" fmla="*/ 410 w 410"/>
                            <a:gd name="T79" fmla="*/ 322 h 410"/>
                            <a:gd name="T80" fmla="*/ 405 w 410"/>
                            <a:gd name="T81" fmla="*/ 326 h 410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  <a:cxn ang="0">
                              <a:pos x="T34" y="T35"/>
                            </a:cxn>
                            <a:cxn ang="0">
                              <a:pos x="T36" y="T37"/>
                            </a:cxn>
                            <a:cxn ang="0">
                              <a:pos x="T38" y="T39"/>
                            </a:cxn>
                            <a:cxn ang="0">
                              <a:pos x="T40" y="T41"/>
                            </a:cxn>
                            <a:cxn ang="0">
                              <a:pos x="T42" y="T43"/>
                            </a:cxn>
                            <a:cxn ang="0">
                              <a:pos x="T44" y="T45"/>
                            </a:cxn>
                            <a:cxn ang="0">
                              <a:pos x="T46" y="T47"/>
                            </a:cxn>
                            <a:cxn ang="0">
                              <a:pos x="T48" y="T49"/>
                            </a:cxn>
                            <a:cxn ang="0">
                              <a:pos x="T50" y="T51"/>
                            </a:cxn>
                            <a:cxn ang="0">
                              <a:pos x="T52" y="T53"/>
                            </a:cxn>
                            <a:cxn ang="0">
                              <a:pos x="T54" y="T55"/>
                            </a:cxn>
                            <a:cxn ang="0">
                              <a:pos x="T56" y="T57"/>
                            </a:cxn>
                            <a:cxn ang="0">
                              <a:pos x="T58" y="T59"/>
                            </a:cxn>
                            <a:cxn ang="0">
                              <a:pos x="T60" y="T61"/>
                            </a:cxn>
                            <a:cxn ang="0">
                              <a:pos x="T62" y="T63"/>
                            </a:cxn>
                            <a:cxn ang="0">
                              <a:pos x="T64" y="T65"/>
                            </a:cxn>
                            <a:cxn ang="0">
                              <a:pos x="T66" y="T67"/>
                            </a:cxn>
                            <a:cxn ang="0">
                              <a:pos x="T68" y="T69"/>
                            </a:cxn>
                            <a:cxn ang="0">
                              <a:pos x="T70" y="T71"/>
                            </a:cxn>
                            <a:cxn ang="0">
                              <a:pos x="T72" y="T73"/>
                            </a:cxn>
                            <a:cxn ang="0">
                              <a:pos x="T74" y="T75"/>
                            </a:cxn>
                            <a:cxn ang="0">
                              <a:pos x="T76" y="T77"/>
                            </a:cxn>
                            <a:cxn ang="0">
                              <a:pos x="T78" y="T79"/>
                            </a:cxn>
                            <a:cxn ang="0">
                              <a:pos x="T80" y="T81"/>
                            </a:cxn>
                          </a:cxnLst>
                          <a:rect l="0" t="0" r="r" b="b"/>
                          <a:pathLst>
                            <a:path w="410" h="410">
                              <a:moveTo>
                                <a:pt x="402" y="327"/>
                              </a:moveTo>
                              <a:lnTo>
                                <a:pt x="399" y="330"/>
                              </a:lnTo>
                              <a:lnTo>
                                <a:pt x="398" y="332"/>
                              </a:lnTo>
                              <a:lnTo>
                                <a:pt x="398" y="336"/>
                              </a:lnTo>
                              <a:lnTo>
                                <a:pt x="398" y="343"/>
                              </a:lnTo>
                              <a:lnTo>
                                <a:pt x="399" y="352"/>
                              </a:lnTo>
                              <a:lnTo>
                                <a:pt x="402" y="366"/>
                              </a:lnTo>
                              <a:lnTo>
                                <a:pt x="405" y="385"/>
                              </a:lnTo>
                              <a:lnTo>
                                <a:pt x="410" y="410"/>
                              </a:lnTo>
                              <a:lnTo>
                                <a:pt x="401" y="410"/>
                              </a:lnTo>
                              <a:lnTo>
                                <a:pt x="390" y="410"/>
                              </a:lnTo>
                              <a:lnTo>
                                <a:pt x="380" y="410"/>
                              </a:lnTo>
                              <a:lnTo>
                                <a:pt x="368" y="407"/>
                              </a:lnTo>
                              <a:lnTo>
                                <a:pt x="354" y="402"/>
                              </a:lnTo>
                              <a:lnTo>
                                <a:pt x="339" y="394"/>
                              </a:lnTo>
                              <a:lnTo>
                                <a:pt x="322" y="383"/>
                              </a:lnTo>
                              <a:lnTo>
                                <a:pt x="301" y="368"/>
                              </a:lnTo>
                              <a:lnTo>
                                <a:pt x="279" y="348"/>
                              </a:lnTo>
                              <a:lnTo>
                                <a:pt x="253" y="323"/>
                              </a:lnTo>
                              <a:lnTo>
                                <a:pt x="238" y="309"/>
                              </a:lnTo>
                              <a:lnTo>
                                <a:pt x="225" y="294"/>
                              </a:lnTo>
                              <a:lnTo>
                                <a:pt x="217" y="284"/>
                              </a:lnTo>
                              <a:lnTo>
                                <a:pt x="211" y="271"/>
                              </a:lnTo>
                              <a:lnTo>
                                <a:pt x="203" y="253"/>
                              </a:lnTo>
                              <a:lnTo>
                                <a:pt x="202" y="250"/>
                              </a:lnTo>
                              <a:lnTo>
                                <a:pt x="200" y="247"/>
                              </a:lnTo>
                              <a:lnTo>
                                <a:pt x="187" y="233"/>
                              </a:lnTo>
                              <a:lnTo>
                                <a:pt x="173" y="220"/>
                              </a:lnTo>
                              <a:lnTo>
                                <a:pt x="160" y="205"/>
                              </a:lnTo>
                              <a:lnTo>
                                <a:pt x="149" y="190"/>
                              </a:lnTo>
                              <a:lnTo>
                                <a:pt x="141" y="171"/>
                              </a:lnTo>
                              <a:lnTo>
                                <a:pt x="131" y="154"/>
                              </a:lnTo>
                              <a:lnTo>
                                <a:pt x="123" y="146"/>
                              </a:lnTo>
                              <a:lnTo>
                                <a:pt x="114" y="140"/>
                              </a:lnTo>
                              <a:lnTo>
                                <a:pt x="106" y="133"/>
                              </a:lnTo>
                              <a:lnTo>
                                <a:pt x="81" y="106"/>
                              </a:lnTo>
                              <a:lnTo>
                                <a:pt x="58" y="78"/>
                              </a:lnTo>
                              <a:lnTo>
                                <a:pt x="31" y="52"/>
                              </a:lnTo>
                              <a:lnTo>
                                <a:pt x="18" y="40"/>
                              </a:lnTo>
                              <a:lnTo>
                                <a:pt x="10" y="31"/>
                              </a:lnTo>
                              <a:lnTo>
                                <a:pt x="4" y="23"/>
                              </a:lnTo>
                              <a:lnTo>
                                <a:pt x="1" y="17"/>
                              </a:lnTo>
                              <a:lnTo>
                                <a:pt x="0" y="9"/>
                              </a:lnTo>
                              <a:lnTo>
                                <a:pt x="0" y="0"/>
                              </a:lnTo>
                              <a:lnTo>
                                <a:pt x="17" y="6"/>
                              </a:lnTo>
                              <a:lnTo>
                                <a:pt x="35" y="13"/>
                              </a:lnTo>
                              <a:lnTo>
                                <a:pt x="52" y="20"/>
                              </a:lnTo>
                              <a:lnTo>
                                <a:pt x="72" y="22"/>
                              </a:lnTo>
                              <a:lnTo>
                                <a:pt x="85" y="40"/>
                              </a:lnTo>
                              <a:lnTo>
                                <a:pt x="98" y="56"/>
                              </a:lnTo>
                              <a:lnTo>
                                <a:pt x="111" y="71"/>
                              </a:lnTo>
                              <a:lnTo>
                                <a:pt x="126" y="85"/>
                              </a:lnTo>
                              <a:lnTo>
                                <a:pt x="143" y="101"/>
                              </a:lnTo>
                              <a:lnTo>
                                <a:pt x="164" y="116"/>
                              </a:lnTo>
                              <a:lnTo>
                                <a:pt x="189" y="135"/>
                              </a:lnTo>
                              <a:lnTo>
                                <a:pt x="219" y="156"/>
                              </a:lnTo>
                              <a:lnTo>
                                <a:pt x="234" y="166"/>
                              </a:lnTo>
                              <a:lnTo>
                                <a:pt x="246" y="175"/>
                              </a:lnTo>
                              <a:lnTo>
                                <a:pt x="255" y="183"/>
                              </a:lnTo>
                              <a:lnTo>
                                <a:pt x="263" y="190"/>
                              </a:lnTo>
                              <a:lnTo>
                                <a:pt x="282" y="213"/>
                              </a:lnTo>
                              <a:lnTo>
                                <a:pt x="299" y="237"/>
                              </a:lnTo>
                              <a:lnTo>
                                <a:pt x="316" y="262"/>
                              </a:lnTo>
                              <a:lnTo>
                                <a:pt x="334" y="285"/>
                              </a:lnTo>
                              <a:lnTo>
                                <a:pt x="338" y="288"/>
                              </a:lnTo>
                              <a:lnTo>
                                <a:pt x="340" y="292"/>
                              </a:lnTo>
                              <a:lnTo>
                                <a:pt x="350" y="298"/>
                              </a:lnTo>
                              <a:lnTo>
                                <a:pt x="360" y="304"/>
                              </a:lnTo>
                              <a:lnTo>
                                <a:pt x="369" y="308"/>
                              </a:lnTo>
                              <a:lnTo>
                                <a:pt x="372" y="306"/>
                              </a:lnTo>
                              <a:lnTo>
                                <a:pt x="371" y="302"/>
                              </a:lnTo>
                              <a:lnTo>
                                <a:pt x="369" y="300"/>
                              </a:lnTo>
                              <a:lnTo>
                                <a:pt x="367" y="297"/>
                              </a:lnTo>
                              <a:lnTo>
                                <a:pt x="364" y="294"/>
                              </a:lnTo>
                              <a:lnTo>
                                <a:pt x="363" y="292"/>
                              </a:lnTo>
                              <a:lnTo>
                                <a:pt x="361" y="289"/>
                              </a:lnTo>
                              <a:lnTo>
                                <a:pt x="378" y="293"/>
                              </a:lnTo>
                              <a:lnTo>
                                <a:pt x="390" y="300"/>
                              </a:lnTo>
                              <a:lnTo>
                                <a:pt x="401" y="309"/>
                              </a:lnTo>
                              <a:lnTo>
                                <a:pt x="410" y="322"/>
                              </a:lnTo>
                              <a:lnTo>
                                <a:pt x="407" y="325"/>
                              </a:lnTo>
                              <a:lnTo>
                                <a:pt x="405" y="326"/>
                              </a:lnTo>
                              <a:lnTo>
                                <a:pt x="402" y="327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292" name="Freeform 135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4739603" y="5060741"/>
                          <a:ext cx="51656" cy="109318"/>
                        </a:xfrm>
                        <a:custGeom>
                          <a:avLst/>
                          <a:gdLst>
                            <a:gd name="T0" fmla="*/ 43 w 43"/>
                            <a:gd name="T1" fmla="*/ 35 h 91"/>
                            <a:gd name="T2" fmla="*/ 41 w 43"/>
                            <a:gd name="T3" fmla="*/ 52 h 91"/>
                            <a:gd name="T4" fmla="*/ 33 w 43"/>
                            <a:gd name="T5" fmla="*/ 68 h 91"/>
                            <a:gd name="T6" fmla="*/ 24 w 43"/>
                            <a:gd name="T7" fmla="*/ 82 h 91"/>
                            <a:gd name="T8" fmla="*/ 17 w 43"/>
                            <a:gd name="T9" fmla="*/ 91 h 91"/>
                            <a:gd name="T10" fmla="*/ 17 w 43"/>
                            <a:gd name="T11" fmla="*/ 83 h 91"/>
                            <a:gd name="T12" fmla="*/ 16 w 43"/>
                            <a:gd name="T13" fmla="*/ 75 h 91"/>
                            <a:gd name="T14" fmla="*/ 13 w 43"/>
                            <a:gd name="T15" fmla="*/ 66 h 91"/>
                            <a:gd name="T16" fmla="*/ 8 w 43"/>
                            <a:gd name="T17" fmla="*/ 55 h 91"/>
                            <a:gd name="T18" fmla="*/ 3 w 43"/>
                            <a:gd name="T19" fmla="*/ 40 h 91"/>
                            <a:gd name="T20" fmla="*/ 0 w 43"/>
                            <a:gd name="T21" fmla="*/ 27 h 91"/>
                            <a:gd name="T22" fmla="*/ 0 w 43"/>
                            <a:gd name="T23" fmla="*/ 17 h 91"/>
                            <a:gd name="T24" fmla="*/ 5 w 43"/>
                            <a:gd name="T25" fmla="*/ 7 h 91"/>
                            <a:gd name="T26" fmla="*/ 15 w 43"/>
                            <a:gd name="T27" fmla="*/ 0 h 91"/>
                            <a:gd name="T28" fmla="*/ 21 w 43"/>
                            <a:gd name="T29" fmla="*/ 2 h 91"/>
                            <a:gd name="T30" fmla="*/ 29 w 43"/>
                            <a:gd name="T31" fmla="*/ 7 h 91"/>
                            <a:gd name="T32" fmla="*/ 37 w 43"/>
                            <a:gd name="T33" fmla="*/ 13 h 91"/>
                            <a:gd name="T34" fmla="*/ 42 w 43"/>
                            <a:gd name="T35" fmla="*/ 23 h 91"/>
                            <a:gd name="T36" fmla="*/ 43 w 43"/>
                            <a:gd name="T37" fmla="*/ 35 h 91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  <a:cxn ang="0">
                              <a:pos x="T34" y="T35"/>
                            </a:cxn>
                            <a:cxn ang="0">
                              <a:pos x="T36" y="T37"/>
                            </a:cxn>
                          </a:cxnLst>
                          <a:rect l="0" t="0" r="r" b="b"/>
                          <a:pathLst>
                            <a:path w="43" h="91">
                              <a:moveTo>
                                <a:pt x="43" y="35"/>
                              </a:moveTo>
                              <a:lnTo>
                                <a:pt x="41" y="52"/>
                              </a:lnTo>
                              <a:lnTo>
                                <a:pt x="33" y="68"/>
                              </a:lnTo>
                              <a:lnTo>
                                <a:pt x="24" y="82"/>
                              </a:lnTo>
                              <a:lnTo>
                                <a:pt x="17" y="91"/>
                              </a:lnTo>
                              <a:lnTo>
                                <a:pt x="17" y="83"/>
                              </a:lnTo>
                              <a:lnTo>
                                <a:pt x="16" y="75"/>
                              </a:lnTo>
                              <a:lnTo>
                                <a:pt x="13" y="66"/>
                              </a:lnTo>
                              <a:lnTo>
                                <a:pt x="8" y="55"/>
                              </a:lnTo>
                              <a:lnTo>
                                <a:pt x="3" y="40"/>
                              </a:lnTo>
                              <a:lnTo>
                                <a:pt x="0" y="27"/>
                              </a:lnTo>
                              <a:lnTo>
                                <a:pt x="0" y="17"/>
                              </a:lnTo>
                              <a:lnTo>
                                <a:pt x="5" y="7"/>
                              </a:lnTo>
                              <a:lnTo>
                                <a:pt x="15" y="0"/>
                              </a:lnTo>
                              <a:lnTo>
                                <a:pt x="21" y="2"/>
                              </a:lnTo>
                              <a:lnTo>
                                <a:pt x="29" y="7"/>
                              </a:lnTo>
                              <a:lnTo>
                                <a:pt x="37" y="13"/>
                              </a:lnTo>
                              <a:lnTo>
                                <a:pt x="42" y="23"/>
                              </a:lnTo>
                              <a:lnTo>
                                <a:pt x="43" y="35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293" name="Freeform 136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4412851" y="5077559"/>
                          <a:ext cx="239057" cy="281102"/>
                        </a:xfrm>
                        <a:custGeom>
                          <a:avLst/>
                          <a:gdLst>
                            <a:gd name="T0" fmla="*/ 186 w 199"/>
                            <a:gd name="T1" fmla="*/ 39 h 234"/>
                            <a:gd name="T2" fmla="*/ 170 w 199"/>
                            <a:gd name="T3" fmla="*/ 50 h 234"/>
                            <a:gd name="T4" fmla="*/ 154 w 199"/>
                            <a:gd name="T5" fmla="*/ 50 h 234"/>
                            <a:gd name="T6" fmla="*/ 140 w 199"/>
                            <a:gd name="T7" fmla="*/ 50 h 234"/>
                            <a:gd name="T8" fmla="*/ 122 w 199"/>
                            <a:gd name="T9" fmla="*/ 42 h 234"/>
                            <a:gd name="T10" fmla="*/ 69 w 199"/>
                            <a:gd name="T11" fmla="*/ 47 h 234"/>
                            <a:gd name="T12" fmla="*/ 48 w 199"/>
                            <a:gd name="T13" fmla="*/ 56 h 234"/>
                            <a:gd name="T14" fmla="*/ 42 w 199"/>
                            <a:gd name="T15" fmla="*/ 71 h 234"/>
                            <a:gd name="T16" fmla="*/ 36 w 199"/>
                            <a:gd name="T17" fmla="*/ 77 h 234"/>
                            <a:gd name="T18" fmla="*/ 59 w 199"/>
                            <a:gd name="T19" fmla="*/ 102 h 234"/>
                            <a:gd name="T20" fmla="*/ 118 w 199"/>
                            <a:gd name="T21" fmla="*/ 80 h 234"/>
                            <a:gd name="T22" fmla="*/ 145 w 199"/>
                            <a:gd name="T23" fmla="*/ 82 h 234"/>
                            <a:gd name="T24" fmla="*/ 146 w 199"/>
                            <a:gd name="T25" fmla="*/ 94 h 234"/>
                            <a:gd name="T26" fmla="*/ 146 w 199"/>
                            <a:gd name="T27" fmla="*/ 105 h 234"/>
                            <a:gd name="T28" fmla="*/ 95 w 199"/>
                            <a:gd name="T29" fmla="*/ 113 h 234"/>
                            <a:gd name="T30" fmla="*/ 122 w 199"/>
                            <a:gd name="T31" fmla="*/ 167 h 234"/>
                            <a:gd name="T32" fmla="*/ 144 w 199"/>
                            <a:gd name="T33" fmla="*/ 194 h 234"/>
                            <a:gd name="T34" fmla="*/ 145 w 199"/>
                            <a:gd name="T35" fmla="*/ 207 h 234"/>
                            <a:gd name="T36" fmla="*/ 145 w 199"/>
                            <a:gd name="T37" fmla="*/ 220 h 234"/>
                            <a:gd name="T38" fmla="*/ 140 w 199"/>
                            <a:gd name="T39" fmla="*/ 225 h 234"/>
                            <a:gd name="T40" fmla="*/ 131 w 199"/>
                            <a:gd name="T41" fmla="*/ 230 h 234"/>
                            <a:gd name="T42" fmla="*/ 103 w 199"/>
                            <a:gd name="T43" fmla="*/ 216 h 234"/>
                            <a:gd name="T44" fmla="*/ 81 w 199"/>
                            <a:gd name="T45" fmla="*/ 179 h 234"/>
                            <a:gd name="T46" fmla="*/ 64 w 199"/>
                            <a:gd name="T47" fmla="*/ 156 h 234"/>
                            <a:gd name="T48" fmla="*/ 56 w 199"/>
                            <a:gd name="T49" fmla="*/ 181 h 234"/>
                            <a:gd name="T50" fmla="*/ 60 w 199"/>
                            <a:gd name="T51" fmla="*/ 215 h 234"/>
                            <a:gd name="T52" fmla="*/ 55 w 199"/>
                            <a:gd name="T53" fmla="*/ 234 h 234"/>
                            <a:gd name="T54" fmla="*/ 46 w 199"/>
                            <a:gd name="T55" fmla="*/ 234 h 234"/>
                            <a:gd name="T56" fmla="*/ 38 w 199"/>
                            <a:gd name="T57" fmla="*/ 234 h 234"/>
                            <a:gd name="T58" fmla="*/ 27 w 199"/>
                            <a:gd name="T59" fmla="*/ 222 h 234"/>
                            <a:gd name="T60" fmla="*/ 22 w 199"/>
                            <a:gd name="T61" fmla="*/ 190 h 234"/>
                            <a:gd name="T62" fmla="*/ 9 w 199"/>
                            <a:gd name="T63" fmla="*/ 165 h 234"/>
                            <a:gd name="T64" fmla="*/ 2 w 199"/>
                            <a:gd name="T65" fmla="*/ 141 h 234"/>
                            <a:gd name="T66" fmla="*/ 18 w 199"/>
                            <a:gd name="T67" fmla="*/ 92 h 234"/>
                            <a:gd name="T68" fmla="*/ 21 w 199"/>
                            <a:gd name="T69" fmla="*/ 41 h 234"/>
                            <a:gd name="T70" fmla="*/ 51 w 199"/>
                            <a:gd name="T71" fmla="*/ 22 h 234"/>
                            <a:gd name="T72" fmla="*/ 68 w 199"/>
                            <a:gd name="T73" fmla="*/ 14 h 234"/>
                            <a:gd name="T74" fmla="*/ 91 w 199"/>
                            <a:gd name="T75" fmla="*/ 22 h 234"/>
                            <a:gd name="T76" fmla="*/ 137 w 199"/>
                            <a:gd name="T77" fmla="*/ 23 h 234"/>
                            <a:gd name="T78" fmla="*/ 156 w 199"/>
                            <a:gd name="T79" fmla="*/ 29 h 234"/>
                            <a:gd name="T80" fmla="*/ 180 w 199"/>
                            <a:gd name="T81" fmla="*/ 12 h 234"/>
                            <a:gd name="T82" fmla="*/ 197 w 199"/>
                            <a:gd name="T83" fmla="*/ 9 h 234"/>
                            <a:gd name="T84" fmla="*/ 197 w 199"/>
                            <a:gd name="T85" fmla="*/ 21 h 234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  <a:cxn ang="0">
                              <a:pos x="T34" y="T35"/>
                            </a:cxn>
                            <a:cxn ang="0">
                              <a:pos x="T36" y="T37"/>
                            </a:cxn>
                            <a:cxn ang="0">
                              <a:pos x="T38" y="T39"/>
                            </a:cxn>
                            <a:cxn ang="0">
                              <a:pos x="T40" y="T41"/>
                            </a:cxn>
                            <a:cxn ang="0">
                              <a:pos x="T42" y="T43"/>
                            </a:cxn>
                            <a:cxn ang="0">
                              <a:pos x="T44" y="T45"/>
                            </a:cxn>
                            <a:cxn ang="0">
                              <a:pos x="T46" y="T47"/>
                            </a:cxn>
                            <a:cxn ang="0">
                              <a:pos x="T48" y="T49"/>
                            </a:cxn>
                            <a:cxn ang="0">
                              <a:pos x="T50" y="T51"/>
                            </a:cxn>
                            <a:cxn ang="0">
                              <a:pos x="T52" y="T53"/>
                            </a:cxn>
                            <a:cxn ang="0">
                              <a:pos x="T54" y="T55"/>
                            </a:cxn>
                            <a:cxn ang="0">
                              <a:pos x="T56" y="T57"/>
                            </a:cxn>
                            <a:cxn ang="0">
                              <a:pos x="T58" y="T59"/>
                            </a:cxn>
                            <a:cxn ang="0">
                              <a:pos x="T60" y="T61"/>
                            </a:cxn>
                            <a:cxn ang="0">
                              <a:pos x="T62" y="T63"/>
                            </a:cxn>
                            <a:cxn ang="0">
                              <a:pos x="T64" y="T65"/>
                            </a:cxn>
                            <a:cxn ang="0">
                              <a:pos x="T66" y="T67"/>
                            </a:cxn>
                            <a:cxn ang="0">
                              <a:pos x="T68" y="T69"/>
                            </a:cxn>
                            <a:cxn ang="0">
                              <a:pos x="T70" y="T71"/>
                            </a:cxn>
                            <a:cxn ang="0">
                              <a:pos x="T72" y="T73"/>
                            </a:cxn>
                            <a:cxn ang="0">
                              <a:pos x="T74" y="T75"/>
                            </a:cxn>
                            <a:cxn ang="0">
                              <a:pos x="T76" y="T77"/>
                            </a:cxn>
                            <a:cxn ang="0">
                              <a:pos x="T78" y="T79"/>
                            </a:cxn>
                            <a:cxn ang="0">
                              <a:pos x="T80" y="T81"/>
                            </a:cxn>
                            <a:cxn ang="0">
                              <a:pos x="T82" y="T83"/>
                            </a:cxn>
                            <a:cxn ang="0">
                              <a:pos x="T84" y="T85"/>
                            </a:cxn>
                          </a:cxnLst>
                          <a:rect l="0" t="0" r="r" b="b"/>
                          <a:pathLst>
                            <a:path w="199" h="234">
                              <a:moveTo>
                                <a:pt x="197" y="21"/>
                              </a:moveTo>
                              <a:lnTo>
                                <a:pt x="192" y="30"/>
                              </a:lnTo>
                              <a:lnTo>
                                <a:pt x="186" y="39"/>
                              </a:lnTo>
                              <a:lnTo>
                                <a:pt x="179" y="48"/>
                              </a:lnTo>
                              <a:lnTo>
                                <a:pt x="175" y="48"/>
                              </a:lnTo>
                              <a:lnTo>
                                <a:pt x="170" y="50"/>
                              </a:lnTo>
                              <a:lnTo>
                                <a:pt x="165" y="50"/>
                              </a:lnTo>
                              <a:lnTo>
                                <a:pt x="159" y="50"/>
                              </a:lnTo>
                              <a:lnTo>
                                <a:pt x="154" y="50"/>
                              </a:lnTo>
                              <a:lnTo>
                                <a:pt x="149" y="50"/>
                              </a:lnTo>
                              <a:lnTo>
                                <a:pt x="145" y="50"/>
                              </a:lnTo>
                              <a:lnTo>
                                <a:pt x="140" y="50"/>
                              </a:lnTo>
                              <a:lnTo>
                                <a:pt x="136" y="47"/>
                              </a:lnTo>
                              <a:lnTo>
                                <a:pt x="129" y="44"/>
                              </a:lnTo>
                              <a:lnTo>
                                <a:pt x="122" y="42"/>
                              </a:lnTo>
                              <a:lnTo>
                                <a:pt x="108" y="41"/>
                              </a:lnTo>
                              <a:lnTo>
                                <a:pt x="91" y="43"/>
                              </a:lnTo>
                              <a:lnTo>
                                <a:pt x="69" y="47"/>
                              </a:lnTo>
                              <a:lnTo>
                                <a:pt x="57" y="50"/>
                              </a:lnTo>
                              <a:lnTo>
                                <a:pt x="51" y="52"/>
                              </a:lnTo>
                              <a:lnTo>
                                <a:pt x="48" y="56"/>
                              </a:lnTo>
                              <a:lnTo>
                                <a:pt x="46" y="63"/>
                              </a:lnTo>
                              <a:lnTo>
                                <a:pt x="44" y="67"/>
                              </a:lnTo>
                              <a:lnTo>
                                <a:pt x="42" y="71"/>
                              </a:lnTo>
                              <a:lnTo>
                                <a:pt x="40" y="73"/>
                              </a:lnTo>
                              <a:lnTo>
                                <a:pt x="39" y="75"/>
                              </a:lnTo>
                              <a:lnTo>
                                <a:pt x="36" y="77"/>
                              </a:lnTo>
                              <a:lnTo>
                                <a:pt x="43" y="86"/>
                              </a:lnTo>
                              <a:lnTo>
                                <a:pt x="51" y="94"/>
                              </a:lnTo>
                              <a:lnTo>
                                <a:pt x="59" y="102"/>
                              </a:lnTo>
                              <a:lnTo>
                                <a:pt x="76" y="93"/>
                              </a:lnTo>
                              <a:lnTo>
                                <a:pt x="95" y="85"/>
                              </a:lnTo>
                              <a:lnTo>
                                <a:pt x="118" y="80"/>
                              </a:lnTo>
                              <a:lnTo>
                                <a:pt x="145" y="75"/>
                              </a:lnTo>
                              <a:lnTo>
                                <a:pt x="145" y="78"/>
                              </a:lnTo>
                              <a:lnTo>
                                <a:pt x="145" y="82"/>
                              </a:lnTo>
                              <a:lnTo>
                                <a:pt x="145" y="86"/>
                              </a:lnTo>
                              <a:lnTo>
                                <a:pt x="146" y="90"/>
                              </a:lnTo>
                              <a:lnTo>
                                <a:pt x="146" y="94"/>
                              </a:lnTo>
                              <a:lnTo>
                                <a:pt x="146" y="98"/>
                              </a:lnTo>
                              <a:lnTo>
                                <a:pt x="146" y="102"/>
                              </a:lnTo>
                              <a:lnTo>
                                <a:pt x="146" y="105"/>
                              </a:lnTo>
                              <a:lnTo>
                                <a:pt x="129" y="106"/>
                              </a:lnTo>
                              <a:lnTo>
                                <a:pt x="112" y="110"/>
                              </a:lnTo>
                              <a:lnTo>
                                <a:pt x="95" y="113"/>
                              </a:lnTo>
                              <a:lnTo>
                                <a:pt x="105" y="136"/>
                              </a:lnTo>
                              <a:lnTo>
                                <a:pt x="112" y="153"/>
                              </a:lnTo>
                              <a:lnTo>
                                <a:pt x="122" y="167"/>
                              </a:lnTo>
                              <a:lnTo>
                                <a:pt x="131" y="179"/>
                              </a:lnTo>
                              <a:lnTo>
                                <a:pt x="144" y="190"/>
                              </a:lnTo>
                              <a:lnTo>
                                <a:pt x="144" y="194"/>
                              </a:lnTo>
                              <a:lnTo>
                                <a:pt x="144" y="199"/>
                              </a:lnTo>
                              <a:lnTo>
                                <a:pt x="145" y="203"/>
                              </a:lnTo>
                              <a:lnTo>
                                <a:pt x="145" y="207"/>
                              </a:lnTo>
                              <a:lnTo>
                                <a:pt x="145" y="211"/>
                              </a:lnTo>
                              <a:lnTo>
                                <a:pt x="145" y="215"/>
                              </a:lnTo>
                              <a:lnTo>
                                <a:pt x="145" y="220"/>
                              </a:lnTo>
                              <a:lnTo>
                                <a:pt x="146" y="224"/>
                              </a:lnTo>
                              <a:lnTo>
                                <a:pt x="142" y="224"/>
                              </a:lnTo>
                              <a:lnTo>
                                <a:pt x="140" y="225"/>
                              </a:lnTo>
                              <a:lnTo>
                                <a:pt x="137" y="228"/>
                              </a:lnTo>
                              <a:lnTo>
                                <a:pt x="133" y="229"/>
                              </a:lnTo>
                              <a:lnTo>
                                <a:pt x="131" y="230"/>
                              </a:lnTo>
                              <a:lnTo>
                                <a:pt x="127" y="229"/>
                              </a:lnTo>
                              <a:lnTo>
                                <a:pt x="114" y="224"/>
                              </a:lnTo>
                              <a:lnTo>
                                <a:pt x="103" y="216"/>
                              </a:lnTo>
                              <a:lnTo>
                                <a:pt x="97" y="209"/>
                              </a:lnTo>
                              <a:lnTo>
                                <a:pt x="87" y="195"/>
                              </a:lnTo>
                              <a:lnTo>
                                <a:pt x="81" y="179"/>
                              </a:lnTo>
                              <a:lnTo>
                                <a:pt x="76" y="164"/>
                              </a:lnTo>
                              <a:lnTo>
                                <a:pt x="74" y="152"/>
                              </a:lnTo>
                              <a:lnTo>
                                <a:pt x="64" y="156"/>
                              </a:lnTo>
                              <a:lnTo>
                                <a:pt x="57" y="162"/>
                              </a:lnTo>
                              <a:lnTo>
                                <a:pt x="56" y="171"/>
                              </a:lnTo>
                              <a:lnTo>
                                <a:pt x="56" y="181"/>
                              </a:lnTo>
                              <a:lnTo>
                                <a:pt x="57" y="191"/>
                              </a:lnTo>
                              <a:lnTo>
                                <a:pt x="59" y="203"/>
                              </a:lnTo>
                              <a:lnTo>
                                <a:pt x="60" y="215"/>
                              </a:lnTo>
                              <a:lnTo>
                                <a:pt x="60" y="225"/>
                              </a:lnTo>
                              <a:lnTo>
                                <a:pt x="57" y="234"/>
                              </a:lnTo>
                              <a:lnTo>
                                <a:pt x="55" y="234"/>
                              </a:lnTo>
                              <a:lnTo>
                                <a:pt x="52" y="234"/>
                              </a:lnTo>
                              <a:lnTo>
                                <a:pt x="48" y="234"/>
                              </a:lnTo>
                              <a:lnTo>
                                <a:pt x="46" y="234"/>
                              </a:lnTo>
                              <a:lnTo>
                                <a:pt x="43" y="234"/>
                              </a:lnTo>
                              <a:lnTo>
                                <a:pt x="40" y="234"/>
                              </a:lnTo>
                              <a:lnTo>
                                <a:pt x="38" y="234"/>
                              </a:lnTo>
                              <a:lnTo>
                                <a:pt x="34" y="234"/>
                              </a:lnTo>
                              <a:lnTo>
                                <a:pt x="30" y="228"/>
                              </a:lnTo>
                              <a:lnTo>
                                <a:pt x="27" y="222"/>
                              </a:lnTo>
                              <a:lnTo>
                                <a:pt x="25" y="216"/>
                              </a:lnTo>
                              <a:lnTo>
                                <a:pt x="23" y="205"/>
                              </a:lnTo>
                              <a:lnTo>
                                <a:pt x="22" y="190"/>
                              </a:lnTo>
                              <a:lnTo>
                                <a:pt x="19" y="178"/>
                              </a:lnTo>
                              <a:lnTo>
                                <a:pt x="15" y="170"/>
                              </a:lnTo>
                              <a:lnTo>
                                <a:pt x="9" y="165"/>
                              </a:lnTo>
                              <a:lnTo>
                                <a:pt x="0" y="164"/>
                              </a:lnTo>
                              <a:lnTo>
                                <a:pt x="1" y="152"/>
                              </a:lnTo>
                              <a:lnTo>
                                <a:pt x="2" y="141"/>
                              </a:lnTo>
                              <a:lnTo>
                                <a:pt x="6" y="130"/>
                              </a:lnTo>
                              <a:lnTo>
                                <a:pt x="12" y="113"/>
                              </a:lnTo>
                              <a:lnTo>
                                <a:pt x="18" y="92"/>
                              </a:lnTo>
                              <a:lnTo>
                                <a:pt x="22" y="75"/>
                              </a:lnTo>
                              <a:lnTo>
                                <a:pt x="23" y="59"/>
                              </a:lnTo>
                              <a:lnTo>
                                <a:pt x="21" y="41"/>
                              </a:lnTo>
                              <a:lnTo>
                                <a:pt x="35" y="31"/>
                              </a:lnTo>
                              <a:lnTo>
                                <a:pt x="44" y="26"/>
                              </a:lnTo>
                              <a:lnTo>
                                <a:pt x="51" y="22"/>
                              </a:lnTo>
                              <a:lnTo>
                                <a:pt x="56" y="20"/>
                              </a:lnTo>
                              <a:lnTo>
                                <a:pt x="61" y="17"/>
                              </a:lnTo>
                              <a:lnTo>
                                <a:pt x="68" y="14"/>
                              </a:lnTo>
                              <a:lnTo>
                                <a:pt x="73" y="18"/>
                              </a:lnTo>
                              <a:lnTo>
                                <a:pt x="81" y="21"/>
                              </a:lnTo>
                              <a:lnTo>
                                <a:pt x="91" y="22"/>
                              </a:lnTo>
                              <a:lnTo>
                                <a:pt x="108" y="22"/>
                              </a:lnTo>
                              <a:lnTo>
                                <a:pt x="125" y="22"/>
                              </a:lnTo>
                              <a:lnTo>
                                <a:pt x="137" y="23"/>
                              </a:lnTo>
                              <a:lnTo>
                                <a:pt x="144" y="27"/>
                              </a:lnTo>
                              <a:lnTo>
                                <a:pt x="146" y="34"/>
                              </a:lnTo>
                              <a:lnTo>
                                <a:pt x="156" y="29"/>
                              </a:lnTo>
                              <a:lnTo>
                                <a:pt x="163" y="25"/>
                              </a:lnTo>
                              <a:lnTo>
                                <a:pt x="171" y="18"/>
                              </a:lnTo>
                              <a:lnTo>
                                <a:pt x="180" y="12"/>
                              </a:lnTo>
                              <a:lnTo>
                                <a:pt x="194" y="0"/>
                              </a:lnTo>
                              <a:lnTo>
                                <a:pt x="196" y="5"/>
                              </a:lnTo>
                              <a:lnTo>
                                <a:pt x="197" y="9"/>
                              </a:lnTo>
                              <a:lnTo>
                                <a:pt x="199" y="12"/>
                              </a:lnTo>
                              <a:lnTo>
                                <a:pt x="199" y="16"/>
                              </a:lnTo>
                              <a:lnTo>
                                <a:pt x="197" y="21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294" name="Freeform 137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3534707" y="5031910"/>
                          <a:ext cx="24026" cy="25227"/>
                        </a:xfrm>
                        <a:custGeom>
                          <a:avLst/>
                          <a:gdLst>
                            <a:gd name="T0" fmla="*/ 20 w 20"/>
                            <a:gd name="T1" fmla="*/ 14 h 21"/>
                            <a:gd name="T2" fmla="*/ 20 w 20"/>
                            <a:gd name="T3" fmla="*/ 17 h 21"/>
                            <a:gd name="T4" fmla="*/ 20 w 20"/>
                            <a:gd name="T5" fmla="*/ 20 h 21"/>
                            <a:gd name="T6" fmla="*/ 18 w 20"/>
                            <a:gd name="T7" fmla="*/ 21 h 21"/>
                            <a:gd name="T8" fmla="*/ 18 w 20"/>
                            <a:gd name="T9" fmla="*/ 21 h 21"/>
                            <a:gd name="T10" fmla="*/ 16 w 20"/>
                            <a:gd name="T11" fmla="*/ 21 h 21"/>
                            <a:gd name="T12" fmla="*/ 12 w 20"/>
                            <a:gd name="T13" fmla="*/ 18 h 21"/>
                            <a:gd name="T14" fmla="*/ 8 w 20"/>
                            <a:gd name="T15" fmla="*/ 16 h 21"/>
                            <a:gd name="T16" fmla="*/ 7 w 20"/>
                            <a:gd name="T17" fmla="*/ 13 h 21"/>
                            <a:gd name="T18" fmla="*/ 5 w 20"/>
                            <a:gd name="T19" fmla="*/ 10 h 21"/>
                            <a:gd name="T20" fmla="*/ 3 w 20"/>
                            <a:gd name="T21" fmla="*/ 5 h 21"/>
                            <a:gd name="T22" fmla="*/ 0 w 20"/>
                            <a:gd name="T23" fmla="*/ 0 h 21"/>
                            <a:gd name="T24" fmla="*/ 1 w 20"/>
                            <a:gd name="T25" fmla="*/ 0 h 21"/>
                            <a:gd name="T26" fmla="*/ 3 w 20"/>
                            <a:gd name="T27" fmla="*/ 0 h 21"/>
                            <a:gd name="T28" fmla="*/ 8 w 20"/>
                            <a:gd name="T29" fmla="*/ 1 h 21"/>
                            <a:gd name="T30" fmla="*/ 12 w 20"/>
                            <a:gd name="T31" fmla="*/ 4 h 21"/>
                            <a:gd name="T32" fmla="*/ 16 w 20"/>
                            <a:gd name="T33" fmla="*/ 7 h 21"/>
                            <a:gd name="T34" fmla="*/ 18 w 20"/>
                            <a:gd name="T35" fmla="*/ 9 h 21"/>
                            <a:gd name="T36" fmla="*/ 20 w 20"/>
                            <a:gd name="T37" fmla="*/ 12 h 21"/>
                            <a:gd name="T38" fmla="*/ 20 w 20"/>
                            <a:gd name="T39" fmla="*/ 14 h 21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  <a:cxn ang="0">
                              <a:pos x="T34" y="T35"/>
                            </a:cxn>
                            <a:cxn ang="0">
                              <a:pos x="T36" y="T37"/>
                            </a:cxn>
                            <a:cxn ang="0">
                              <a:pos x="T38" y="T39"/>
                            </a:cxn>
                          </a:cxnLst>
                          <a:rect l="0" t="0" r="r" b="b"/>
                          <a:pathLst>
                            <a:path w="20" h="21">
                              <a:moveTo>
                                <a:pt x="20" y="14"/>
                              </a:moveTo>
                              <a:lnTo>
                                <a:pt x="20" y="17"/>
                              </a:lnTo>
                              <a:lnTo>
                                <a:pt x="20" y="20"/>
                              </a:lnTo>
                              <a:lnTo>
                                <a:pt x="18" y="21"/>
                              </a:lnTo>
                              <a:lnTo>
                                <a:pt x="18" y="21"/>
                              </a:lnTo>
                              <a:lnTo>
                                <a:pt x="16" y="21"/>
                              </a:lnTo>
                              <a:lnTo>
                                <a:pt x="12" y="18"/>
                              </a:lnTo>
                              <a:lnTo>
                                <a:pt x="8" y="16"/>
                              </a:lnTo>
                              <a:lnTo>
                                <a:pt x="7" y="13"/>
                              </a:lnTo>
                              <a:lnTo>
                                <a:pt x="5" y="10"/>
                              </a:lnTo>
                              <a:lnTo>
                                <a:pt x="3" y="5"/>
                              </a:lnTo>
                              <a:lnTo>
                                <a:pt x="0" y="0"/>
                              </a:lnTo>
                              <a:lnTo>
                                <a:pt x="1" y="0"/>
                              </a:lnTo>
                              <a:lnTo>
                                <a:pt x="3" y="0"/>
                              </a:lnTo>
                              <a:lnTo>
                                <a:pt x="8" y="1"/>
                              </a:lnTo>
                              <a:lnTo>
                                <a:pt x="12" y="4"/>
                              </a:lnTo>
                              <a:lnTo>
                                <a:pt x="16" y="7"/>
                              </a:lnTo>
                              <a:lnTo>
                                <a:pt x="18" y="9"/>
                              </a:lnTo>
                              <a:lnTo>
                                <a:pt x="20" y="12"/>
                              </a:lnTo>
                              <a:lnTo>
                                <a:pt x="20" y="14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295" name="Freeform 138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4887362" y="5134020"/>
                          <a:ext cx="690743" cy="278700"/>
                        </a:xfrm>
                        <a:custGeom>
                          <a:avLst/>
                          <a:gdLst>
                            <a:gd name="T0" fmla="*/ 557 w 575"/>
                            <a:gd name="T1" fmla="*/ 215 h 232"/>
                            <a:gd name="T2" fmla="*/ 511 w 575"/>
                            <a:gd name="T3" fmla="*/ 221 h 232"/>
                            <a:gd name="T4" fmla="*/ 464 w 575"/>
                            <a:gd name="T5" fmla="*/ 195 h 232"/>
                            <a:gd name="T6" fmla="*/ 417 w 575"/>
                            <a:gd name="T7" fmla="*/ 165 h 232"/>
                            <a:gd name="T8" fmla="*/ 379 w 575"/>
                            <a:gd name="T9" fmla="*/ 191 h 232"/>
                            <a:gd name="T10" fmla="*/ 369 w 575"/>
                            <a:gd name="T11" fmla="*/ 216 h 232"/>
                            <a:gd name="T12" fmla="*/ 347 w 575"/>
                            <a:gd name="T13" fmla="*/ 224 h 232"/>
                            <a:gd name="T14" fmla="*/ 304 w 575"/>
                            <a:gd name="T15" fmla="*/ 225 h 232"/>
                            <a:gd name="T16" fmla="*/ 282 w 575"/>
                            <a:gd name="T17" fmla="*/ 212 h 232"/>
                            <a:gd name="T18" fmla="*/ 232 w 575"/>
                            <a:gd name="T19" fmla="*/ 216 h 232"/>
                            <a:gd name="T20" fmla="*/ 207 w 575"/>
                            <a:gd name="T21" fmla="*/ 219 h 232"/>
                            <a:gd name="T22" fmla="*/ 218 w 575"/>
                            <a:gd name="T23" fmla="*/ 204 h 232"/>
                            <a:gd name="T24" fmla="*/ 232 w 575"/>
                            <a:gd name="T25" fmla="*/ 162 h 232"/>
                            <a:gd name="T26" fmla="*/ 189 w 575"/>
                            <a:gd name="T27" fmla="*/ 127 h 232"/>
                            <a:gd name="T28" fmla="*/ 134 w 575"/>
                            <a:gd name="T29" fmla="*/ 114 h 232"/>
                            <a:gd name="T30" fmla="*/ 89 w 575"/>
                            <a:gd name="T31" fmla="*/ 114 h 232"/>
                            <a:gd name="T32" fmla="*/ 77 w 575"/>
                            <a:gd name="T33" fmla="*/ 117 h 232"/>
                            <a:gd name="T34" fmla="*/ 70 w 575"/>
                            <a:gd name="T35" fmla="*/ 117 h 232"/>
                            <a:gd name="T36" fmla="*/ 54 w 575"/>
                            <a:gd name="T37" fmla="*/ 100 h 232"/>
                            <a:gd name="T38" fmla="*/ 55 w 575"/>
                            <a:gd name="T39" fmla="*/ 72 h 232"/>
                            <a:gd name="T40" fmla="*/ 45 w 575"/>
                            <a:gd name="T41" fmla="*/ 62 h 232"/>
                            <a:gd name="T42" fmla="*/ 24 w 575"/>
                            <a:gd name="T43" fmla="*/ 54 h 232"/>
                            <a:gd name="T44" fmla="*/ 0 w 575"/>
                            <a:gd name="T45" fmla="*/ 22 h 232"/>
                            <a:gd name="T46" fmla="*/ 56 w 575"/>
                            <a:gd name="T47" fmla="*/ 0 h 232"/>
                            <a:gd name="T48" fmla="*/ 68 w 575"/>
                            <a:gd name="T49" fmla="*/ 7 h 232"/>
                            <a:gd name="T50" fmla="*/ 85 w 575"/>
                            <a:gd name="T51" fmla="*/ 14 h 232"/>
                            <a:gd name="T52" fmla="*/ 114 w 575"/>
                            <a:gd name="T53" fmla="*/ 54 h 232"/>
                            <a:gd name="T54" fmla="*/ 129 w 575"/>
                            <a:gd name="T55" fmla="*/ 79 h 232"/>
                            <a:gd name="T56" fmla="*/ 142 w 575"/>
                            <a:gd name="T57" fmla="*/ 85 h 232"/>
                            <a:gd name="T58" fmla="*/ 151 w 575"/>
                            <a:gd name="T59" fmla="*/ 80 h 232"/>
                            <a:gd name="T60" fmla="*/ 170 w 575"/>
                            <a:gd name="T61" fmla="*/ 55 h 232"/>
                            <a:gd name="T62" fmla="*/ 174 w 575"/>
                            <a:gd name="T63" fmla="*/ 43 h 232"/>
                            <a:gd name="T64" fmla="*/ 166 w 575"/>
                            <a:gd name="T65" fmla="*/ 38 h 232"/>
                            <a:gd name="T66" fmla="*/ 170 w 575"/>
                            <a:gd name="T67" fmla="*/ 31 h 232"/>
                            <a:gd name="T68" fmla="*/ 178 w 575"/>
                            <a:gd name="T69" fmla="*/ 34 h 232"/>
                            <a:gd name="T70" fmla="*/ 185 w 575"/>
                            <a:gd name="T71" fmla="*/ 38 h 232"/>
                            <a:gd name="T72" fmla="*/ 248 w 575"/>
                            <a:gd name="T73" fmla="*/ 24 h 232"/>
                            <a:gd name="T74" fmla="*/ 313 w 575"/>
                            <a:gd name="T75" fmla="*/ 31 h 232"/>
                            <a:gd name="T76" fmla="*/ 350 w 575"/>
                            <a:gd name="T77" fmla="*/ 45 h 232"/>
                            <a:gd name="T78" fmla="*/ 390 w 575"/>
                            <a:gd name="T79" fmla="*/ 51 h 232"/>
                            <a:gd name="T80" fmla="*/ 432 w 575"/>
                            <a:gd name="T81" fmla="*/ 60 h 232"/>
                            <a:gd name="T82" fmla="*/ 458 w 575"/>
                            <a:gd name="T83" fmla="*/ 88 h 232"/>
                            <a:gd name="T84" fmla="*/ 466 w 575"/>
                            <a:gd name="T85" fmla="*/ 98 h 232"/>
                            <a:gd name="T86" fmla="*/ 493 w 575"/>
                            <a:gd name="T87" fmla="*/ 101 h 232"/>
                            <a:gd name="T88" fmla="*/ 513 w 575"/>
                            <a:gd name="T89" fmla="*/ 109 h 232"/>
                            <a:gd name="T90" fmla="*/ 499 w 575"/>
                            <a:gd name="T91" fmla="*/ 131 h 232"/>
                            <a:gd name="T92" fmla="*/ 504 w 575"/>
                            <a:gd name="T93" fmla="*/ 153 h 232"/>
                            <a:gd name="T94" fmla="*/ 529 w 575"/>
                            <a:gd name="T95" fmla="*/ 182 h 232"/>
                            <a:gd name="T96" fmla="*/ 557 w 575"/>
                            <a:gd name="T97" fmla="*/ 194 h 232"/>
                            <a:gd name="T98" fmla="*/ 566 w 575"/>
                            <a:gd name="T99" fmla="*/ 186 h 232"/>
                            <a:gd name="T100" fmla="*/ 568 w 575"/>
                            <a:gd name="T101" fmla="*/ 181 h 232"/>
                            <a:gd name="T102" fmla="*/ 575 w 575"/>
                            <a:gd name="T103" fmla="*/ 194 h 232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  <a:cxn ang="0">
                              <a:pos x="T34" y="T35"/>
                            </a:cxn>
                            <a:cxn ang="0">
                              <a:pos x="T36" y="T37"/>
                            </a:cxn>
                            <a:cxn ang="0">
                              <a:pos x="T38" y="T39"/>
                            </a:cxn>
                            <a:cxn ang="0">
                              <a:pos x="T40" y="T41"/>
                            </a:cxn>
                            <a:cxn ang="0">
                              <a:pos x="T42" y="T43"/>
                            </a:cxn>
                            <a:cxn ang="0">
                              <a:pos x="T44" y="T45"/>
                            </a:cxn>
                            <a:cxn ang="0">
                              <a:pos x="T46" y="T47"/>
                            </a:cxn>
                            <a:cxn ang="0">
                              <a:pos x="T48" y="T49"/>
                            </a:cxn>
                            <a:cxn ang="0">
                              <a:pos x="T50" y="T51"/>
                            </a:cxn>
                            <a:cxn ang="0">
                              <a:pos x="T52" y="T53"/>
                            </a:cxn>
                            <a:cxn ang="0">
                              <a:pos x="T54" y="T55"/>
                            </a:cxn>
                            <a:cxn ang="0">
                              <a:pos x="T56" y="T57"/>
                            </a:cxn>
                            <a:cxn ang="0">
                              <a:pos x="T58" y="T59"/>
                            </a:cxn>
                            <a:cxn ang="0">
                              <a:pos x="T60" y="T61"/>
                            </a:cxn>
                            <a:cxn ang="0">
                              <a:pos x="T62" y="T63"/>
                            </a:cxn>
                            <a:cxn ang="0">
                              <a:pos x="T64" y="T65"/>
                            </a:cxn>
                            <a:cxn ang="0">
                              <a:pos x="T66" y="T67"/>
                            </a:cxn>
                            <a:cxn ang="0">
                              <a:pos x="T68" y="T69"/>
                            </a:cxn>
                            <a:cxn ang="0">
                              <a:pos x="T70" y="T71"/>
                            </a:cxn>
                            <a:cxn ang="0">
                              <a:pos x="T72" y="T73"/>
                            </a:cxn>
                            <a:cxn ang="0">
                              <a:pos x="T74" y="T75"/>
                            </a:cxn>
                            <a:cxn ang="0">
                              <a:pos x="T76" y="T77"/>
                            </a:cxn>
                            <a:cxn ang="0">
                              <a:pos x="T78" y="T79"/>
                            </a:cxn>
                            <a:cxn ang="0">
                              <a:pos x="T80" y="T81"/>
                            </a:cxn>
                            <a:cxn ang="0">
                              <a:pos x="T82" y="T83"/>
                            </a:cxn>
                            <a:cxn ang="0">
                              <a:pos x="T84" y="T85"/>
                            </a:cxn>
                            <a:cxn ang="0">
                              <a:pos x="T86" y="T87"/>
                            </a:cxn>
                            <a:cxn ang="0">
                              <a:pos x="T88" y="T89"/>
                            </a:cxn>
                            <a:cxn ang="0">
                              <a:pos x="T90" y="T91"/>
                            </a:cxn>
                            <a:cxn ang="0">
                              <a:pos x="T92" y="T93"/>
                            </a:cxn>
                            <a:cxn ang="0">
                              <a:pos x="T94" y="T95"/>
                            </a:cxn>
                            <a:cxn ang="0">
                              <a:pos x="T96" y="T97"/>
                            </a:cxn>
                            <a:cxn ang="0">
                              <a:pos x="T98" y="T99"/>
                            </a:cxn>
                            <a:cxn ang="0">
                              <a:pos x="T100" y="T101"/>
                            </a:cxn>
                            <a:cxn ang="0">
                              <a:pos x="T102" y="T103"/>
                            </a:cxn>
                          </a:cxnLst>
                          <a:rect l="0" t="0" r="r" b="b"/>
                          <a:pathLst>
                            <a:path w="575" h="232">
                              <a:moveTo>
                                <a:pt x="572" y="203"/>
                              </a:moveTo>
                              <a:lnTo>
                                <a:pt x="566" y="210"/>
                              </a:lnTo>
                              <a:lnTo>
                                <a:pt x="557" y="215"/>
                              </a:lnTo>
                              <a:lnTo>
                                <a:pt x="542" y="220"/>
                              </a:lnTo>
                              <a:lnTo>
                                <a:pt x="527" y="223"/>
                              </a:lnTo>
                              <a:lnTo>
                                <a:pt x="511" y="221"/>
                              </a:lnTo>
                              <a:lnTo>
                                <a:pt x="494" y="217"/>
                              </a:lnTo>
                              <a:lnTo>
                                <a:pt x="478" y="210"/>
                              </a:lnTo>
                              <a:lnTo>
                                <a:pt x="464" y="195"/>
                              </a:lnTo>
                              <a:lnTo>
                                <a:pt x="448" y="178"/>
                              </a:lnTo>
                              <a:lnTo>
                                <a:pt x="432" y="169"/>
                              </a:lnTo>
                              <a:lnTo>
                                <a:pt x="417" y="165"/>
                              </a:lnTo>
                              <a:lnTo>
                                <a:pt x="401" y="169"/>
                              </a:lnTo>
                              <a:lnTo>
                                <a:pt x="389" y="177"/>
                              </a:lnTo>
                              <a:lnTo>
                                <a:pt x="379" y="191"/>
                              </a:lnTo>
                              <a:lnTo>
                                <a:pt x="372" y="210"/>
                              </a:lnTo>
                              <a:lnTo>
                                <a:pt x="371" y="212"/>
                              </a:lnTo>
                              <a:lnTo>
                                <a:pt x="369" y="216"/>
                              </a:lnTo>
                              <a:lnTo>
                                <a:pt x="366" y="219"/>
                              </a:lnTo>
                              <a:lnTo>
                                <a:pt x="358" y="221"/>
                              </a:lnTo>
                              <a:lnTo>
                                <a:pt x="347" y="224"/>
                              </a:lnTo>
                              <a:lnTo>
                                <a:pt x="331" y="227"/>
                              </a:lnTo>
                              <a:lnTo>
                                <a:pt x="309" y="232"/>
                              </a:lnTo>
                              <a:lnTo>
                                <a:pt x="304" y="225"/>
                              </a:lnTo>
                              <a:lnTo>
                                <a:pt x="299" y="220"/>
                              </a:lnTo>
                              <a:lnTo>
                                <a:pt x="291" y="215"/>
                              </a:lnTo>
                              <a:lnTo>
                                <a:pt x="282" y="212"/>
                              </a:lnTo>
                              <a:lnTo>
                                <a:pt x="269" y="211"/>
                              </a:lnTo>
                              <a:lnTo>
                                <a:pt x="252" y="212"/>
                              </a:lnTo>
                              <a:lnTo>
                                <a:pt x="232" y="216"/>
                              </a:lnTo>
                              <a:lnTo>
                                <a:pt x="206" y="224"/>
                              </a:lnTo>
                              <a:lnTo>
                                <a:pt x="206" y="221"/>
                              </a:lnTo>
                              <a:lnTo>
                                <a:pt x="207" y="219"/>
                              </a:lnTo>
                              <a:lnTo>
                                <a:pt x="208" y="216"/>
                              </a:lnTo>
                              <a:lnTo>
                                <a:pt x="212" y="211"/>
                              </a:lnTo>
                              <a:lnTo>
                                <a:pt x="218" y="204"/>
                              </a:lnTo>
                              <a:lnTo>
                                <a:pt x="227" y="194"/>
                              </a:lnTo>
                              <a:lnTo>
                                <a:pt x="239" y="181"/>
                              </a:lnTo>
                              <a:lnTo>
                                <a:pt x="232" y="162"/>
                              </a:lnTo>
                              <a:lnTo>
                                <a:pt x="220" y="147"/>
                              </a:lnTo>
                              <a:lnTo>
                                <a:pt x="206" y="135"/>
                              </a:lnTo>
                              <a:lnTo>
                                <a:pt x="189" y="127"/>
                              </a:lnTo>
                              <a:lnTo>
                                <a:pt x="170" y="120"/>
                              </a:lnTo>
                              <a:lnTo>
                                <a:pt x="152" y="117"/>
                              </a:lnTo>
                              <a:lnTo>
                                <a:pt x="134" y="114"/>
                              </a:lnTo>
                              <a:lnTo>
                                <a:pt x="117" y="113"/>
                              </a:lnTo>
                              <a:lnTo>
                                <a:pt x="101" y="113"/>
                              </a:lnTo>
                              <a:lnTo>
                                <a:pt x="89" y="114"/>
                              </a:lnTo>
                              <a:lnTo>
                                <a:pt x="81" y="114"/>
                              </a:lnTo>
                              <a:lnTo>
                                <a:pt x="77" y="115"/>
                              </a:lnTo>
                              <a:lnTo>
                                <a:pt x="77" y="117"/>
                              </a:lnTo>
                              <a:lnTo>
                                <a:pt x="76" y="119"/>
                              </a:lnTo>
                              <a:lnTo>
                                <a:pt x="74" y="118"/>
                              </a:lnTo>
                              <a:lnTo>
                                <a:pt x="70" y="117"/>
                              </a:lnTo>
                              <a:lnTo>
                                <a:pt x="67" y="114"/>
                              </a:lnTo>
                              <a:lnTo>
                                <a:pt x="62" y="109"/>
                              </a:lnTo>
                              <a:lnTo>
                                <a:pt x="54" y="100"/>
                              </a:lnTo>
                              <a:lnTo>
                                <a:pt x="43" y="86"/>
                              </a:lnTo>
                              <a:lnTo>
                                <a:pt x="50" y="79"/>
                              </a:lnTo>
                              <a:lnTo>
                                <a:pt x="55" y="72"/>
                              </a:lnTo>
                              <a:lnTo>
                                <a:pt x="59" y="64"/>
                              </a:lnTo>
                              <a:lnTo>
                                <a:pt x="53" y="62"/>
                              </a:lnTo>
                              <a:lnTo>
                                <a:pt x="45" y="62"/>
                              </a:lnTo>
                              <a:lnTo>
                                <a:pt x="38" y="63"/>
                              </a:lnTo>
                              <a:lnTo>
                                <a:pt x="32" y="64"/>
                              </a:lnTo>
                              <a:lnTo>
                                <a:pt x="24" y="54"/>
                              </a:lnTo>
                              <a:lnTo>
                                <a:pt x="15" y="45"/>
                              </a:lnTo>
                              <a:lnTo>
                                <a:pt x="5" y="34"/>
                              </a:lnTo>
                              <a:lnTo>
                                <a:pt x="0" y="22"/>
                              </a:lnTo>
                              <a:lnTo>
                                <a:pt x="20" y="16"/>
                              </a:lnTo>
                              <a:lnTo>
                                <a:pt x="38" y="7"/>
                              </a:lnTo>
                              <a:lnTo>
                                <a:pt x="56" y="0"/>
                              </a:lnTo>
                              <a:lnTo>
                                <a:pt x="60" y="0"/>
                              </a:lnTo>
                              <a:lnTo>
                                <a:pt x="64" y="0"/>
                              </a:lnTo>
                              <a:lnTo>
                                <a:pt x="68" y="7"/>
                              </a:lnTo>
                              <a:lnTo>
                                <a:pt x="72" y="11"/>
                              </a:lnTo>
                              <a:lnTo>
                                <a:pt x="77" y="12"/>
                              </a:lnTo>
                              <a:lnTo>
                                <a:pt x="85" y="14"/>
                              </a:lnTo>
                              <a:lnTo>
                                <a:pt x="98" y="16"/>
                              </a:lnTo>
                              <a:lnTo>
                                <a:pt x="108" y="38"/>
                              </a:lnTo>
                              <a:lnTo>
                                <a:pt x="114" y="54"/>
                              </a:lnTo>
                              <a:lnTo>
                                <a:pt x="119" y="66"/>
                              </a:lnTo>
                              <a:lnTo>
                                <a:pt x="125" y="73"/>
                              </a:lnTo>
                              <a:lnTo>
                                <a:pt x="129" y="79"/>
                              </a:lnTo>
                              <a:lnTo>
                                <a:pt x="132" y="83"/>
                              </a:lnTo>
                              <a:lnTo>
                                <a:pt x="136" y="84"/>
                              </a:lnTo>
                              <a:lnTo>
                                <a:pt x="142" y="85"/>
                              </a:lnTo>
                              <a:lnTo>
                                <a:pt x="142" y="85"/>
                              </a:lnTo>
                              <a:lnTo>
                                <a:pt x="142" y="85"/>
                              </a:lnTo>
                              <a:lnTo>
                                <a:pt x="151" y="80"/>
                              </a:lnTo>
                              <a:lnTo>
                                <a:pt x="159" y="72"/>
                              </a:lnTo>
                              <a:lnTo>
                                <a:pt x="164" y="64"/>
                              </a:lnTo>
                              <a:lnTo>
                                <a:pt x="170" y="55"/>
                              </a:lnTo>
                              <a:lnTo>
                                <a:pt x="177" y="48"/>
                              </a:lnTo>
                              <a:lnTo>
                                <a:pt x="178" y="46"/>
                              </a:lnTo>
                              <a:lnTo>
                                <a:pt x="174" y="43"/>
                              </a:lnTo>
                              <a:lnTo>
                                <a:pt x="172" y="42"/>
                              </a:lnTo>
                              <a:lnTo>
                                <a:pt x="169" y="41"/>
                              </a:lnTo>
                              <a:lnTo>
                                <a:pt x="166" y="38"/>
                              </a:lnTo>
                              <a:lnTo>
                                <a:pt x="166" y="34"/>
                              </a:lnTo>
                              <a:lnTo>
                                <a:pt x="169" y="33"/>
                              </a:lnTo>
                              <a:lnTo>
                                <a:pt x="170" y="31"/>
                              </a:lnTo>
                              <a:lnTo>
                                <a:pt x="173" y="31"/>
                              </a:lnTo>
                              <a:lnTo>
                                <a:pt x="176" y="33"/>
                              </a:lnTo>
                              <a:lnTo>
                                <a:pt x="178" y="34"/>
                              </a:lnTo>
                              <a:lnTo>
                                <a:pt x="181" y="35"/>
                              </a:lnTo>
                              <a:lnTo>
                                <a:pt x="184" y="37"/>
                              </a:lnTo>
                              <a:lnTo>
                                <a:pt x="185" y="38"/>
                              </a:lnTo>
                              <a:lnTo>
                                <a:pt x="207" y="26"/>
                              </a:lnTo>
                              <a:lnTo>
                                <a:pt x="228" y="14"/>
                              </a:lnTo>
                              <a:lnTo>
                                <a:pt x="248" y="24"/>
                              </a:lnTo>
                              <a:lnTo>
                                <a:pt x="270" y="29"/>
                              </a:lnTo>
                              <a:lnTo>
                                <a:pt x="291" y="30"/>
                              </a:lnTo>
                              <a:lnTo>
                                <a:pt x="313" y="31"/>
                              </a:lnTo>
                              <a:lnTo>
                                <a:pt x="334" y="35"/>
                              </a:lnTo>
                              <a:lnTo>
                                <a:pt x="343" y="39"/>
                              </a:lnTo>
                              <a:lnTo>
                                <a:pt x="350" y="45"/>
                              </a:lnTo>
                              <a:lnTo>
                                <a:pt x="359" y="48"/>
                              </a:lnTo>
                              <a:lnTo>
                                <a:pt x="375" y="51"/>
                              </a:lnTo>
                              <a:lnTo>
                                <a:pt x="390" y="51"/>
                              </a:lnTo>
                              <a:lnTo>
                                <a:pt x="406" y="51"/>
                              </a:lnTo>
                              <a:lnTo>
                                <a:pt x="422" y="55"/>
                              </a:lnTo>
                              <a:lnTo>
                                <a:pt x="432" y="60"/>
                              </a:lnTo>
                              <a:lnTo>
                                <a:pt x="444" y="69"/>
                              </a:lnTo>
                              <a:lnTo>
                                <a:pt x="453" y="79"/>
                              </a:lnTo>
                              <a:lnTo>
                                <a:pt x="458" y="88"/>
                              </a:lnTo>
                              <a:lnTo>
                                <a:pt x="460" y="89"/>
                              </a:lnTo>
                              <a:lnTo>
                                <a:pt x="461" y="93"/>
                              </a:lnTo>
                              <a:lnTo>
                                <a:pt x="466" y="98"/>
                              </a:lnTo>
                              <a:lnTo>
                                <a:pt x="473" y="102"/>
                              </a:lnTo>
                              <a:lnTo>
                                <a:pt x="481" y="103"/>
                              </a:lnTo>
                              <a:lnTo>
                                <a:pt x="493" y="101"/>
                              </a:lnTo>
                              <a:lnTo>
                                <a:pt x="507" y="94"/>
                              </a:lnTo>
                              <a:lnTo>
                                <a:pt x="512" y="101"/>
                              </a:lnTo>
                              <a:lnTo>
                                <a:pt x="513" y="109"/>
                              </a:lnTo>
                              <a:lnTo>
                                <a:pt x="511" y="117"/>
                              </a:lnTo>
                              <a:lnTo>
                                <a:pt x="506" y="124"/>
                              </a:lnTo>
                              <a:lnTo>
                                <a:pt x="499" y="131"/>
                              </a:lnTo>
                              <a:lnTo>
                                <a:pt x="494" y="135"/>
                              </a:lnTo>
                              <a:lnTo>
                                <a:pt x="493" y="138"/>
                              </a:lnTo>
                              <a:lnTo>
                                <a:pt x="504" y="153"/>
                              </a:lnTo>
                              <a:lnTo>
                                <a:pt x="513" y="166"/>
                              </a:lnTo>
                              <a:lnTo>
                                <a:pt x="521" y="175"/>
                              </a:lnTo>
                              <a:lnTo>
                                <a:pt x="529" y="182"/>
                              </a:lnTo>
                              <a:lnTo>
                                <a:pt x="537" y="187"/>
                              </a:lnTo>
                              <a:lnTo>
                                <a:pt x="546" y="191"/>
                              </a:lnTo>
                              <a:lnTo>
                                <a:pt x="557" y="194"/>
                              </a:lnTo>
                              <a:lnTo>
                                <a:pt x="561" y="190"/>
                              </a:lnTo>
                              <a:lnTo>
                                <a:pt x="563" y="187"/>
                              </a:lnTo>
                              <a:lnTo>
                                <a:pt x="566" y="186"/>
                              </a:lnTo>
                              <a:lnTo>
                                <a:pt x="567" y="185"/>
                              </a:lnTo>
                              <a:lnTo>
                                <a:pt x="568" y="182"/>
                              </a:lnTo>
                              <a:lnTo>
                                <a:pt x="568" y="181"/>
                              </a:lnTo>
                              <a:lnTo>
                                <a:pt x="570" y="178"/>
                              </a:lnTo>
                              <a:lnTo>
                                <a:pt x="574" y="186"/>
                              </a:lnTo>
                              <a:lnTo>
                                <a:pt x="575" y="194"/>
                              </a:lnTo>
                              <a:lnTo>
                                <a:pt x="574" y="199"/>
                              </a:lnTo>
                              <a:lnTo>
                                <a:pt x="572" y="203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296" name="Freeform 139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3619999" y="5143630"/>
                          <a:ext cx="15617" cy="19221"/>
                        </a:xfrm>
                        <a:custGeom>
                          <a:avLst/>
                          <a:gdLst>
                            <a:gd name="T0" fmla="*/ 10 w 13"/>
                            <a:gd name="T1" fmla="*/ 6 h 16"/>
                            <a:gd name="T2" fmla="*/ 12 w 13"/>
                            <a:gd name="T3" fmla="*/ 13 h 16"/>
                            <a:gd name="T4" fmla="*/ 12 w 13"/>
                            <a:gd name="T5" fmla="*/ 16 h 16"/>
                            <a:gd name="T6" fmla="*/ 13 w 13"/>
                            <a:gd name="T7" fmla="*/ 16 h 16"/>
                            <a:gd name="T8" fmla="*/ 9 w 13"/>
                            <a:gd name="T9" fmla="*/ 16 h 16"/>
                            <a:gd name="T10" fmla="*/ 5 w 13"/>
                            <a:gd name="T11" fmla="*/ 14 h 16"/>
                            <a:gd name="T12" fmla="*/ 2 w 13"/>
                            <a:gd name="T13" fmla="*/ 12 h 16"/>
                            <a:gd name="T14" fmla="*/ 1 w 13"/>
                            <a:gd name="T15" fmla="*/ 9 h 16"/>
                            <a:gd name="T16" fmla="*/ 0 w 13"/>
                            <a:gd name="T17" fmla="*/ 6 h 16"/>
                            <a:gd name="T18" fmla="*/ 0 w 13"/>
                            <a:gd name="T19" fmla="*/ 4 h 16"/>
                            <a:gd name="T20" fmla="*/ 0 w 13"/>
                            <a:gd name="T21" fmla="*/ 3 h 16"/>
                            <a:gd name="T22" fmla="*/ 1 w 13"/>
                            <a:gd name="T23" fmla="*/ 0 h 16"/>
                            <a:gd name="T24" fmla="*/ 2 w 13"/>
                            <a:gd name="T25" fmla="*/ 0 h 16"/>
                            <a:gd name="T26" fmla="*/ 2 w 13"/>
                            <a:gd name="T27" fmla="*/ 0 h 16"/>
                            <a:gd name="T28" fmla="*/ 5 w 13"/>
                            <a:gd name="T29" fmla="*/ 0 h 16"/>
                            <a:gd name="T30" fmla="*/ 8 w 13"/>
                            <a:gd name="T31" fmla="*/ 0 h 16"/>
                            <a:gd name="T32" fmla="*/ 9 w 13"/>
                            <a:gd name="T33" fmla="*/ 1 h 16"/>
                            <a:gd name="T34" fmla="*/ 10 w 13"/>
                            <a:gd name="T35" fmla="*/ 4 h 16"/>
                            <a:gd name="T36" fmla="*/ 10 w 13"/>
                            <a:gd name="T37" fmla="*/ 6 h 16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  <a:cxn ang="0">
                              <a:pos x="T34" y="T35"/>
                            </a:cxn>
                            <a:cxn ang="0">
                              <a:pos x="T36" y="T37"/>
                            </a:cxn>
                          </a:cxnLst>
                          <a:rect l="0" t="0" r="r" b="b"/>
                          <a:pathLst>
                            <a:path w="13" h="16">
                              <a:moveTo>
                                <a:pt x="10" y="6"/>
                              </a:moveTo>
                              <a:lnTo>
                                <a:pt x="12" y="13"/>
                              </a:lnTo>
                              <a:lnTo>
                                <a:pt x="12" y="16"/>
                              </a:lnTo>
                              <a:lnTo>
                                <a:pt x="13" y="16"/>
                              </a:lnTo>
                              <a:lnTo>
                                <a:pt x="9" y="16"/>
                              </a:lnTo>
                              <a:lnTo>
                                <a:pt x="5" y="14"/>
                              </a:lnTo>
                              <a:lnTo>
                                <a:pt x="2" y="12"/>
                              </a:lnTo>
                              <a:lnTo>
                                <a:pt x="1" y="9"/>
                              </a:lnTo>
                              <a:lnTo>
                                <a:pt x="0" y="6"/>
                              </a:lnTo>
                              <a:lnTo>
                                <a:pt x="0" y="4"/>
                              </a:lnTo>
                              <a:lnTo>
                                <a:pt x="0" y="3"/>
                              </a:lnTo>
                              <a:lnTo>
                                <a:pt x="1" y="0"/>
                              </a:lnTo>
                              <a:lnTo>
                                <a:pt x="2" y="0"/>
                              </a:lnTo>
                              <a:lnTo>
                                <a:pt x="2" y="0"/>
                              </a:lnTo>
                              <a:lnTo>
                                <a:pt x="5" y="0"/>
                              </a:lnTo>
                              <a:lnTo>
                                <a:pt x="8" y="0"/>
                              </a:lnTo>
                              <a:lnTo>
                                <a:pt x="9" y="1"/>
                              </a:lnTo>
                              <a:lnTo>
                                <a:pt x="10" y="4"/>
                              </a:lnTo>
                              <a:lnTo>
                                <a:pt x="10" y="6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297" name="Freeform 140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4735999" y="5194085"/>
                          <a:ext cx="38441" cy="12013"/>
                        </a:xfrm>
                        <a:custGeom>
                          <a:avLst/>
                          <a:gdLst>
                            <a:gd name="T0" fmla="*/ 32 w 32"/>
                            <a:gd name="T1" fmla="*/ 1 h 10"/>
                            <a:gd name="T2" fmla="*/ 29 w 32"/>
                            <a:gd name="T3" fmla="*/ 6 h 10"/>
                            <a:gd name="T4" fmla="*/ 23 w 32"/>
                            <a:gd name="T5" fmla="*/ 10 h 10"/>
                            <a:gd name="T6" fmla="*/ 15 w 32"/>
                            <a:gd name="T7" fmla="*/ 10 h 10"/>
                            <a:gd name="T8" fmla="*/ 7 w 32"/>
                            <a:gd name="T9" fmla="*/ 9 h 10"/>
                            <a:gd name="T10" fmla="*/ 0 w 32"/>
                            <a:gd name="T11" fmla="*/ 5 h 10"/>
                            <a:gd name="T12" fmla="*/ 2 w 32"/>
                            <a:gd name="T13" fmla="*/ 2 h 10"/>
                            <a:gd name="T14" fmla="*/ 4 w 32"/>
                            <a:gd name="T15" fmla="*/ 1 h 10"/>
                            <a:gd name="T16" fmla="*/ 7 w 32"/>
                            <a:gd name="T17" fmla="*/ 0 h 10"/>
                            <a:gd name="T18" fmla="*/ 8 w 32"/>
                            <a:gd name="T19" fmla="*/ 0 h 10"/>
                            <a:gd name="T20" fmla="*/ 11 w 32"/>
                            <a:gd name="T21" fmla="*/ 0 h 10"/>
                            <a:gd name="T22" fmla="*/ 14 w 32"/>
                            <a:gd name="T23" fmla="*/ 1 h 10"/>
                            <a:gd name="T24" fmla="*/ 19 w 32"/>
                            <a:gd name="T25" fmla="*/ 1 h 10"/>
                            <a:gd name="T26" fmla="*/ 23 w 32"/>
                            <a:gd name="T27" fmla="*/ 1 h 10"/>
                            <a:gd name="T28" fmla="*/ 28 w 32"/>
                            <a:gd name="T29" fmla="*/ 1 h 10"/>
                            <a:gd name="T30" fmla="*/ 32 w 32"/>
                            <a:gd name="T31" fmla="*/ 0 h 10"/>
                            <a:gd name="T32" fmla="*/ 32 w 32"/>
                            <a:gd name="T33" fmla="*/ 1 h 10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</a:cxnLst>
                          <a:rect l="0" t="0" r="r" b="b"/>
                          <a:pathLst>
                            <a:path w="32" h="10">
                              <a:moveTo>
                                <a:pt x="32" y="1"/>
                              </a:moveTo>
                              <a:lnTo>
                                <a:pt x="29" y="6"/>
                              </a:lnTo>
                              <a:lnTo>
                                <a:pt x="23" y="10"/>
                              </a:lnTo>
                              <a:lnTo>
                                <a:pt x="15" y="10"/>
                              </a:lnTo>
                              <a:lnTo>
                                <a:pt x="7" y="9"/>
                              </a:lnTo>
                              <a:lnTo>
                                <a:pt x="0" y="5"/>
                              </a:lnTo>
                              <a:lnTo>
                                <a:pt x="2" y="2"/>
                              </a:lnTo>
                              <a:lnTo>
                                <a:pt x="4" y="1"/>
                              </a:lnTo>
                              <a:lnTo>
                                <a:pt x="7" y="0"/>
                              </a:lnTo>
                              <a:lnTo>
                                <a:pt x="8" y="0"/>
                              </a:lnTo>
                              <a:lnTo>
                                <a:pt x="11" y="0"/>
                              </a:lnTo>
                              <a:lnTo>
                                <a:pt x="14" y="1"/>
                              </a:lnTo>
                              <a:lnTo>
                                <a:pt x="19" y="1"/>
                              </a:lnTo>
                              <a:lnTo>
                                <a:pt x="23" y="1"/>
                              </a:lnTo>
                              <a:lnTo>
                                <a:pt x="28" y="1"/>
                              </a:lnTo>
                              <a:lnTo>
                                <a:pt x="32" y="0"/>
                              </a:lnTo>
                              <a:lnTo>
                                <a:pt x="32" y="1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298" name="Freeform 141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4632688" y="5208500"/>
                          <a:ext cx="25227" cy="10812"/>
                        </a:xfrm>
                        <a:custGeom>
                          <a:avLst/>
                          <a:gdLst>
                            <a:gd name="T0" fmla="*/ 21 w 21"/>
                            <a:gd name="T1" fmla="*/ 6 h 9"/>
                            <a:gd name="T2" fmla="*/ 21 w 21"/>
                            <a:gd name="T3" fmla="*/ 7 h 9"/>
                            <a:gd name="T4" fmla="*/ 20 w 21"/>
                            <a:gd name="T5" fmla="*/ 9 h 9"/>
                            <a:gd name="T6" fmla="*/ 16 w 21"/>
                            <a:gd name="T7" fmla="*/ 9 h 9"/>
                            <a:gd name="T8" fmla="*/ 13 w 21"/>
                            <a:gd name="T9" fmla="*/ 9 h 9"/>
                            <a:gd name="T10" fmla="*/ 11 w 21"/>
                            <a:gd name="T11" fmla="*/ 7 h 9"/>
                            <a:gd name="T12" fmla="*/ 8 w 21"/>
                            <a:gd name="T13" fmla="*/ 6 h 9"/>
                            <a:gd name="T14" fmla="*/ 5 w 21"/>
                            <a:gd name="T15" fmla="*/ 5 h 9"/>
                            <a:gd name="T16" fmla="*/ 4 w 21"/>
                            <a:gd name="T17" fmla="*/ 5 h 9"/>
                            <a:gd name="T18" fmla="*/ 1 w 21"/>
                            <a:gd name="T19" fmla="*/ 5 h 9"/>
                            <a:gd name="T20" fmla="*/ 0 w 21"/>
                            <a:gd name="T21" fmla="*/ 4 h 9"/>
                            <a:gd name="T22" fmla="*/ 1 w 21"/>
                            <a:gd name="T23" fmla="*/ 2 h 9"/>
                            <a:gd name="T24" fmla="*/ 3 w 21"/>
                            <a:gd name="T25" fmla="*/ 1 h 9"/>
                            <a:gd name="T26" fmla="*/ 5 w 21"/>
                            <a:gd name="T27" fmla="*/ 1 h 9"/>
                            <a:gd name="T28" fmla="*/ 8 w 21"/>
                            <a:gd name="T29" fmla="*/ 0 h 9"/>
                            <a:gd name="T30" fmla="*/ 11 w 21"/>
                            <a:gd name="T31" fmla="*/ 0 h 9"/>
                            <a:gd name="T32" fmla="*/ 14 w 21"/>
                            <a:gd name="T33" fmla="*/ 0 h 9"/>
                            <a:gd name="T34" fmla="*/ 18 w 21"/>
                            <a:gd name="T35" fmla="*/ 1 h 9"/>
                            <a:gd name="T36" fmla="*/ 21 w 21"/>
                            <a:gd name="T37" fmla="*/ 4 h 9"/>
                            <a:gd name="T38" fmla="*/ 21 w 21"/>
                            <a:gd name="T39" fmla="*/ 6 h 9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  <a:cxn ang="0">
                              <a:pos x="T34" y="T35"/>
                            </a:cxn>
                            <a:cxn ang="0">
                              <a:pos x="T36" y="T37"/>
                            </a:cxn>
                            <a:cxn ang="0">
                              <a:pos x="T38" y="T39"/>
                            </a:cxn>
                          </a:cxnLst>
                          <a:rect l="0" t="0" r="r" b="b"/>
                          <a:pathLst>
                            <a:path w="21" h="9">
                              <a:moveTo>
                                <a:pt x="21" y="6"/>
                              </a:moveTo>
                              <a:lnTo>
                                <a:pt x="21" y="7"/>
                              </a:lnTo>
                              <a:lnTo>
                                <a:pt x="20" y="9"/>
                              </a:lnTo>
                              <a:lnTo>
                                <a:pt x="16" y="9"/>
                              </a:lnTo>
                              <a:lnTo>
                                <a:pt x="13" y="9"/>
                              </a:lnTo>
                              <a:lnTo>
                                <a:pt x="11" y="7"/>
                              </a:lnTo>
                              <a:lnTo>
                                <a:pt x="8" y="6"/>
                              </a:lnTo>
                              <a:lnTo>
                                <a:pt x="5" y="5"/>
                              </a:lnTo>
                              <a:lnTo>
                                <a:pt x="4" y="5"/>
                              </a:lnTo>
                              <a:lnTo>
                                <a:pt x="1" y="5"/>
                              </a:lnTo>
                              <a:lnTo>
                                <a:pt x="0" y="4"/>
                              </a:lnTo>
                              <a:lnTo>
                                <a:pt x="1" y="2"/>
                              </a:lnTo>
                              <a:lnTo>
                                <a:pt x="3" y="1"/>
                              </a:lnTo>
                              <a:lnTo>
                                <a:pt x="5" y="1"/>
                              </a:lnTo>
                              <a:lnTo>
                                <a:pt x="8" y="0"/>
                              </a:lnTo>
                              <a:lnTo>
                                <a:pt x="11" y="0"/>
                              </a:lnTo>
                              <a:lnTo>
                                <a:pt x="14" y="0"/>
                              </a:lnTo>
                              <a:lnTo>
                                <a:pt x="18" y="1"/>
                              </a:lnTo>
                              <a:lnTo>
                                <a:pt x="21" y="4"/>
                              </a:lnTo>
                              <a:lnTo>
                                <a:pt x="21" y="6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299" name="Freeform 142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3962367" y="5230123"/>
                          <a:ext cx="31234" cy="24026"/>
                        </a:xfrm>
                        <a:custGeom>
                          <a:avLst/>
                          <a:gdLst>
                            <a:gd name="T0" fmla="*/ 24 w 26"/>
                            <a:gd name="T1" fmla="*/ 3 h 20"/>
                            <a:gd name="T2" fmla="*/ 24 w 26"/>
                            <a:gd name="T3" fmla="*/ 4 h 20"/>
                            <a:gd name="T4" fmla="*/ 24 w 26"/>
                            <a:gd name="T5" fmla="*/ 5 h 20"/>
                            <a:gd name="T6" fmla="*/ 25 w 26"/>
                            <a:gd name="T7" fmla="*/ 6 h 20"/>
                            <a:gd name="T8" fmla="*/ 25 w 26"/>
                            <a:gd name="T9" fmla="*/ 8 h 20"/>
                            <a:gd name="T10" fmla="*/ 25 w 26"/>
                            <a:gd name="T11" fmla="*/ 9 h 20"/>
                            <a:gd name="T12" fmla="*/ 25 w 26"/>
                            <a:gd name="T13" fmla="*/ 9 h 20"/>
                            <a:gd name="T14" fmla="*/ 25 w 26"/>
                            <a:gd name="T15" fmla="*/ 10 h 20"/>
                            <a:gd name="T16" fmla="*/ 25 w 26"/>
                            <a:gd name="T17" fmla="*/ 12 h 20"/>
                            <a:gd name="T18" fmla="*/ 26 w 26"/>
                            <a:gd name="T19" fmla="*/ 13 h 20"/>
                            <a:gd name="T20" fmla="*/ 26 w 26"/>
                            <a:gd name="T21" fmla="*/ 14 h 20"/>
                            <a:gd name="T22" fmla="*/ 26 w 26"/>
                            <a:gd name="T23" fmla="*/ 16 h 20"/>
                            <a:gd name="T24" fmla="*/ 26 w 26"/>
                            <a:gd name="T25" fmla="*/ 16 h 20"/>
                            <a:gd name="T26" fmla="*/ 26 w 26"/>
                            <a:gd name="T27" fmla="*/ 17 h 20"/>
                            <a:gd name="T28" fmla="*/ 26 w 26"/>
                            <a:gd name="T29" fmla="*/ 18 h 20"/>
                            <a:gd name="T30" fmla="*/ 26 w 26"/>
                            <a:gd name="T31" fmla="*/ 20 h 20"/>
                            <a:gd name="T32" fmla="*/ 17 w 26"/>
                            <a:gd name="T33" fmla="*/ 17 h 20"/>
                            <a:gd name="T34" fmla="*/ 8 w 26"/>
                            <a:gd name="T35" fmla="*/ 13 h 20"/>
                            <a:gd name="T36" fmla="*/ 3 w 26"/>
                            <a:gd name="T37" fmla="*/ 8 h 20"/>
                            <a:gd name="T38" fmla="*/ 0 w 26"/>
                            <a:gd name="T39" fmla="*/ 0 h 20"/>
                            <a:gd name="T40" fmla="*/ 2 w 26"/>
                            <a:gd name="T41" fmla="*/ 0 h 20"/>
                            <a:gd name="T42" fmla="*/ 3 w 26"/>
                            <a:gd name="T43" fmla="*/ 0 h 20"/>
                            <a:gd name="T44" fmla="*/ 4 w 26"/>
                            <a:gd name="T45" fmla="*/ 0 h 20"/>
                            <a:gd name="T46" fmla="*/ 5 w 26"/>
                            <a:gd name="T47" fmla="*/ 1 h 20"/>
                            <a:gd name="T48" fmla="*/ 8 w 26"/>
                            <a:gd name="T49" fmla="*/ 1 h 20"/>
                            <a:gd name="T50" fmla="*/ 9 w 26"/>
                            <a:gd name="T51" fmla="*/ 1 h 20"/>
                            <a:gd name="T52" fmla="*/ 11 w 26"/>
                            <a:gd name="T53" fmla="*/ 1 h 20"/>
                            <a:gd name="T54" fmla="*/ 12 w 26"/>
                            <a:gd name="T55" fmla="*/ 1 h 20"/>
                            <a:gd name="T56" fmla="*/ 13 w 26"/>
                            <a:gd name="T57" fmla="*/ 1 h 20"/>
                            <a:gd name="T58" fmla="*/ 15 w 26"/>
                            <a:gd name="T59" fmla="*/ 1 h 20"/>
                            <a:gd name="T60" fmla="*/ 16 w 26"/>
                            <a:gd name="T61" fmla="*/ 1 h 20"/>
                            <a:gd name="T62" fmla="*/ 17 w 26"/>
                            <a:gd name="T63" fmla="*/ 1 h 20"/>
                            <a:gd name="T64" fmla="*/ 20 w 26"/>
                            <a:gd name="T65" fmla="*/ 1 h 20"/>
                            <a:gd name="T66" fmla="*/ 21 w 26"/>
                            <a:gd name="T67" fmla="*/ 1 h 20"/>
                            <a:gd name="T68" fmla="*/ 23 w 26"/>
                            <a:gd name="T69" fmla="*/ 1 h 20"/>
                            <a:gd name="T70" fmla="*/ 24 w 26"/>
                            <a:gd name="T71" fmla="*/ 3 h 20"/>
                            <a:gd name="T72" fmla="*/ 24 w 26"/>
                            <a:gd name="T73" fmla="*/ 3 h 20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  <a:cxn ang="0">
                              <a:pos x="T34" y="T35"/>
                            </a:cxn>
                            <a:cxn ang="0">
                              <a:pos x="T36" y="T37"/>
                            </a:cxn>
                            <a:cxn ang="0">
                              <a:pos x="T38" y="T39"/>
                            </a:cxn>
                            <a:cxn ang="0">
                              <a:pos x="T40" y="T41"/>
                            </a:cxn>
                            <a:cxn ang="0">
                              <a:pos x="T42" y="T43"/>
                            </a:cxn>
                            <a:cxn ang="0">
                              <a:pos x="T44" y="T45"/>
                            </a:cxn>
                            <a:cxn ang="0">
                              <a:pos x="T46" y="T47"/>
                            </a:cxn>
                            <a:cxn ang="0">
                              <a:pos x="T48" y="T49"/>
                            </a:cxn>
                            <a:cxn ang="0">
                              <a:pos x="T50" y="T51"/>
                            </a:cxn>
                            <a:cxn ang="0">
                              <a:pos x="T52" y="T53"/>
                            </a:cxn>
                            <a:cxn ang="0">
                              <a:pos x="T54" y="T55"/>
                            </a:cxn>
                            <a:cxn ang="0">
                              <a:pos x="T56" y="T57"/>
                            </a:cxn>
                            <a:cxn ang="0">
                              <a:pos x="T58" y="T59"/>
                            </a:cxn>
                            <a:cxn ang="0">
                              <a:pos x="T60" y="T61"/>
                            </a:cxn>
                            <a:cxn ang="0">
                              <a:pos x="T62" y="T63"/>
                            </a:cxn>
                            <a:cxn ang="0">
                              <a:pos x="T64" y="T65"/>
                            </a:cxn>
                            <a:cxn ang="0">
                              <a:pos x="T66" y="T67"/>
                            </a:cxn>
                            <a:cxn ang="0">
                              <a:pos x="T68" y="T69"/>
                            </a:cxn>
                            <a:cxn ang="0">
                              <a:pos x="T70" y="T71"/>
                            </a:cxn>
                            <a:cxn ang="0">
                              <a:pos x="T72" y="T73"/>
                            </a:cxn>
                          </a:cxnLst>
                          <a:rect l="0" t="0" r="r" b="b"/>
                          <a:pathLst>
                            <a:path w="26" h="20">
                              <a:moveTo>
                                <a:pt x="24" y="3"/>
                              </a:moveTo>
                              <a:lnTo>
                                <a:pt x="24" y="4"/>
                              </a:lnTo>
                              <a:lnTo>
                                <a:pt x="24" y="5"/>
                              </a:lnTo>
                              <a:lnTo>
                                <a:pt x="25" y="6"/>
                              </a:lnTo>
                              <a:lnTo>
                                <a:pt x="25" y="8"/>
                              </a:lnTo>
                              <a:lnTo>
                                <a:pt x="25" y="9"/>
                              </a:lnTo>
                              <a:lnTo>
                                <a:pt x="25" y="9"/>
                              </a:lnTo>
                              <a:lnTo>
                                <a:pt x="25" y="10"/>
                              </a:lnTo>
                              <a:lnTo>
                                <a:pt x="25" y="12"/>
                              </a:lnTo>
                              <a:lnTo>
                                <a:pt x="26" y="13"/>
                              </a:lnTo>
                              <a:lnTo>
                                <a:pt x="26" y="14"/>
                              </a:lnTo>
                              <a:lnTo>
                                <a:pt x="26" y="16"/>
                              </a:lnTo>
                              <a:lnTo>
                                <a:pt x="26" y="16"/>
                              </a:lnTo>
                              <a:lnTo>
                                <a:pt x="26" y="17"/>
                              </a:lnTo>
                              <a:lnTo>
                                <a:pt x="26" y="18"/>
                              </a:lnTo>
                              <a:lnTo>
                                <a:pt x="26" y="20"/>
                              </a:lnTo>
                              <a:lnTo>
                                <a:pt x="17" y="17"/>
                              </a:lnTo>
                              <a:lnTo>
                                <a:pt x="8" y="13"/>
                              </a:lnTo>
                              <a:lnTo>
                                <a:pt x="3" y="8"/>
                              </a:lnTo>
                              <a:lnTo>
                                <a:pt x="0" y="0"/>
                              </a:lnTo>
                              <a:lnTo>
                                <a:pt x="2" y="0"/>
                              </a:lnTo>
                              <a:lnTo>
                                <a:pt x="3" y="0"/>
                              </a:lnTo>
                              <a:lnTo>
                                <a:pt x="4" y="0"/>
                              </a:lnTo>
                              <a:lnTo>
                                <a:pt x="5" y="1"/>
                              </a:lnTo>
                              <a:lnTo>
                                <a:pt x="8" y="1"/>
                              </a:lnTo>
                              <a:lnTo>
                                <a:pt x="9" y="1"/>
                              </a:lnTo>
                              <a:lnTo>
                                <a:pt x="11" y="1"/>
                              </a:lnTo>
                              <a:lnTo>
                                <a:pt x="12" y="1"/>
                              </a:lnTo>
                              <a:lnTo>
                                <a:pt x="13" y="1"/>
                              </a:lnTo>
                              <a:lnTo>
                                <a:pt x="15" y="1"/>
                              </a:lnTo>
                              <a:lnTo>
                                <a:pt x="16" y="1"/>
                              </a:lnTo>
                              <a:lnTo>
                                <a:pt x="17" y="1"/>
                              </a:lnTo>
                              <a:lnTo>
                                <a:pt x="20" y="1"/>
                              </a:lnTo>
                              <a:lnTo>
                                <a:pt x="21" y="1"/>
                              </a:lnTo>
                              <a:lnTo>
                                <a:pt x="23" y="1"/>
                              </a:lnTo>
                              <a:lnTo>
                                <a:pt x="24" y="3"/>
                              </a:lnTo>
                              <a:lnTo>
                                <a:pt x="24" y="3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300" name="Freeform 143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4770836" y="5240935"/>
                          <a:ext cx="99707" cy="34837"/>
                        </a:xfrm>
                        <a:custGeom>
                          <a:avLst/>
                          <a:gdLst>
                            <a:gd name="T0" fmla="*/ 83 w 83"/>
                            <a:gd name="T1" fmla="*/ 17 h 29"/>
                            <a:gd name="T2" fmla="*/ 83 w 83"/>
                            <a:gd name="T3" fmla="*/ 18 h 29"/>
                            <a:gd name="T4" fmla="*/ 83 w 83"/>
                            <a:gd name="T5" fmla="*/ 20 h 29"/>
                            <a:gd name="T6" fmla="*/ 81 w 83"/>
                            <a:gd name="T7" fmla="*/ 21 h 29"/>
                            <a:gd name="T8" fmla="*/ 54 w 83"/>
                            <a:gd name="T9" fmla="*/ 20 h 29"/>
                            <a:gd name="T10" fmla="*/ 26 w 83"/>
                            <a:gd name="T11" fmla="*/ 20 h 29"/>
                            <a:gd name="T12" fmla="*/ 15 w 83"/>
                            <a:gd name="T13" fmla="*/ 22 h 29"/>
                            <a:gd name="T14" fmla="*/ 6 w 83"/>
                            <a:gd name="T15" fmla="*/ 26 h 29"/>
                            <a:gd name="T16" fmla="*/ 2 w 83"/>
                            <a:gd name="T17" fmla="*/ 29 h 29"/>
                            <a:gd name="T18" fmla="*/ 2 w 83"/>
                            <a:gd name="T19" fmla="*/ 28 h 29"/>
                            <a:gd name="T20" fmla="*/ 0 w 83"/>
                            <a:gd name="T21" fmla="*/ 25 h 29"/>
                            <a:gd name="T22" fmla="*/ 0 w 83"/>
                            <a:gd name="T23" fmla="*/ 22 h 29"/>
                            <a:gd name="T24" fmla="*/ 0 w 83"/>
                            <a:gd name="T25" fmla="*/ 21 h 29"/>
                            <a:gd name="T26" fmla="*/ 0 w 83"/>
                            <a:gd name="T27" fmla="*/ 18 h 29"/>
                            <a:gd name="T28" fmla="*/ 0 w 83"/>
                            <a:gd name="T29" fmla="*/ 16 h 29"/>
                            <a:gd name="T30" fmla="*/ 0 w 83"/>
                            <a:gd name="T31" fmla="*/ 14 h 29"/>
                            <a:gd name="T32" fmla="*/ 0 w 83"/>
                            <a:gd name="T33" fmla="*/ 12 h 29"/>
                            <a:gd name="T34" fmla="*/ 11 w 83"/>
                            <a:gd name="T35" fmla="*/ 7 h 29"/>
                            <a:gd name="T36" fmla="*/ 24 w 83"/>
                            <a:gd name="T37" fmla="*/ 3 h 29"/>
                            <a:gd name="T38" fmla="*/ 41 w 83"/>
                            <a:gd name="T39" fmla="*/ 0 h 29"/>
                            <a:gd name="T40" fmla="*/ 59 w 83"/>
                            <a:gd name="T41" fmla="*/ 0 h 29"/>
                            <a:gd name="T42" fmla="*/ 72 w 83"/>
                            <a:gd name="T43" fmla="*/ 3 h 29"/>
                            <a:gd name="T44" fmla="*/ 80 w 83"/>
                            <a:gd name="T45" fmla="*/ 7 h 29"/>
                            <a:gd name="T46" fmla="*/ 83 w 83"/>
                            <a:gd name="T47" fmla="*/ 12 h 29"/>
                            <a:gd name="T48" fmla="*/ 83 w 83"/>
                            <a:gd name="T49" fmla="*/ 17 h 29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  <a:cxn ang="0">
                              <a:pos x="T34" y="T35"/>
                            </a:cxn>
                            <a:cxn ang="0">
                              <a:pos x="T36" y="T37"/>
                            </a:cxn>
                            <a:cxn ang="0">
                              <a:pos x="T38" y="T39"/>
                            </a:cxn>
                            <a:cxn ang="0">
                              <a:pos x="T40" y="T41"/>
                            </a:cxn>
                            <a:cxn ang="0">
                              <a:pos x="T42" y="T43"/>
                            </a:cxn>
                            <a:cxn ang="0">
                              <a:pos x="T44" y="T45"/>
                            </a:cxn>
                            <a:cxn ang="0">
                              <a:pos x="T46" y="T47"/>
                            </a:cxn>
                            <a:cxn ang="0">
                              <a:pos x="T48" y="T49"/>
                            </a:cxn>
                          </a:cxnLst>
                          <a:rect l="0" t="0" r="r" b="b"/>
                          <a:pathLst>
                            <a:path w="83" h="29">
                              <a:moveTo>
                                <a:pt x="83" y="17"/>
                              </a:moveTo>
                              <a:lnTo>
                                <a:pt x="83" y="18"/>
                              </a:lnTo>
                              <a:lnTo>
                                <a:pt x="83" y="20"/>
                              </a:lnTo>
                              <a:lnTo>
                                <a:pt x="81" y="21"/>
                              </a:lnTo>
                              <a:lnTo>
                                <a:pt x="54" y="20"/>
                              </a:lnTo>
                              <a:lnTo>
                                <a:pt x="26" y="20"/>
                              </a:lnTo>
                              <a:lnTo>
                                <a:pt x="15" y="22"/>
                              </a:lnTo>
                              <a:lnTo>
                                <a:pt x="6" y="26"/>
                              </a:lnTo>
                              <a:lnTo>
                                <a:pt x="2" y="29"/>
                              </a:lnTo>
                              <a:lnTo>
                                <a:pt x="2" y="28"/>
                              </a:lnTo>
                              <a:lnTo>
                                <a:pt x="0" y="25"/>
                              </a:lnTo>
                              <a:lnTo>
                                <a:pt x="0" y="22"/>
                              </a:lnTo>
                              <a:lnTo>
                                <a:pt x="0" y="21"/>
                              </a:lnTo>
                              <a:lnTo>
                                <a:pt x="0" y="18"/>
                              </a:lnTo>
                              <a:lnTo>
                                <a:pt x="0" y="16"/>
                              </a:lnTo>
                              <a:lnTo>
                                <a:pt x="0" y="14"/>
                              </a:lnTo>
                              <a:lnTo>
                                <a:pt x="0" y="12"/>
                              </a:lnTo>
                              <a:lnTo>
                                <a:pt x="11" y="7"/>
                              </a:lnTo>
                              <a:lnTo>
                                <a:pt x="24" y="3"/>
                              </a:lnTo>
                              <a:lnTo>
                                <a:pt x="41" y="0"/>
                              </a:lnTo>
                              <a:lnTo>
                                <a:pt x="59" y="0"/>
                              </a:lnTo>
                              <a:lnTo>
                                <a:pt x="72" y="3"/>
                              </a:lnTo>
                              <a:lnTo>
                                <a:pt x="80" y="7"/>
                              </a:lnTo>
                              <a:lnTo>
                                <a:pt x="83" y="12"/>
                              </a:lnTo>
                              <a:lnTo>
                                <a:pt x="83" y="17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301" name="Freeform 144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4697558" y="5260156"/>
                          <a:ext cx="51656" cy="27630"/>
                        </a:xfrm>
                        <a:custGeom>
                          <a:avLst/>
                          <a:gdLst>
                            <a:gd name="T0" fmla="*/ 42 w 43"/>
                            <a:gd name="T1" fmla="*/ 13 h 23"/>
                            <a:gd name="T2" fmla="*/ 34 w 43"/>
                            <a:gd name="T3" fmla="*/ 19 h 23"/>
                            <a:gd name="T4" fmla="*/ 23 w 43"/>
                            <a:gd name="T5" fmla="*/ 23 h 23"/>
                            <a:gd name="T6" fmla="*/ 12 w 43"/>
                            <a:gd name="T7" fmla="*/ 22 h 23"/>
                            <a:gd name="T8" fmla="*/ 0 w 43"/>
                            <a:gd name="T9" fmla="*/ 17 h 23"/>
                            <a:gd name="T10" fmla="*/ 0 w 43"/>
                            <a:gd name="T11" fmla="*/ 14 h 23"/>
                            <a:gd name="T12" fmla="*/ 1 w 43"/>
                            <a:gd name="T13" fmla="*/ 10 h 23"/>
                            <a:gd name="T14" fmla="*/ 2 w 43"/>
                            <a:gd name="T15" fmla="*/ 8 h 23"/>
                            <a:gd name="T16" fmla="*/ 4 w 43"/>
                            <a:gd name="T17" fmla="*/ 5 h 23"/>
                            <a:gd name="T18" fmla="*/ 6 w 43"/>
                            <a:gd name="T19" fmla="*/ 2 h 23"/>
                            <a:gd name="T20" fmla="*/ 10 w 43"/>
                            <a:gd name="T21" fmla="*/ 1 h 23"/>
                            <a:gd name="T22" fmla="*/ 14 w 43"/>
                            <a:gd name="T23" fmla="*/ 0 h 23"/>
                            <a:gd name="T24" fmla="*/ 27 w 43"/>
                            <a:gd name="T25" fmla="*/ 2 h 23"/>
                            <a:gd name="T26" fmla="*/ 38 w 43"/>
                            <a:gd name="T27" fmla="*/ 8 h 23"/>
                            <a:gd name="T28" fmla="*/ 43 w 43"/>
                            <a:gd name="T29" fmla="*/ 12 h 23"/>
                            <a:gd name="T30" fmla="*/ 42 w 43"/>
                            <a:gd name="T31" fmla="*/ 13 h 23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</a:cxnLst>
                          <a:rect l="0" t="0" r="r" b="b"/>
                          <a:pathLst>
                            <a:path w="43" h="23">
                              <a:moveTo>
                                <a:pt x="42" y="13"/>
                              </a:moveTo>
                              <a:lnTo>
                                <a:pt x="34" y="19"/>
                              </a:lnTo>
                              <a:lnTo>
                                <a:pt x="23" y="23"/>
                              </a:lnTo>
                              <a:lnTo>
                                <a:pt x="12" y="22"/>
                              </a:lnTo>
                              <a:lnTo>
                                <a:pt x="0" y="17"/>
                              </a:lnTo>
                              <a:lnTo>
                                <a:pt x="0" y="14"/>
                              </a:lnTo>
                              <a:lnTo>
                                <a:pt x="1" y="10"/>
                              </a:lnTo>
                              <a:lnTo>
                                <a:pt x="2" y="8"/>
                              </a:lnTo>
                              <a:lnTo>
                                <a:pt x="4" y="5"/>
                              </a:lnTo>
                              <a:lnTo>
                                <a:pt x="6" y="2"/>
                              </a:lnTo>
                              <a:lnTo>
                                <a:pt x="10" y="1"/>
                              </a:lnTo>
                              <a:lnTo>
                                <a:pt x="14" y="0"/>
                              </a:lnTo>
                              <a:lnTo>
                                <a:pt x="27" y="2"/>
                              </a:lnTo>
                              <a:lnTo>
                                <a:pt x="38" y="8"/>
                              </a:lnTo>
                              <a:lnTo>
                                <a:pt x="43" y="12"/>
                              </a:lnTo>
                              <a:lnTo>
                                <a:pt x="42" y="13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302" name="Freeform 145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5518040" y="5147234"/>
                          <a:ext cx="177791" cy="108116"/>
                        </a:xfrm>
                        <a:custGeom>
                          <a:avLst/>
                          <a:gdLst>
                            <a:gd name="T0" fmla="*/ 144 w 148"/>
                            <a:gd name="T1" fmla="*/ 15 h 90"/>
                            <a:gd name="T2" fmla="*/ 142 w 148"/>
                            <a:gd name="T3" fmla="*/ 20 h 90"/>
                            <a:gd name="T4" fmla="*/ 135 w 148"/>
                            <a:gd name="T5" fmla="*/ 30 h 90"/>
                            <a:gd name="T6" fmla="*/ 125 w 148"/>
                            <a:gd name="T7" fmla="*/ 40 h 90"/>
                            <a:gd name="T8" fmla="*/ 113 w 148"/>
                            <a:gd name="T9" fmla="*/ 52 h 90"/>
                            <a:gd name="T10" fmla="*/ 96 w 148"/>
                            <a:gd name="T11" fmla="*/ 65 h 90"/>
                            <a:gd name="T12" fmla="*/ 78 w 148"/>
                            <a:gd name="T13" fmla="*/ 75 h 90"/>
                            <a:gd name="T14" fmla="*/ 54 w 148"/>
                            <a:gd name="T15" fmla="*/ 85 h 90"/>
                            <a:gd name="T16" fmla="*/ 29 w 148"/>
                            <a:gd name="T17" fmla="*/ 90 h 90"/>
                            <a:gd name="T18" fmla="*/ 0 w 148"/>
                            <a:gd name="T19" fmla="*/ 90 h 90"/>
                            <a:gd name="T20" fmla="*/ 2 w 148"/>
                            <a:gd name="T21" fmla="*/ 87 h 90"/>
                            <a:gd name="T22" fmla="*/ 3 w 148"/>
                            <a:gd name="T23" fmla="*/ 82 h 90"/>
                            <a:gd name="T24" fmla="*/ 7 w 148"/>
                            <a:gd name="T25" fmla="*/ 75 h 90"/>
                            <a:gd name="T26" fmla="*/ 12 w 148"/>
                            <a:gd name="T27" fmla="*/ 70 h 90"/>
                            <a:gd name="T28" fmla="*/ 19 w 148"/>
                            <a:gd name="T29" fmla="*/ 68 h 90"/>
                            <a:gd name="T30" fmla="*/ 20 w 148"/>
                            <a:gd name="T31" fmla="*/ 69 h 90"/>
                            <a:gd name="T32" fmla="*/ 21 w 148"/>
                            <a:gd name="T33" fmla="*/ 72 h 90"/>
                            <a:gd name="T34" fmla="*/ 20 w 148"/>
                            <a:gd name="T35" fmla="*/ 74 h 90"/>
                            <a:gd name="T36" fmla="*/ 20 w 148"/>
                            <a:gd name="T37" fmla="*/ 77 h 90"/>
                            <a:gd name="T38" fmla="*/ 20 w 148"/>
                            <a:gd name="T39" fmla="*/ 79 h 90"/>
                            <a:gd name="T40" fmla="*/ 21 w 148"/>
                            <a:gd name="T41" fmla="*/ 79 h 90"/>
                            <a:gd name="T42" fmla="*/ 25 w 148"/>
                            <a:gd name="T43" fmla="*/ 77 h 90"/>
                            <a:gd name="T44" fmla="*/ 29 w 148"/>
                            <a:gd name="T45" fmla="*/ 73 h 90"/>
                            <a:gd name="T46" fmla="*/ 34 w 148"/>
                            <a:gd name="T47" fmla="*/ 69 h 90"/>
                            <a:gd name="T48" fmla="*/ 40 w 148"/>
                            <a:gd name="T49" fmla="*/ 65 h 90"/>
                            <a:gd name="T50" fmla="*/ 42 w 148"/>
                            <a:gd name="T51" fmla="*/ 64 h 90"/>
                            <a:gd name="T52" fmla="*/ 45 w 148"/>
                            <a:gd name="T53" fmla="*/ 62 h 90"/>
                            <a:gd name="T54" fmla="*/ 51 w 148"/>
                            <a:gd name="T55" fmla="*/ 60 h 90"/>
                            <a:gd name="T56" fmla="*/ 62 w 148"/>
                            <a:gd name="T57" fmla="*/ 57 h 90"/>
                            <a:gd name="T58" fmla="*/ 78 w 148"/>
                            <a:gd name="T59" fmla="*/ 53 h 90"/>
                            <a:gd name="T60" fmla="*/ 78 w 148"/>
                            <a:gd name="T61" fmla="*/ 53 h 90"/>
                            <a:gd name="T62" fmla="*/ 79 w 148"/>
                            <a:gd name="T63" fmla="*/ 53 h 90"/>
                            <a:gd name="T64" fmla="*/ 88 w 148"/>
                            <a:gd name="T65" fmla="*/ 47 h 90"/>
                            <a:gd name="T66" fmla="*/ 96 w 148"/>
                            <a:gd name="T67" fmla="*/ 39 h 90"/>
                            <a:gd name="T68" fmla="*/ 105 w 148"/>
                            <a:gd name="T69" fmla="*/ 34 h 90"/>
                            <a:gd name="T70" fmla="*/ 105 w 148"/>
                            <a:gd name="T71" fmla="*/ 32 h 90"/>
                            <a:gd name="T72" fmla="*/ 104 w 148"/>
                            <a:gd name="T73" fmla="*/ 30 h 90"/>
                            <a:gd name="T74" fmla="*/ 101 w 148"/>
                            <a:gd name="T75" fmla="*/ 28 h 90"/>
                            <a:gd name="T76" fmla="*/ 100 w 148"/>
                            <a:gd name="T77" fmla="*/ 27 h 90"/>
                            <a:gd name="T78" fmla="*/ 100 w 148"/>
                            <a:gd name="T79" fmla="*/ 26 h 90"/>
                            <a:gd name="T80" fmla="*/ 101 w 148"/>
                            <a:gd name="T81" fmla="*/ 23 h 90"/>
                            <a:gd name="T82" fmla="*/ 102 w 148"/>
                            <a:gd name="T83" fmla="*/ 22 h 90"/>
                            <a:gd name="T84" fmla="*/ 108 w 148"/>
                            <a:gd name="T85" fmla="*/ 18 h 90"/>
                            <a:gd name="T86" fmla="*/ 117 w 148"/>
                            <a:gd name="T87" fmla="*/ 11 h 90"/>
                            <a:gd name="T88" fmla="*/ 127 w 148"/>
                            <a:gd name="T89" fmla="*/ 5 h 90"/>
                            <a:gd name="T90" fmla="*/ 139 w 148"/>
                            <a:gd name="T91" fmla="*/ 1 h 90"/>
                            <a:gd name="T92" fmla="*/ 140 w 148"/>
                            <a:gd name="T93" fmla="*/ 0 h 90"/>
                            <a:gd name="T94" fmla="*/ 142 w 148"/>
                            <a:gd name="T95" fmla="*/ 0 h 90"/>
                            <a:gd name="T96" fmla="*/ 144 w 148"/>
                            <a:gd name="T97" fmla="*/ 0 h 90"/>
                            <a:gd name="T98" fmla="*/ 146 w 148"/>
                            <a:gd name="T99" fmla="*/ 2 h 90"/>
                            <a:gd name="T100" fmla="*/ 147 w 148"/>
                            <a:gd name="T101" fmla="*/ 6 h 90"/>
                            <a:gd name="T102" fmla="*/ 148 w 148"/>
                            <a:gd name="T103" fmla="*/ 9 h 90"/>
                            <a:gd name="T104" fmla="*/ 147 w 148"/>
                            <a:gd name="T105" fmla="*/ 13 h 90"/>
                            <a:gd name="T106" fmla="*/ 144 w 148"/>
                            <a:gd name="T107" fmla="*/ 15 h 90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  <a:cxn ang="0">
                              <a:pos x="T34" y="T35"/>
                            </a:cxn>
                            <a:cxn ang="0">
                              <a:pos x="T36" y="T37"/>
                            </a:cxn>
                            <a:cxn ang="0">
                              <a:pos x="T38" y="T39"/>
                            </a:cxn>
                            <a:cxn ang="0">
                              <a:pos x="T40" y="T41"/>
                            </a:cxn>
                            <a:cxn ang="0">
                              <a:pos x="T42" y="T43"/>
                            </a:cxn>
                            <a:cxn ang="0">
                              <a:pos x="T44" y="T45"/>
                            </a:cxn>
                            <a:cxn ang="0">
                              <a:pos x="T46" y="T47"/>
                            </a:cxn>
                            <a:cxn ang="0">
                              <a:pos x="T48" y="T49"/>
                            </a:cxn>
                            <a:cxn ang="0">
                              <a:pos x="T50" y="T51"/>
                            </a:cxn>
                            <a:cxn ang="0">
                              <a:pos x="T52" y="T53"/>
                            </a:cxn>
                            <a:cxn ang="0">
                              <a:pos x="T54" y="T55"/>
                            </a:cxn>
                            <a:cxn ang="0">
                              <a:pos x="T56" y="T57"/>
                            </a:cxn>
                            <a:cxn ang="0">
                              <a:pos x="T58" y="T59"/>
                            </a:cxn>
                            <a:cxn ang="0">
                              <a:pos x="T60" y="T61"/>
                            </a:cxn>
                            <a:cxn ang="0">
                              <a:pos x="T62" y="T63"/>
                            </a:cxn>
                            <a:cxn ang="0">
                              <a:pos x="T64" y="T65"/>
                            </a:cxn>
                            <a:cxn ang="0">
                              <a:pos x="T66" y="T67"/>
                            </a:cxn>
                            <a:cxn ang="0">
                              <a:pos x="T68" y="T69"/>
                            </a:cxn>
                            <a:cxn ang="0">
                              <a:pos x="T70" y="T71"/>
                            </a:cxn>
                            <a:cxn ang="0">
                              <a:pos x="T72" y="T73"/>
                            </a:cxn>
                            <a:cxn ang="0">
                              <a:pos x="T74" y="T75"/>
                            </a:cxn>
                            <a:cxn ang="0">
                              <a:pos x="T76" y="T77"/>
                            </a:cxn>
                            <a:cxn ang="0">
                              <a:pos x="T78" y="T79"/>
                            </a:cxn>
                            <a:cxn ang="0">
                              <a:pos x="T80" y="T81"/>
                            </a:cxn>
                            <a:cxn ang="0">
                              <a:pos x="T82" y="T83"/>
                            </a:cxn>
                            <a:cxn ang="0">
                              <a:pos x="T84" y="T85"/>
                            </a:cxn>
                            <a:cxn ang="0">
                              <a:pos x="T86" y="T87"/>
                            </a:cxn>
                            <a:cxn ang="0">
                              <a:pos x="T88" y="T89"/>
                            </a:cxn>
                            <a:cxn ang="0">
                              <a:pos x="T90" y="T91"/>
                            </a:cxn>
                            <a:cxn ang="0">
                              <a:pos x="T92" y="T93"/>
                            </a:cxn>
                            <a:cxn ang="0">
                              <a:pos x="T94" y="T95"/>
                            </a:cxn>
                            <a:cxn ang="0">
                              <a:pos x="T96" y="T97"/>
                            </a:cxn>
                            <a:cxn ang="0">
                              <a:pos x="T98" y="T99"/>
                            </a:cxn>
                            <a:cxn ang="0">
                              <a:pos x="T100" y="T101"/>
                            </a:cxn>
                            <a:cxn ang="0">
                              <a:pos x="T102" y="T103"/>
                            </a:cxn>
                            <a:cxn ang="0">
                              <a:pos x="T104" y="T105"/>
                            </a:cxn>
                            <a:cxn ang="0">
                              <a:pos x="T106" y="T107"/>
                            </a:cxn>
                          </a:cxnLst>
                          <a:rect l="0" t="0" r="r" b="b"/>
                          <a:pathLst>
                            <a:path w="148" h="90">
                              <a:moveTo>
                                <a:pt x="144" y="15"/>
                              </a:moveTo>
                              <a:lnTo>
                                <a:pt x="142" y="20"/>
                              </a:lnTo>
                              <a:lnTo>
                                <a:pt x="135" y="30"/>
                              </a:lnTo>
                              <a:lnTo>
                                <a:pt x="125" y="40"/>
                              </a:lnTo>
                              <a:lnTo>
                                <a:pt x="113" y="52"/>
                              </a:lnTo>
                              <a:lnTo>
                                <a:pt x="96" y="65"/>
                              </a:lnTo>
                              <a:lnTo>
                                <a:pt x="78" y="75"/>
                              </a:lnTo>
                              <a:lnTo>
                                <a:pt x="54" y="85"/>
                              </a:lnTo>
                              <a:lnTo>
                                <a:pt x="29" y="90"/>
                              </a:lnTo>
                              <a:lnTo>
                                <a:pt x="0" y="90"/>
                              </a:lnTo>
                              <a:lnTo>
                                <a:pt x="2" y="87"/>
                              </a:lnTo>
                              <a:lnTo>
                                <a:pt x="3" y="82"/>
                              </a:lnTo>
                              <a:lnTo>
                                <a:pt x="7" y="75"/>
                              </a:lnTo>
                              <a:lnTo>
                                <a:pt x="12" y="70"/>
                              </a:lnTo>
                              <a:lnTo>
                                <a:pt x="19" y="68"/>
                              </a:lnTo>
                              <a:lnTo>
                                <a:pt x="20" y="69"/>
                              </a:lnTo>
                              <a:lnTo>
                                <a:pt x="21" y="72"/>
                              </a:lnTo>
                              <a:lnTo>
                                <a:pt x="20" y="74"/>
                              </a:lnTo>
                              <a:lnTo>
                                <a:pt x="20" y="77"/>
                              </a:lnTo>
                              <a:lnTo>
                                <a:pt x="20" y="79"/>
                              </a:lnTo>
                              <a:lnTo>
                                <a:pt x="21" y="79"/>
                              </a:lnTo>
                              <a:lnTo>
                                <a:pt x="25" y="77"/>
                              </a:lnTo>
                              <a:lnTo>
                                <a:pt x="29" y="73"/>
                              </a:lnTo>
                              <a:lnTo>
                                <a:pt x="34" y="69"/>
                              </a:lnTo>
                              <a:lnTo>
                                <a:pt x="40" y="65"/>
                              </a:lnTo>
                              <a:lnTo>
                                <a:pt x="42" y="64"/>
                              </a:lnTo>
                              <a:lnTo>
                                <a:pt x="45" y="62"/>
                              </a:lnTo>
                              <a:lnTo>
                                <a:pt x="51" y="60"/>
                              </a:lnTo>
                              <a:lnTo>
                                <a:pt x="62" y="57"/>
                              </a:lnTo>
                              <a:lnTo>
                                <a:pt x="78" y="53"/>
                              </a:lnTo>
                              <a:lnTo>
                                <a:pt x="78" y="53"/>
                              </a:lnTo>
                              <a:lnTo>
                                <a:pt x="79" y="53"/>
                              </a:lnTo>
                              <a:lnTo>
                                <a:pt x="88" y="47"/>
                              </a:lnTo>
                              <a:lnTo>
                                <a:pt x="96" y="39"/>
                              </a:lnTo>
                              <a:lnTo>
                                <a:pt x="105" y="34"/>
                              </a:lnTo>
                              <a:lnTo>
                                <a:pt x="105" y="32"/>
                              </a:lnTo>
                              <a:lnTo>
                                <a:pt x="104" y="30"/>
                              </a:lnTo>
                              <a:lnTo>
                                <a:pt x="101" y="28"/>
                              </a:lnTo>
                              <a:lnTo>
                                <a:pt x="100" y="27"/>
                              </a:lnTo>
                              <a:lnTo>
                                <a:pt x="100" y="26"/>
                              </a:lnTo>
                              <a:lnTo>
                                <a:pt x="101" y="23"/>
                              </a:lnTo>
                              <a:lnTo>
                                <a:pt x="102" y="22"/>
                              </a:lnTo>
                              <a:lnTo>
                                <a:pt x="108" y="18"/>
                              </a:lnTo>
                              <a:lnTo>
                                <a:pt x="117" y="11"/>
                              </a:lnTo>
                              <a:lnTo>
                                <a:pt x="127" y="5"/>
                              </a:lnTo>
                              <a:lnTo>
                                <a:pt x="139" y="1"/>
                              </a:lnTo>
                              <a:lnTo>
                                <a:pt x="140" y="0"/>
                              </a:lnTo>
                              <a:lnTo>
                                <a:pt x="142" y="0"/>
                              </a:lnTo>
                              <a:lnTo>
                                <a:pt x="144" y="0"/>
                              </a:lnTo>
                              <a:lnTo>
                                <a:pt x="146" y="2"/>
                              </a:lnTo>
                              <a:lnTo>
                                <a:pt x="147" y="6"/>
                              </a:lnTo>
                              <a:lnTo>
                                <a:pt x="148" y="9"/>
                              </a:lnTo>
                              <a:lnTo>
                                <a:pt x="147" y="13"/>
                              </a:lnTo>
                              <a:lnTo>
                                <a:pt x="144" y="15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303" name="Freeform 146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5739078" y="5179669"/>
                          <a:ext cx="36039" cy="45649"/>
                        </a:xfrm>
                        <a:custGeom>
                          <a:avLst/>
                          <a:gdLst>
                            <a:gd name="T0" fmla="*/ 30 w 30"/>
                            <a:gd name="T1" fmla="*/ 28 h 38"/>
                            <a:gd name="T2" fmla="*/ 24 w 30"/>
                            <a:gd name="T3" fmla="*/ 29 h 38"/>
                            <a:gd name="T4" fmla="*/ 21 w 30"/>
                            <a:gd name="T5" fmla="*/ 31 h 38"/>
                            <a:gd name="T6" fmla="*/ 17 w 30"/>
                            <a:gd name="T7" fmla="*/ 34 h 38"/>
                            <a:gd name="T8" fmla="*/ 13 w 30"/>
                            <a:gd name="T9" fmla="*/ 37 h 38"/>
                            <a:gd name="T10" fmla="*/ 9 w 30"/>
                            <a:gd name="T11" fmla="*/ 38 h 38"/>
                            <a:gd name="T12" fmla="*/ 7 w 30"/>
                            <a:gd name="T13" fmla="*/ 33 h 38"/>
                            <a:gd name="T14" fmla="*/ 5 w 30"/>
                            <a:gd name="T15" fmla="*/ 28 h 38"/>
                            <a:gd name="T16" fmla="*/ 2 w 30"/>
                            <a:gd name="T17" fmla="*/ 22 h 38"/>
                            <a:gd name="T18" fmla="*/ 0 w 30"/>
                            <a:gd name="T19" fmla="*/ 17 h 38"/>
                            <a:gd name="T20" fmla="*/ 0 w 30"/>
                            <a:gd name="T21" fmla="*/ 12 h 38"/>
                            <a:gd name="T22" fmla="*/ 1 w 30"/>
                            <a:gd name="T23" fmla="*/ 7 h 38"/>
                            <a:gd name="T24" fmla="*/ 2 w 30"/>
                            <a:gd name="T25" fmla="*/ 0 h 38"/>
                            <a:gd name="T26" fmla="*/ 13 w 30"/>
                            <a:gd name="T27" fmla="*/ 8 h 38"/>
                            <a:gd name="T28" fmla="*/ 19 w 30"/>
                            <a:gd name="T29" fmla="*/ 14 h 38"/>
                            <a:gd name="T30" fmla="*/ 26 w 30"/>
                            <a:gd name="T31" fmla="*/ 20 h 38"/>
                            <a:gd name="T32" fmla="*/ 30 w 30"/>
                            <a:gd name="T33" fmla="*/ 28 h 38"/>
                            <a:gd name="T34" fmla="*/ 30 w 30"/>
                            <a:gd name="T35" fmla="*/ 28 h 38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  <a:cxn ang="0">
                              <a:pos x="T34" y="T35"/>
                            </a:cxn>
                          </a:cxnLst>
                          <a:rect l="0" t="0" r="r" b="b"/>
                          <a:pathLst>
                            <a:path w="30" h="38">
                              <a:moveTo>
                                <a:pt x="30" y="28"/>
                              </a:moveTo>
                              <a:lnTo>
                                <a:pt x="24" y="29"/>
                              </a:lnTo>
                              <a:lnTo>
                                <a:pt x="21" y="31"/>
                              </a:lnTo>
                              <a:lnTo>
                                <a:pt x="17" y="34"/>
                              </a:lnTo>
                              <a:lnTo>
                                <a:pt x="13" y="37"/>
                              </a:lnTo>
                              <a:lnTo>
                                <a:pt x="9" y="38"/>
                              </a:lnTo>
                              <a:lnTo>
                                <a:pt x="7" y="33"/>
                              </a:lnTo>
                              <a:lnTo>
                                <a:pt x="5" y="28"/>
                              </a:lnTo>
                              <a:lnTo>
                                <a:pt x="2" y="22"/>
                              </a:lnTo>
                              <a:lnTo>
                                <a:pt x="0" y="17"/>
                              </a:lnTo>
                              <a:lnTo>
                                <a:pt x="0" y="12"/>
                              </a:lnTo>
                              <a:lnTo>
                                <a:pt x="1" y="7"/>
                              </a:lnTo>
                              <a:lnTo>
                                <a:pt x="2" y="0"/>
                              </a:lnTo>
                              <a:lnTo>
                                <a:pt x="13" y="8"/>
                              </a:lnTo>
                              <a:lnTo>
                                <a:pt x="19" y="14"/>
                              </a:lnTo>
                              <a:lnTo>
                                <a:pt x="26" y="20"/>
                              </a:lnTo>
                              <a:lnTo>
                                <a:pt x="30" y="28"/>
                              </a:lnTo>
                              <a:lnTo>
                                <a:pt x="30" y="28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304" name="Freeform 147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5007491" y="5321422"/>
                          <a:ext cx="15617" cy="30032"/>
                        </a:xfrm>
                        <a:custGeom>
                          <a:avLst/>
                          <a:gdLst>
                            <a:gd name="T0" fmla="*/ 13 w 13"/>
                            <a:gd name="T1" fmla="*/ 17 h 25"/>
                            <a:gd name="T2" fmla="*/ 11 w 13"/>
                            <a:gd name="T3" fmla="*/ 21 h 25"/>
                            <a:gd name="T4" fmla="*/ 10 w 13"/>
                            <a:gd name="T5" fmla="*/ 23 h 25"/>
                            <a:gd name="T6" fmla="*/ 9 w 13"/>
                            <a:gd name="T7" fmla="*/ 25 h 25"/>
                            <a:gd name="T8" fmla="*/ 6 w 13"/>
                            <a:gd name="T9" fmla="*/ 25 h 25"/>
                            <a:gd name="T10" fmla="*/ 4 w 13"/>
                            <a:gd name="T11" fmla="*/ 25 h 25"/>
                            <a:gd name="T12" fmla="*/ 2 w 13"/>
                            <a:gd name="T13" fmla="*/ 25 h 25"/>
                            <a:gd name="T14" fmla="*/ 1 w 13"/>
                            <a:gd name="T15" fmla="*/ 23 h 25"/>
                            <a:gd name="T16" fmla="*/ 0 w 13"/>
                            <a:gd name="T17" fmla="*/ 21 h 25"/>
                            <a:gd name="T18" fmla="*/ 0 w 13"/>
                            <a:gd name="T19" fmla="*/ 19 h 25"/>
                            <a:gd name="T20" fmla="*/ 0 w 13"/>
                            <a:gd name="T21" fmla="*/ 18 h 25"/>
                            <a:gd name="T22" fmla="*/ 1 w 13"/>
                            <a:gd name="T23" fmla="*/ 13 h 25"/>
                            <a:gd name="T24" fmla="*/ 2 w 13"/>
                            <a:gd name="T25" fmla="*/ 6 h 25"/>
                            <a:gd name="T26" fmla="*/ 2 w 13"/>
                            <a:gd name="T27" fmla="*/ 4 h 25"/>
                            <a:gd name="T28" fmla="*/ 2 w 13"/>
                            <a:gd name="T29" fmla="*/ 2 h 25"/>
                            <a:gd name="T30" fmla="*/ 1 w 13"/>
                            <a:gd name="T31" fmla="*/ 1 h 25"/>
                            <a:gd name="T32" fmla="*/ 4 w 13"/>
                            <a:gd name="T33" fmla="*/ 1 h 25"/>
                            <a:gd name="T34" fmla="*/ 5 w 13"/>
                            <a:gd name="T35" fmla="*/ 1 h 25"/>
                            <a:gd name="T36" fmla="*/ 6 w 13"/>
                            <a:gd name="T37" fmla="*/ 1 h 25"/>
                            <a:gd name="T38" fmla="*/ 8 w 13"/>
                            <a:gd name="T39" fmla="*/ 1 h 25"/>
                            <a:gd name="T40" fmla="*/ 9 w 13"/>
                            <a:gd name="T41" fmla="*/ 1 h 25"/>
                            <a:gd name="T42" fmla="*/ 11 w 13"/>
                            <a:gd name="T43" fmla="*/ 0 h 25"/>
                            <a:gd name="T44" fmla="*/ 13 w 13"/>
                            <a:gd name="T45" fmla="*/ 0 h 25"/>
                            <a:gd name="T46" fmla="*/ 11 w 13"/>
                            <a:gd name="T47" fmla="*/ 6 h 25"/>
                            <a:gd name="T48" fmla="*/ 13 w 13"/>
                            <a:gd name="T49" fmla="*/ 12 h 25"/>
                            <a:gd name="T50" fmla="*/ 13 w 13"/>
                            <a:gd name="T51" fmla="*/ 17 h 25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  <a:cxn ang="0">
                              <a:pos x="T34" y="T35"/>
                            </a:cxn>
                            <a:cxn ang="0">
                              <a:pos x="T36" y="T37"/>
                            </a:cxn>
                            <a:cxn ang="0">
                              <a:pos x="T38" y="T39"/>
                            </a:cxn>
                            <a:cxn ang="0">
                              <a:pos x="T40" y="T41"/>
                            </a:cxn>
                            <a:cxn ang="0">
                              <a:pos x="T42" y="T43"/>
                            </a:cxn>
                            <a:cxn ang="0">
                              <a:pos x="T44" y="T45"/>
                            </a:cxn>
                            <a:cxn ang="0">
                              <a:pos x="T46" y="T47"/>
                            </a:cxn>
                            <a:cxn ang="0">
                              <a:pos x="T48" y="T49"/>
                            </a:cxn>
                            <a:cxn ang="0">
                              <a:pos x="T50" y="T51"/>
                            </a:cxn>
                          </a:cxnLst>
                          <a:rect l="0" t="0" r="r" b="b"/>
                          <a:pathLst>
                            <a:path w="13" h="25">
                              <a:moveTo>
                                <a:pt x="13" y="17"/>
                              </a:moveTo>
                              <a:lnTo>
                                <a:pt x="11" y="21"/>
                              </a:lnTo>
                              <a:lnTo>
                                <a:pt x="10" y="23"/>
                              </a:lnTo>
                              <a:lnTo>
                                <a:pt x="9" y="25"/>
                              </a:lnTo>
                              <a:lnTo>
                                <a:pt x="6" y="25"/>
                              </a:lnTo>
                              <a:lnTo>
                                <a:pt x="4" y="25"/>
                              </a:lnTo>
                              <a:lnTo>
                                <a:pt x="2" y="25"/>
                              </a:lnTo>
                              <a:lnTo>
                                <a:pt x="1" y="23"/>
                              </a:lnTo>
                              <a:lnTo>
                                <a:pt x="0" y="21"/>
                              </a:lnTo>
                              <a:lnTo>
                                <a:pt x="0" y="19"/>
                              </a:lnTo>
                              <a:lnTo>
                                <a:pt x="0" y="18"/>
                              </a:lnTo>
                              <a:lnTo>
                                <a:pt x="1" y="13"/>
                              </a:lnTo>
                              <a:lnTo>
                                <a:pt x="2" y="6"/>
                              </a:lnTo>
                              <a:lnTo>
                                <a:pt x="2" y="4"/>
                              </a:lnTo>
                              <a:lnTo>
                                <a:pt x="2" y="2"/>
                              </a:lnTo>
                              <a:lnTo>
                                <a:pt x="1" y="1"/>
                              </a:lnTo>
                              <a:lnTo>
                                <a:pt x="4" y="1"/>
                              </a:lnTo>
                              <a:lnTo>
                                <a:pt x="5" y="1"/>
                              </a:lnTo>
                              <a:lnTo>
                                <a:pt x="6" y="1"/>
                              </a:lnTo>
                              <a:lnTo>
                                <a:pt x="8" y="1"/>
                              </a:lnTo>
                              <a:lnTo>
                                <a:pt x="9" y="1"/>
                              </a:lnTo>
                              <a:lnTo>
                                <a:pt x="11" y="0"/>
                              </a:lnTo>
                              <a:lnTo>
                                <a:pt x="13" y="0"/>
                              </a:lnTo>
                              <a:lnTo>
                                <a:pt x="11" y="6"/>
                              </a:lnTo>
                              <a:lnTo>
                                <a:pt x="13" y="12"/>
                              </a:lnTo>
                              <a:lnTo>
                                <a:pt x="13" y="17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305" name="Freeform 148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3914315" y="5344246"/>
                          <a:ext cx="396426" cy="115324"/>
                        </a:xfrm>
                        <a:custGeom>
                          <a:avLst/>
                          <a:gdLst>
                            <a:gd name="T0" fmla="*/ 327 w 330"/>
                            <a:gd name="T1" fmla="*/ 82 h 96"/>
                            <a:gd name="T2" fmla="*/ 328 w 330"/>
                            <a:gd name="T3" fmla="*/ 87 h 96"/>
                            <a:gd name="T4" fmla="*/ 328 w 330"/>
                            <a:gd name="T5" fmla="*/ 91 h 96"/>
                            <a:gd name="T6" fmla="*/ 330 w 330"/>
                            <a:gd name="T7" fmla="*/ 96 h 96"/>
                            <a:gd name="T8" fmla="*/ 303 w 330"/>
                            <a:gd name="T9" fmla="*/ 89 h 96"/>
                            <a:gd name="T10" fmla="*/ 267 w 330"/>
                            <a:gd name="T11" fmla="*/ 86 h 96"/>
                            <a:gd name="T12" fmla="*/ 233 w 330"/>
                            <a:gd name="T13" fmla="*/ 84 h 96"/>
                            <a:gd name="T14" fmla="*/ 225 w 330"/>
                            <a:gd name="T15" fmla="*/ 84 h 96"/>
                            <a:gd name="T16" fmla="*/ 222 w 330"/>
                            <a:gd name="T17" fmla="*/ 82 h 96"/>
                            <a:gd name="T18" fmla="*/ 220 w 330"/>
                            <a:gd name="T19" fmla="*/ 78 h 96"/>
                            <a:gd name="T20" fmla="*/ 216 w 330"/>
                            <a:gd name="T21" fmla="*/ 76 h 96"/>
                            <a:gd name="T22" fmla="*/ 180 w 330"/>
                            <a:gd name="T23" fmla="*/ 74 h 96"/>
                            <a:gd name="T24" fmla="*/ 154 w 330"/>
                            <a:gd name="T25" fmla="*/ 67 h 96"/>
                            <a:gd name="T26" fmla="*/ 119 w 330"/>
                            <a:gd name="T27" fmla="*/ 57 h 96"/>
                            <a:gd name="T28" fmla="*/ 77 w 330"/>
                            <a:gd name="T29" fmla="*/ 53 h 96"/>
                            <a:gd name="T30" fmla="*/ 52 w 330"/>
                            <a:gd name="T31" fmla="*/ 46 h 96"/>
                            <a:gd name="T32" fmla="*/ 26 w 330"/>
                            <a:gd name="T33" fmla="*/ 37 h 96"/>
                            <a:gd name="T34" fmla="*/ 4 w 330"/>
                            <a:gd name="T35" fmla="*/ 21 h 96"/>
                            <a:gd name="T36" fmla="*/ 0 w 330"/>
                            <a:gd name="T37" fmla="*/ 10 h 96"/>
                            <a:gd name="T38" fmla="*/ 2 w 330"/>
                            <a:gd name="T39" fmla="*/ 3 h 96"/>
                            <a:gd name="T40" fmla="*/ 6 w 330"/>
                            <a:gd name="T41" fmla="*/ 2 h 96"/>
                            <a:gd name="T42" fmla="*/ 27 w 330"/>
                            <a:gd name="T43" fmla="*/ 0 h 96"/>
                            <a:gd name="T44" fmla="*/ 51 w 330"/>
                            <a:gd name="T45" fmla="*/ 6 h 96"/>
                            <a:gd name="T46" fmla="*/ 80 w 330"/>
                            <a:gd name="T47" fmla="*/ 17 h 96"/>
                            <a:gd name="T48" fmla="*/ 118 w 330"/>
                            <a:gd name="T49" fmla="*/ 32 h 96"/>
                            <a:gd name="T50" fmla="*/ 149 w 330"/>
                            <a:gd name="T51" fmla="*/ 31 h 96"/>
                            <a:gd name="T52" fmla="*/ 180 w 330"/>
                            <a:gd name="T53" fmla="*/ 28 h 96"/>
                            <a:gd name="T54" fmla="*/ 209 w 330"/>
                            <a:gd name="T55" fmla="*/ 37 h 96"/>
                            <a:gd name="T56" fmla="*/ 235 w 330"/>
                            <a:gd name="T57" fmla="*/ 53 h 96"/>
                            <a:gd name="T58" fmla="*/ 251 w 330"/>
                            <a:gd name="T59" fmla="*/ 57 h 96"/>
                            <a:gd name="T60" fmla="*/ 242 w 330"/>
                            <a:gd name="T61" fmla="*/ 49 h 96"/>
                            <a:gd name="T62" fmla="*/ 235 w 330"/>
                            <a:gd name="T63" fmla="*/ 38 h 96"/>
                            <a:gd name="T64" fmla="*/ 243 w 330"/>
                            <a:gd name="T65" fmla="*/ 38 h 96"/>
                            <a:gd name="T66" fmla="*/ 251 w 330"/>
                            <a:gd name="T67" fmla="*/ 38 h 96"/>
                            <a:gd name="T68" fmla="*/ 259 w 330"/>
                            <a:gd name="T69" fmla="*/ 40 h 96"/>
                            <a:gd name="T70" fmla="*/ 267 w 330"/>
                            <a:gd name="T71" fmla="*/ 40 h 96"/>
                            <a:gd name="T72" fmla="*/ 271 w 330"/>
                            <a:gd name="T73" fmla="*/ 53 h 96"/>
                            <a:gd name="T74" fmla="*/ 282 w 330"/>
                            <a:gd name="T75" fmla="*/ 67 h 96"/>
                            <a:gd name="T76" fmla="*/ 307 w 330"/>
                            <a:gd name="T77" fmla="*/ 76 h 96"/>
                            <a:gd name="T78" fmla="*/ 327 w 330"/>
                            <a:gd name="T79" fmla="*/ 80 h 96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  <a:cxn ang="0">
                              <a:pos x="T34" y="T35"/>
                            </a:cxn>
                            <a:cxn ang="0">
                              <a:pos x="T36" y="T37"/>
                            </a:cxn>
                            <a:cxn ang="0">
                              <a:pos x="T38" y="T39"/>
                            </a:cxn>
                            <a:cxn ang="0">
                              <a:pos x="T40" y="T41"/>
                            </a:cxn>
                            <a:cxn ang="0">
                              <a:pos x="T42" y="T43"/>
                            </a:cxn>
                            <a:cxn ang="0">
                              <a:pos x="T44" y="T45"/>
                            </a:cxn>
                            <a:cxn ang="0">
                              <a:pos x="T46" y="T47"/>
                            </a:cxn>
                            <a:cxn ang="0">
                              <a:pos x="T48" y="T49"/>
                            </a:cxn>
                            <a:cxn ang="0">
                              <a:pos x="T50" y="T51"/>
                            </a:cxn>
                            <a:cxn ang="0">
                              <a:pos x="T52" y="T53"/>
                            </a:cxn>
                            <a:cxn ang="0">
                              <a:pos x="T54" y="T55"/>
                            </a:cxn>
                            <a:cxn ang="0">
                              <a:pos x="T56" y="T57"/>
                            </a:cxn>
                            <a:cxn ang="0">
                              <a:pos x="T58" y="T59"/>
                            </a:cxn>
                            <a:cxn ang="0">
                              <a:pos x="T60" y="T61"/>
                            </a:cxn>
                            <a:cxn ang="0">
                              <a:pos x="T62" y="T63"/>
                            </a:cxn>
                            <a:cxn ang="0">
                              <a:pos x="T64" y="T65"/>
                            </a:cxn>
                            <a:cxn ang="0">
                              <a:pos x="T66" y="T67"/>
                            </a:cxn>
                            <a:cxn ang="0">
                              <a:pos x="T68" y="T69"/>
                            </a:cxn>
                            <a:cxn ang="0">
                              <a:pos x="T70" y="T71"/>
                            </a:cxn>
                            <a:cxn ang="0">
                              <a:pos x="T72" y="T73"/>
                            </a:cxn>
                            <a:cxn ang="0">
                              <a:pos x="T74" y="T75"/>
                            </a:cxn>
                            <a:cxn ang="0">
                              <a:pos x="T76" y="T77"/>
                            </a:cxn>
                            <a:cxn ang="0">
                              <a:pos x="T78" y="T79"/>
                            </a:cxn>
                          </a:cxnLst>
                          <a:rect l="0" t="0" r="r" b="b"/>
                          <a:pathLst>
                            <a:path w="330" h="96">
                              <a:moveTo>
                                <a:pt x="327" y="80"/>
                              </a:moveTo>
                              <a:lnTo>
                                <a:pt x="327" y="82"/>
                              </a:lnTo>
                              <a:lnTo>
                                <a:pt x="327" y="84"/>
                              </a:lnTo>
                              <a:lnTo>
                                <a:pt x="328" y="87"/>
                              </a:lnTo>
                              <a:lnTo>
                                <a:pt x="328" y="88"/>
                              </a:lnTo>
                              <a:lnTo>
                                <a:pt x="328" y="91"/>
                              </a:lnTo>
                              <a:lnTo>
                                <a:pt x="328" y="93"/>
                              </a:lnTo>
                              <a:lnTo>
                                <a:pt x="330" y="96"/>
                              </a:lnTo>
                              <a:lnTo>
                                <a:pt x="317" y="92"/>
                              </a:lnTo>
                              <a:lnTo>
                                <a:pt x="303" y="89"/>
                              </a:lnTo>
                              <a:lnTo>
                                <a:pt x="288" y="87"/>
                              </a:lnTo>
                              <a:lnTo>
                                <a:pt x="267" y="86"/>
                              </a:lnTo>
                              <a:lnTo>
                                <a:pt x="239" y="86"/>
                              </a:lnTo>
                              <a:lnTo>
                                <a:pt x="233" y="84"/>
                              </a:lnTo>
                              <a:lnTo>
                                <a:pt x="229" y="84"/>
                              </a:lnTo>
                              <a:lnTo>
                                <a:pt x="225" y="84"/>
                              </a:lnTo>
                              <a:lnTo>
                                <a:pt x="224" y="83"/>
                              </a:lnTo>
                              <a:lnTo>
                                <a:pt x="222" y="82"/>
                              </a:lnTo>
                              <a:lnTo>
                                <a:pt x="221" y="80"/>
                              </a:lnTo>
                              <a:lnTo>
                                <a:pt x="220" y="78"/>
                              </a:lnTo>
                              <a:lnTo>
                                <a:pt x="218" y="78"/>
                              </a:lnTo>
                              <a:lnTo>
                                <a:pt x="216" y="76"/>
                              </a:lnTo>
                              <a:lnTo>
                                <a:pt x="195" y="76"/>
                              </a:lnTo>
                              <a:lnTo>
                                <a:pt x="180" y="74"/>
                              </a:lnTo>
                              <a:lnTo>
                                <a:pt x="171" y="72"/>
                              </a:lnTo>
                              <a:lnTo>
                                <a:pt x="154" y="67"/>
                              </a:lnTo>
                              <a:lnTo>
                                <a:pt x="137" y="61"/>
                              </a:lnTo>
                              <a:lnTo>
                                <a:pt x="119" y="57"/>
                              </a:lnTo>
                              <a:lnTo>
                                <a:pt x="95" y="55"/>
                              </a:lnTo>
                              <a:lnTo>
                                <a:pt x="77" y="53"/>
                              </a:lnTo>
                              <a:lnTo>
                                <a:pt x="63" y="49"/>
                              </a:lnTo>
                              <a:lnTo>
                                <a:pt x="52" y="46"/>
                              </a:lnTo>
                              <a:lnTo>
                                <a:pt x="48" y="45"/>
                              </a:lnTo>
                              <a:lnTo>
                                <a:pt x="26" y="37"/>
                              </a:lnTo>
                              <a:lnTo>
                                <a:pt x="11" y="28"/>
                              </a:lnTo>
                              <a:lnTo>
                                <a:pt x="4" y="21"/>
                              </a:lnTo>
                              <a:lnTo>
                                <a:pt x="0" y="15"/>
                              </a:lnTo>
                              <a:lnTo>
                                <a:pt x="0" y="10"/>
                              </a:lnTo>
                              <a:lnTo>
                                <a:pt x="1" y="6"/>
                              </a:lnTo>
                              <a:lnTo>
                                <a:pt x="2" y="3"/>
                              </a:lnTo>
                              <a:lnTo>
                                <a:pt x="4" y="2"/>
                              </a:lnTo>
                              <a:lnTo>
                                <a:pt x="6" y="2"/>
                              </a:lnTo>
                              <a:lnTo>
                                <a:pt x="14" y="0"/>
                              </a:lnTo>
                              <a:lnTo>
                                <a:pt x="27" y="0"/>
                              </a:lnTo>
                              <a:lnTo>
                                <a:pt x="39" y="3"/>
                              </a:lnTo>
                              <a:lnTo>
                                <a:pt x="51" y="6"/>
                              </a:lnTo>
                              <a:lnTo>
                                <a:pt x="64" y="11"/>
                              </a:lnTo>
                              <a:lnTo>
                                <a:pt x="80" y="17"/>
                              </a:lnTo>
                              <a:lnTo>
                                <a:pt x="98" y="27"/>
                              </a:lnTo>
                              <a:lnTo>
                                <a:pt x="118" y="32"/>
                              </a:lnTo>
                              <a:lnTo>
                                <a:pt x="133" y="33"/>
                              </a:lnTo>
                              <a:lnTo>
                                <a:pt x="149" y="31"/>
                              </a:lnTo>
                              <a:lnTo>
                                <a:pt x="165" y="28"/>
                              </a:lnTo>
                              <a:lnTo>
                                <a:pt x="180" y="28"/>
                              </a:lnTo>
                              <a:lnTo>
                                <a:pt x="195" y="31"/>
                              </a:lnTo>
                              <a:lnTo>
                                <a:pt x="209" y="37"/>
                              </a:lnTo>
                              <a:lnTo>
                                <a:pt x="222" y="45"/>
                              </a:lnTo>
                              <a:lnTo>
                                <a:pt x="235" y="53"/>
                              </a:lnTo>
                              <a:lnTo>
                                <a:pt x="250" y="57"/>
                              </a:lnTo>
                              <a:lnTo>
                                <a:pt x="251" y="57"/>
                              </a:lnTo>
                              <a:lnTo>
                                <a:pt x="247" y="53"/>
                              </a:lnTo>
                              <a:lnTo>
                                <a:pt x="242" y="49"/>
                              </a:lnTo>
                              <a:lnTo>
                                <a:pt x="238" y="44"/>
                              </a:lnTo>
                              <a:lnTo>
                                <a:pt x="235" y="38"/>
                              </a:lnTo>
                              <a:lnTo>
                                <a:pt x="239" y="38"/>
                              </a:lnTo>
                              <a:lnTo>
                                <a:pt x="243" y="38"/>
                              </a:lnTo>
                              <a:lnTo>
                                <a:pt x="247" y="38"/>
                              </a:lnTo>
                              <a:lnTo>
                                <a:pt x="251" y="38"/>
                              </a:lnTo>
                              <a:lnTo>
                                <a:pt x="255" y="40"/>
                              </a:lnTo>
                              <a:lnTo>
                                <a:pt x="259" y="40"/>
                              </a:lnTo>
                              <a:lnTo>
                                <a:pt x="263" y="40"/>
                              </a:lnTo>
                              <a:lnTo>
                                <a:pt x="267" y="40"/>
                              </a:lnTo>
                              <a:lnTo>
                                <a:pt x="268" y="46"/>
                              </a:lnTo>
                              <a:lnTo>
                                <a:pt x="271" y="53"/>
                              </a:lnTo>
                              <a:lnTo>
                                <a:pt x="276" y="61"/>
                              </a:lnTo>
                              <a:lnTo>
                                <a:pt x="282" y="67"/>
                              </a:lnTo>
                              <a:lnTo>
                                <a:pt x="293" y="72"/>
                              </a:lnTo>
                              <a:lnTo>
                                <a:pt x="307" y="76"/>
                              </a:lnTo>
                              <a:lnTo>
                                <a:pt x="327" y="78"/>
                              </a:lnTo>
                              <a:lnTo>
                                <a:pt x="327" y="80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306" name="Freeform 149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4895771" y="5392298"/>
                          <a:ext cx="16818" cy="14416"/>
                        </a:xfrm>
                        <a:custGeom>
                          <a:avLst/>
                          <a:gdLst>
                            <a:gd name="T0" fmla="*/ 13 w 14"/>
                            <a:gd name="T1" fmla="*/ 12 h 12"/>
                            <a:gd name="T2" fmla="*/ 9 w 14"/>
                            <a:gd name="T3" fmla="*/ 12 h 12"/>
                            <a:gd name="T4" fmla="*/ 5 w 14"/>
                            <a:gd name="T5" fmla="*/ 10 h 12"/>
                            <a:gd name="T6" fmla="*/ 2 w 14"/>
                            <a:gd name="T7" fmla="*/ 9 h 12"/>
                            <a:gd name="T8" fmla="*/ 1 w 14"/>
                            <a:gd name="T9" fmla="*/ 6 h 12"/>
                            <a:gd name="T10" fmla="*/ 0 w 14"/>
                            <a:gd name="T11" fmla="*/ 5 h 12"/>
                            <a:gd name="T12" fmla="*/ 0 w 14"/>
                            <a:gd name="T13" fmla="*/ 2 h 12"/>
                            <a:gd name="T14" fmla="*/ 0 w 14"/>
                            <a:gd name="T15" fmla="*/ 0 h 12"/>
                            <a:gd name="T16" fmla="*/ 4 w 14"/>
                            <a:gd name="T17" fmla="*/ 1 h 12"/>
                            <a:gd name="T18" fmla="*/ 8 w 14"/>
                            <a:gd name="T19" fmla="*/ 1 h 12"/>
                            <a:gd name="T20" fmla="*/ 10 w 14"/>
                            <a:gd name="T21" fmla="*/ 4 h 12"/>
                            <a:gd name="T22" fmla="*/ 12 w 14"/>
                            <a:gd name="T23" fmla="*/ 6 h 12"/>
                            <a:gd name="T24" fmla="*/ 13 w 14"/>
                            <a:gd name="T25" fmla="*/ 9 h 12"/>
                            <a:gd name="T26" fmla="*/ 14 w 14"/>
                            <a:gd name="T27" fmla="*/ 12 h 12"/>
                            <a:gd name="T28" fmla="*/ 13 w 14"/>
                            <a:gd name="T29" fmla="*/ 12 h 12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</a:cxnLst>
                          <a:rect l="0" t="0" r="r" b="b"/>
                          <a:pathLst>
                            <a:path w="14" h="12">
                              <a:moveTo>
                                <a:pt x="13" y="12"/>
                              </a:moveTo>
                              <a:lnTo>
                                <a:pt x="9" y="12"/>
                              </a:lnTo>
                              <a:lnTo>
                                <a:pt x="5" y="10"/>
                              </a:lnTo>
                              <a:lnTo>
                                <a:pt x="2" y="9"/>
                              </a:lnTo>
                              <a:lnTo>
                                <a:pt x="1" y="6"/>
                              </a:lnTo>
                              <a:lnTo>
                                <a:pt x="0" y="5"/>
                              </a:lnTo>
                              <a:lnTo>
                                <a:pt x="0" y="2"/>
                              </a:lnTo>
                              <a:lnTo>
                                <a:pt x="0" y="0"/>
                              </a:lnTo>
                              <a:lnTo>
                                <a:pt x="4" y="1"/>
                              </a:lnTo>
                              <a:lnTo>
                                <a:pt x="8" y="1"/>
                              </a:lnTo>
                              <a:lnTo>
                                <a:pt x="10" y="4"/>
                              </a:lnTo>
                              <a:lnTo>
                                <a:pt x="12" y="6"/>
                              </a:lnTo>
                              <a:lnTo>
                                <a:pt x="13" y="9"/>
                              </a:lnTo>
                              <a:lnTo>
                                <a:pt x="14" y="12"/>
                              </a:lnTo>
                              <a:lnTo>
                                <a:pt x="13" y="12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307" name="Freeform 152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4317949" y="5440349"/>
                          <a:ext cx="127337" cy="28831"/>
                        </a:xfrm>
                        <a:custGeom>
                          <a:avLst/>
                          <a:gdLst>
                            <a:gd name="T0" fmla="*/ 105 w 106"/>
                            <a:gd name="T1" fmla="*/ 8 h 24"/>
                            <a:gd name="T2" fmla="*/ 96 w 106"/>
                            <a:gd name="T3" fmla="*/ 16 h 24"/>
                            <a:gd name="T4" fmla="*/ 81 w 106"/>
                            <a:gd name="T5" fmla="*/ 21 h 24"/>
                            <a:gd name="T6" fmla="*/ 64 w 106"/>
                            <a:gd name="T7" fmla="*/ 24 h 24"/>
                            <a:gd name="T8" fmla="*/ 53 w 106"/>
                            <a:gd name="T9" fmla="*/ 23 h 24"/>
                            <a:gd name="T10" fmla="*/ 45 w 106"/>
                            <a:gd name="T11" fmla="*/ 20 h 24"/>
                            <a:gd name="T12" fmla="*/ 38 w 106"/>
                            <a:gd name="T13" fmla="*/ 16 h 24"/>
                            <a:gd name="T14" fmla="*/ 34 w 106"/>
                            <a:gd name="T15" fmla="*/ 13 h 24"/>
                            <a:gd name="T16" fmla="*/ 34 w 106"/>
                            <a:gd name="T17" fmla="*/ 13 h 24"/>
                            <a:gd name="T18" fmla="*/ 32 w 106"/>
                            <a:gd name="T19" fmla="*/ 13 h 24"/>
                            <a:gd name="T20" fmla="*/ 30 w 106"/>
                            <a:gd name="T21" fmla="*/ 15 h 24"/>
                            <a:gd name="T22" fmla="*/ 29 w 106"/>
                            <a:gd name="T23" fmla="*/ 16 h 24"/>
                            <a:gd name="T24" fmla="*/ 29 w 106"/>
                            <a:gd name="T25" fmla="*/ 17 h 24"/>
                            <a:gd name="T26" fmla="*/ 28 w 106"/>
                            <a:gd name="T27" fmla="*/ 19 h 24"/>
                            <a:gd name="T28" fmla="*/ 28 w 106"/>
                            <a:gd name="T29" fmla="*/ 20 h 24"/>
                            <a:gd name="T30" fmla="*/ 26 w 106"/>
                            <a:gd name="T31" fmla="*/ 21 h 24"/>
                            <a:gd name="T32" fmla="*/ 24 w 106"/>
                            <a:gd name="T33" fmla="*/ 21 h 24"/>
                            <a:gd name="T34" fmla="*/ 20 w 106"/>
                            <a:gd name="T35" fmla="*/ 20 h 24"/>
                            <a:gd name="T36" fmla="*/ 16 w 106"/>
                            <a:gd name="T37" fmla="*/ 20 h 24"/>
                            <a:gd name="T38" fmla="*/ 11 w 106"/>
                            <a:gd name="T39" fmla="*/ 17 h 24"/>
                            <a:gd name="T40" fmla="*/ 7 w 106"/>
                            <a:gd name="T41" fmla="*/ 16 h 24"/>
                            <a:gd name="T42" fmla="*/ 4 w 106"/>
                            <a:gd name="T43" fmla="*/ 15 h 24"/>
                            <a:gd name="T44" fmla="*/ 1 w 106"/>
                            <a:gd name="T45" fmla="*/ 12 h 24"/>
                            <a:gd name="T46" fmla="*/ 0 w 106"/>
                            <a:gd name="T47" fmla="*/ 9 h 24"/>
                            <a:gd name="T48" fmla="*/ 0 w 106"/>
                            <a:gd name="T49" fmla="*/ 8 h 24"/>
                            <a:gd name="T50" fmla="*/ 24 w 106"/>
                            <a:gd name="T51" fmla="*/ 4 h 24"/>
                            <a:gd name="T52" fmla="*/ 45 w 106"/>
                            <a:gd name="T53" fmla="*/ 2 h 24"/>
                            <a:gd name="T54" fmla="*/ 64 w 106"/>
                            <a:gd name="T55" fmla="*/ 0 h 24"/>
                            <a:gd name="T56" fmla="*/ 80 w 106"/>
                            <a:gd name="T57" fmla="*/ 2 h 24"/>
                            <a:gd name="T58" fmla="*/ 93 w 106"/>
                            <a:gd name="T59" fmla="*/ 3 h 24"/>
                            <a:gd name="T60" fmla="*/ 106 w 106"/>
                            <a:gd name="T61" fmla="*/ 6 h 24"/>
                            <a:gd name="T62" fmla="*/ 105 w 106"/>
                            <a:gd name="T63" fmla="*/ 8 h 24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  <a:cxn ang="0">
                              <a:pos x="T34" y="T35"/>
                            </a:cxn>
                            <a:cxn ang="0">
                              <a:pos x="T36" y="T37"/>
                            </a:cxn>
                            <a:cxn ang="0">
                              <a:pos x="T38" y="T39"/>
                            </a:cxn>
                            <a:cxn ang="0">
                              <a:pos x="T40" y="T41"/>
                            </a:cxn>
                            <a:cxn ang="0">
                              <a:pos x="T42" y="T43"/>
                            </a:cxn>
                            <a:cxn ang="0">
                              <a:pos x="T44" y="T45"/>
                            </a:cxn>
                            <a:cxn ang="0">
                              <a:pos x="T46" y="T47"/>
                            </a:cxn>
                            <a:cxn ang="0">
                              <a:pos x="T48" y="T49"/>
                            </a:cxn>
                            <a:cxn ang="0">
                              <a:pos x="T50" y="T51"/>
                            </a:cxn>
                            <a:cxn ang="0">
                              <a:pos x="T52" y="T53"/>
                            </a:cxn>
                            <a:cxn ang="0">
                              <a:pos x="T54" y="T55"/>
                            </a:cxn>
                            <a:cxn ang="0">
                              <a:pos x="T56" y="T57"/>
                            </a:cxn>
                            <a:cxn ang="0">
                              <a:pos x="T58" y="T59"/>
                            </a:cxn>
                            <a:cxn ang="0">
                              <a:pos x="T60" y="T61"/>
                            </a:cxn>
                            <a:cxn ang="0">
                              <a:pos x="T62" y="T63"/>
                            </a:cxn>
                          </a:cxnLst>
                          <a:rect l="0" t="0" r="r" b="b"/>
                          <a:pathLst>
                            <a:path w="106" h="24">
                              <a:moveTo>
                                <a:pt x="105" y="8"/>
                              </a:moveTo>
                              <a:lnTo>
                                <a:pt x="96" y="16"/>
                              </a:lnTo>
                              <a:lnTo>
                                <a:pt x="81" y="21"/>
                              </a:lnTo>
                              <a:lnTo>
                                <a:pt x="64" y="24"/>
                              </a:lnTo>
                              <a:lnTo>
                                <a:pt x="53" y="23"/>
                              </a:lnTo>
                              <a:lnTo>
                                <a:pt x="45" y="20"/>
                              </a:lnTo>
                              <a:lnTo>
                                <a:pt x="38" y="16"/>
                              </a:lnTo>
                              <a:lnTo>
                                <a:pt x="34" y="13"/>
                              </a:lnTo>
                              <a:lnTo>
                                <a:pt x="34" y="13"/>
                              </a:lnTo>
                              <a:lnTo>
                                <a:pt x="32" y="13"/>
                              </a:lnTo>
                              <a:lnTo>
                                <a:pt x="30" y="15"/>
                              </a:lnTo>
                              <a:lnTo>
                                <a:pt x="29" y="16"/>
                              </a:lnTo>
                              <a:lnTo>
                                <a:pt x="29" y="17"/>
                              </a:lnTo>
                              <a:lnTo>
                                <a:pt x="28" y="19"/>
                              </a:lnTo>
                              <a:lnTo>
                                <a:pt x="28" y="20"/>
                              </a:lnTo>
                              <a:lnTo>
                                <a:pt x="26" y="21"/>
                              </a:lnTo>
                              <a:lnTo>
                                <a:pt x="24" y="21"/>
                              </a:lnTo>
                              <a:lnTo>
                                <a:pt x="20" y="20"/>
                              </a:lnTo>
                              <a:lnTo>
                                <a:pt x="16" y="20"/>
                              </a:lnTo>
                              <a:lnTo>
                                <a:pt x="11" y="17"/>
                              </a:lnTo>
                              <a:lnTo>
                                <a:pt x="7" y="16"/>
                              </a:lnTo>
                              <a:lnTo>
                                <a:pt x="4" y="15"/>
                              </a:lnTo>
                              <a:lnTo>
                                <a:pt x="1" y="12"/>
                              </a:lnTo>
                              <a:lnTo>
                                <a:pt x="0" y="9"/>
                              </a:lnTo>
                              <a:lnTo>
                                <a:pt x="0" y="8"/>
                              </a:lnTo>
                              <a:lnTo>
                                <a:pt x="24" y="4"/>
                              </a:lnTo>
                              <a:lnTo>
                                <a:pt x="45" y="2"/>
                              </a:lnTo>
                              <a:lnTo>
                                <a:pt x="64" y="0"/>
                              </a:lnTo>
                              <a:lnTo>
                                <a:pt x="80" y="2"/>
                              </a:lnTo>
                              <a:lnTo>
                                <a:pt x="93" y="3"/>
                              </a:lnTo>
                              <a:lnTo>
                                <a:pt x="106" y="6"/>
                              </a:lnTo>
                              <a:lnTo>
                                <a:pt x="105" y="8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308" name="Freeform 153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4470513" y="5437947"/>
                          <a:ext cx="105714" cy="31234"/>
                        </a:xfrm>
                        <a:custGeom>
                          <a:avLst/>
                          <a:gdLst>
                            <a:gd name="T0" fmla="*/ 88 w 88"/>
                            <a:gd name="T1" fmla="*/ 9 h 26"/>
                            <a:gd name="T2" fmla="*/ 81 w 88"/>
                            <a:gd name="T3" fmla="*/ 17 h 26"/>
                            <a:gd name="T4" fmla="*/ 71 w 88"/>
                            <a:gd name="T5" fmla="*/ 22 h 26"/>
                            <a:gd name="T6" fmla="*/ 58 w 88"/>
                            <a:gd name="T7" fmla="*/ 25 h 26"/>
                            <a:gd name="T8" fmla="*/ 43 w 88"/>
                            <a:gd name="T9" fmla="*/ 26 h 26"/>
                            <a:gd name="T10" fmla="*/ 30 w 88"/>
                            <a:gd name="T11" fmla="*/ 25 h 26"/>
                            <a:gd name="T12" fmla="*/ 30 w 88"/>
                            <a:gd name="T13" fmla="*/ 22 h 26"/>
                            <a:gd name="T14" fmla="*/ 29 w 88"/>
                            <a:gd name="T15" fmla="*/ 19 h 26"/>
                            <a:gd name="T16" fmla="*/ 26 w 88"/>
                            <a:gd name="T17" fmla="*/ 18 h 26"/>
                            <a:gd name="T18" fmla="*/ 22 w 88"/>
                            <a:gd name="T19" fmla="*/ 18 h 26"/>
                            <a:gd name="T20" fmla="*/ 17 w 88"/>
                            <a:gd name="T21" fmla="*/ 18 h 26"/>
                            <a:gd name="T22" fmla="*/ 9 w 88"/>
                            <a:gd name="T23" fmla="*/ 18 h 26"/>
                            <a:gd name="T24" fmla="*/ 7 w 88"/>
                            <a:gd name="T25" fmla="*/ 18 h 26"/>
                            <a:gd name="T26" fmla="*/ 4 w 88"/>
                            <a:gd name="T27" fmla="*/ 18 h 26"/>
                            <a:gd name="T28" fmla="*/ 2 w 88"/>
                            <a:gd name="T29" fmla="*/ 18 h 26"/>
                            <a:gd name="T30" fmla="*/ 0 w 88"/>
                            <a:gd name="T31" fmla="*/ 17 h 26"/>
                            <a:gd name="T32" fmla="*/ 0 w 88"/>
                            <a:gd name="T33" fmla="*/ 14 h 26"/>
                            <a:gd name="T34" fmla="*/ 0 w 88"/>
                            <a:gd name="T35" fmla="*/ 11 h 26"/>
                            <a:gd name="T36" fmla="*/ 2 w 88"/>
                            <a:gd name="T37" fmla="*/ 9 h 26"/>
                            <a:gd name="T38" fmla="*/ 4 w 88"/>
                            <a:gd name="T39" fmla="*/ 8 h 26"/>
                            <a:gd name="T40" fmla="*/ 5 w 88"/>
                            <a:gd name="T41" fmla="*/ 5 h 26"/>
                            <a:gd name="T42" fmla="*/ 7 w 88"/>
                            <a:gd name="T43" fmla="*/ 4 h 26"/>
                            <a:gd name="T44" fmla="*/ 7 w 88"/>
                            <a:gd name="T45" fmla="*/ 2 h 26"/>
                            <a:gd name="T46" fmla="*/ 8 w 88"/>
                            <a:gd name="T47" fmla="*/ 2 h 26"/>
                            <a:gd name="T48" fmla="*/ 8 w 88"/>
                            <a:gd name="T49" fmla="*/ 0 h 26"/>
                            <a:gd name="T50" fmla="*/ 30 w 88"/>
                            <a:gd name="T51" fmla="*/ 4 h 26"/>
                            <a:gd name="T52" fmla="*/ 46 w 88"/>
                            <a:gd name="T53" fmla="*/ 5 h 26"/>
                            <a:gd name="T54" fmla="*/ 58 w 88"/>
                            <a:gd name="T55" fmla="*/ 6 h 26"/>
                            <a:gd name="T56" fmla="*/ 68 w 88"/>
                            <a:gd name="T57" fmla="*/ 8 h 26"/>
                            <a:gd name="T58" fmla="*/ 77 w 88"/>
                            <a:gd name="T59" fmla="*/ 8 h 26"/>
                            <a:gd name="T60" fmla="*/ 88 w 88"/>
                            <a:gd name="T61" fmla="*/ 6 h 26"/>
                            <a:gd name="T62" fmla="*/ 88 w 88"/>
                            <a:gd name="T63" fmla="*/ 9 h 26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  <a:cxn ang="0">
                              <a:pos x="T34" y="T35"/>
                            </a:cxn>
                            <a:cxn ang="0">
                              <a:pos x="T36" y="T37"/>
                            </a:cxn>
                            <a:cxn ang="0">
                              <a:pos x="T38" y="T39"/>
                            </a:cxn>
                            <a:cxn ang="0">
                              <a:pos x="T40" y="T41"/>
                            </a:cxn>
                            <a:cxn ang="0">
                              <a:pos x="T42" y="T43"/>
                            </a:cxn>
                            <a:cxn ang="0">
                              <a:pos x="T44" y="T45"/>
                            </a:cxn>
                            <a:cxn ang="0">
                              <a:pos x="T46" y="T47"/>
                            </a:cxn>
                            <a:cxn ang="0">
                              <a:pos x="T48" y="T49"/>
                            </a:cxn>
                            <a:cxn ang="0">
                              <a:pos x="T50" y="T51"/>
                            </a:cxn>
                            <a:cxn ang="0">
                              <a:pos x="T52" y="T53"/>
                            </a:cxn>
                            <a:cxn ang="0">
                              <a:pos x="T54" y="T55"/>
                            </a:cxn>
                            <a:cxn ang="0">
                              <a:pos x="T56" y="T57"/>
                            </a:cxn>
                            <a:cxn ang="0">
                              <a:pos x="T58" y="T59"/>
                            </a:cxn>
                            <a:cxn ang="0">
                              <a:pos x="T60" y="T61"/>
                            </a:cxn>
                            <a:cxn ang="0">
                              <a:pos x="T62" y="T63"/>
                            </a:cxn>
                          </a:cxnLst>
                          <a:rect l="0" t="0" r="r" b="b"/>
                          <a:pathLst>
                            <a:path w="88" h="26">
                              <a:moveTo>
                                <a:pt x="88" y="9"/>
                              </a:moveTo>
                              <a:lnTo>
                                <a:pt x="81" y="17"/>
                              </a:lnTo>
                              <a:lnTo>
                                <a:pt x="71" y="22"/>
                              </a:lnTo>
                              <a:lnTo>
                                <a:pt x="58" y="25"/>
                              </a:lnTo>
                              <a:lnTo>
                                <a:pt x="43" y="26"/>
                              </a:lnTo>
                              <a:lnTo>
                                <a:pt x="30" y="25"/>
                              </a:lnTo>
                              <a:lnTo>
                                <a:pt x="30" y="22"/>
                              </a:lnTo>
                              <a:lnTo>
                                <a:pt x="29" y="19"/>
                              </a:lnTo>
                              <a:lnTo>
                                <a:pt x="26" y="18"/>
                              </a:lnTo>
                              <a:lnTo>
                                <a:pt x="22" y="18"/>
                              </a:lnTo>
                              <a:lnTo>
                                <a:pt x="17" y="18"/>
                              </a:lnTo>
                              <a:lnTo>
                                <a:pt x="9" y="18"/>
                              </a:lnTo>
                              <a:lnTo>
                                <a:pt x="7" y="18"/>
                              </a:lnTo>
                              <a:lnTo>
                                <a:pt x="4" y="18"/>
                              </a:lnTo>
                              <a:lnTo>
                                <a:pt x="2" y="18"/>
                              </a:lnTo>
                              <a:lnTo>
                                <a:pt x="0" y="17"/>
                              </a:lnTo>
                              <a:lnTo>
                                <a:pt x="0" y="14"/>
                              </a:lnTo>
                              <a:lnTo>
                                <a:pt x="0" y="11"/>
                              </a:lnTo>
                              <a:lnTo>
                                <a:pt x="2" y="9"/>
                              </a:lnTo>
                              <a:lnTo>
                                <a:pt x="4" y="8"/>
                              </a:lnTo>
                              <a:lnTo>
                                <a:pt x="5" y="5"/>
                              </a:lnTo>
                              <a:lnTo>
                                <a:pt x="7" y="4"/>
                              </a:lnTo>
                              <a:lnTo>
                                <a:pt x="7" y="2"/>
                              </a:lnTo>
                              <a:lnTo>
                                <a:pt x="8" y="2"/>
                              </a:lnTo>
                              <a:lnTo>
                                <a:pt x="8" y="0"/>
                              </a:lnTo>
                              <a:lnTo>
                                <a:pt x="30" y="4"/>
                              </a:lnTo>
                              <a:lnTo>
                                <a:pt x="46" y="5"/>
                              </a:lnTo>
                              <a:lnTo>
                                <a:pt x="58" y="6"/>
                              </a:lnTo>
                              <a:lnTo>
                                <a:pt x="68" y="8"/>
                              </a:lnTo>
                              <a:lnTo>
                                <a:pt x="77" y="8"/>
                              </a:lnTo>
                              <a:lnTo>
                                <a:pt x="88" y="6"/>
                              </a:lnTo>
                              <a:lnTo>
                                <a:pt x="88" y="9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309" name="Freeform 156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4620675" y="5437947"/>
                          <a:ext cx="118928" cy="68474"/>
                        </a:xfrm>
                        <a:custGeom>
                          <a:avLst/>
                          <a:gdLst>
                            <a:gd name="T0" fmla="*/ 98 w 99"/>
                            <a:gd name="T1" fmla="*/ 4 h 57"/>
                            <a:gd name="T2" fmla="*/ 96 w 99"/>
                            <a:gd name="T3" fmla="*/ 9 h 57"/>
                            <a:gd name="T4" fmla="*/ 94 w 99"/>
                            <a:gd name="T5" fmla="*/ 13 h 57"/>
                            <a:gd name="T6" fmla="*/ 90 w 99"/>
                            <a:gd name="T7" fmla="*/ 15 h 57"/>
                            <a:gd name="T8" fmla="*/ 87 w 99"/>
                            <a:gd name="T9" fmla="*/ 17 h 57"/>
                            <a:gd name="T10" fmla="*/ 82 w 99"/>
                            <a:gd name="T11" fmla="*/ 21 h 57"/>
                            <a:gd name="T12" fmla="*/ 73 w 99"/>
                            <a:gd name="T13" fmla="*/ 23 h 57"/>
                            <a:gd name="T14" fmla="*/ 59 w 99"/>
                            <a:gd name="T15" fmla="*/ 27 h 57"/>
                            <a:gd name="T16" fmla="*/ 57 w 99"/>
                            <a:gd name="T17" fmla="*/ 27 h 57"/>
                            <a:gd name="T18" fmla="*/ 55 w 99"/>
                            <a:gd name="T19" fmla="*/ 27 h 57"/>
                            <a:gd name="T20" fmla="*/ 53 w 99"/>
                            <a:gd name="T21" fmla="*/ 29 h 57"/>
                            <a:gd name="T22" fmla="*/ 52 w 99"/>
                            <a:gd name="T23" fmla="*/ 30 h 57"/>
                            <a:gd name="T24" fmla="*/ 43 w 99"/>
                            <a:gd name="T25" fmla="*/ 39 h 57"/>
                            <a:gd name="T26" fmla="*/ 35 w 99"/>
                            <a:gd name="T27" fmla="*/ 44 h 57"/>
                            <a:gd name="T28" fmla="*/ 30 w 99"/>
                            <a:gd name="T29" fmla="*/ 48 h 57"/>
                            <a:gd name="T30" fmla="*/ 13 w 99"/>
                            <a:gd name="T31" fmla="*/ 55 h 57"/>
                            <a:gd name="T32" fmla="*/ 1 w 99"/>
                            <a:gd name="T33" fmla="*/ 57 h 57"/>
                            <a:gd name="T34" fmla="*/ 1 w 99"/>
                            <a:gd name="T35" fmla="*/ 55 h 57"/>
                            <a:gd name="T36" fmla="*/ 0 w 99"/>
                            <a:gd name="T37" fmla="*/ 51 h 57"/>
                            <a:gd name="T38" fmla="*/ 0 w 99"/>
                            <a:gd name="T39" fmla="*/ 48 h 57"/>
                            <a:gd name="T40" fmla="*/ 0 w 99"/>
                            <a:gd name="T41" fmla="*/ 46 h 57"/>
                            <a:gd name="T42" fmla="*/ 0 w 99"/>
                            <a:gd name="T43" fmla="*/ 42 h 57"/>
                            <a:gd name="T44" fmla="*/ 0 w 99"/>
                            <a:gd name="T45" fmla="*/ 39 h 57"/>
                            <a:gd name="T46" fmla="*/ 0 w 99"/>
                            <a:gd name="T47" fmla="*/ 36 h 57"/>
                            <a:gd name="T48" fmla="*/ 0 w 99"/>
                            <a:gd name="T49" fmla="*/ 32 h 57"/>
                            <a:gd name="T50" fmla="*/ 15 w 99"/>
                            <a:gd name="T51" fmla="*/ 25 h 57"/>
                            <a:gd name="T52" fmla="*/ 30 w 99"/>
                            <a:gd name="T53" fmla="*/ 15 h 57"/>
                            <a:gd name="T54" fmla="*/ 45 w 99"/>
                            <a:gd name="T55" fmla="*/ 8 h 57"/>
                            <a:gd name="T56" fmla="*/ 66 w 99"/>
                            <a:gd name="T57" fmla="*/ 2 h 57"/>
                            <a:gd name="T58" fmla="*/ 81 w 99"/>
                            <a:gd name="T59" fmla="*/ 0 h 57"/>
                            <a:gd name="T60" fmla="*/ 87 w 99"/>
                            <a:gd name="T61" fmla="*/ 0 h 57"/>
                            <a:gd name="T62" fmla="*/ 93 w 99"/>
                            <a:gd name="T63" fmla="*/ 0 h 57"/>
                            <a:gd name="T64" fmla="*/ 99 w 99"/>
                            <a:gd name="T65" fmla="*/ 0 h 57"/>
                            <a:gd name="T66" fmla="*/ 98 w 99"/>
                            <a:gd name="T67" fmla="*/ 4 h 57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  <a:cxn ang="0">
                              <a:pos x="T34" y="T35"/>
                            </a:cxn>
                            <a:cxn ang="0">
                              <a:pos x="T36" y="T37"/>
                            </a:cxn>
                            <a:cxn ang="0">
                              <a:pos x="T38" y="T39"/>
                            </a:cxn>
                            <a:cxn ang="0">
                              <a:pos x="T40" y="T41"/>
                            </a:cxn>
                            <a:cxn ang="0">
                              <a:pos x="T42" y="T43"/>
                            </a:cxn>
                            <a:cxn ang="0">
                              <a:pos x="T44" y="T45"/>
                            </a:cxn>
                            <a:cxn ang="0">
                              <a:pos x="T46" y="T47"/>
                            </a:cxn>
                            <a:cxn ang="0">
                              <a:pos x="T48" y="T49"/>
                            </a:cxn>
                            <a:cxn ang="0">
                              <a:pos x="T50" y="T51"/>
                            </a:cxn>
                            <a:cxn ang="0">
                              <a:pos x="T52" y="T53"/>
                            </a:cxn>
                            <a:cxn ang="0">
                              <a:pos x="T54" y="T55"/>
                            </a:cxn>
                            <a:cxn ang="0">
                              <a:pos x="T56" y="T57"/>
                            </a:cxn>
                            <a:cxn ang="0">
                              <a:pos x="T58" y="T59"/>
                            </a:cxn>
                            <a:cxn ang="0">
                              <a:pos x="T60" y="T61"/>
                            </a:cxn>
                            <a:cxn ang="0">
                              <a:pos x="T62" y="T63"/>
                            </a:cxn>
                            <a:cxn ang="0">
                              <a:pos x="T64" y="T65"/>
                            </a:cxn>
                            <a:cxn ang="0">
                              <a:pos x="T66" y="T67"/>
                            </a:cxn>
                          </a:cxnLst>
                          <a:rect l="0" t="0" r="r" b="b"/>
                          <a:pathLst>
                            <a:path w="99" h="57">
                              <a:moveTo>
                                <a:pt x="98" y="4"/>
                              </a:moveTo>
                              <a:lnTo>
                                <a:pt x="96" y="9"/>
                              </a:lnTo>
                              <a:lnTo>
                                <a:pt x="94" y="13"/>
                              </a:lnTo>
                              <a:lnTo>
                                <a:pt x="90" y="15"/>
                              </a:lnTo>
                              <a:lnTo>
                                <a:pt x="87" y="17"/>
                              </a:lnTo>
                              <a:lnTo>
                                <a:pt x="82" y="21"/>
                              </a:lnTo>
                              <a:lnTo>
                                <a:pt x="73" y="23"/>
                              </a:lnTo>
                              <a:lnTo>
                                <a:pt x="59" y="27"/>
                              </a:lnTo>
                              <a:lnTo>
                                <a:pt x="57" y="27"/>
                              </a:lnTo>
                              <a:lnTo>
                                <a:pt x="55" y="27"/>
                              </a:lnTo>
                              <a:lnTo>
                                <a:pt x="53" y="29"/>
                              </a:lnTo>
                              <a:lnTo>
                                <a:pt x="52" y="30"/>
                              </a:lnTo>
                              <a:lnTo>
                                <a:pt x="43" y="39"/>
                              </a:lnTo>
                              <a:lnTo>
                                <a:pt x="35" y="44"/>
                              </a:lnTo>
                              <a:lnTo>
                                <a:pt x="30" y="48"/>
                              </a:lnTo>
                              <a:lnTo>
                                <a:pt x="13" y="55"/>
                              </a:lnTo>
                              <a:lnTo>
                                <a:pt x="1" y="57"/>
                              </a:lnTo>
                              <a:lnTo>
                                <a:pt x="1" y="55"/>
                              </a:lnTo>
                              <a:lnTo>
                                <a:pt x="0" y="51"/>
                              </a:lnTo>
                              <a:lnTo>
                                <a:pt x="0" y="48"/>
                              </a:lnTo>
                              <a:lnTo>
                                <a:pt x="0" y="46"/>
                              </a:lnTo>
                              <a:lnTo>
                                <a:pt x="0" y="42"/>
                              </a:lnTo>
                              <a:lnTo>
                                <a:pt x="0" y="39"/>
                              </a:lnTo>
                              <a:lnTo>
                                <a:pt x="0" y="36"/>
                              </a:lnTo>
                              <a:lnTo>
                                <a:pt x="0" y="32"/>
                              </a:lnTo>
                              <a:lnTo>
                                <a:pt x="15" y="25"/>
                              </a:lnTo>
                              <a:lnTo>
                                <a:pt x="30" y="15"/>
                              </a:lnTo>
                              <a:lnTo>
                                <a:pt x="45" y="8"/>
                              </a:lnTo>
                              <a:lnTo>
                                <a:pt x="66" y="2"/>
                              </a:lnTo>
                              <a:lnTo>
                                <a:pt x="81" y="0"/>
                              </a:lnTo>
                              <a:lnTo>
                                <a:pt x="87" y="0"/>
                              </a:lnTo>
                              <a:lnTo>
                                <a:pt x="93" y="0"/>
                              </a:lnTo>
                              <a:lnTo>
                                <a:pt x="99" y="0"/>
                              </a:lnTo>
                              <a:lnTo>
                                <a:pt x="98" y="4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310" name="Freeform 157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5853201" y="5233727"/>
                          <a:ext cx="58863" cy="56461"/>
                        </a:xfrm>
                        <a:custGeom>
                          <a:avLst/>
                          <a:gdLst>
                            <a:gd name="T0" fmla="*/ 47 w 49"/>
                            <a:gd name="T1" fmla="*/ 17 h 47"/>
                            <a:gd name="T2" fmla="*/ 38 w 49"/>
                            <a:gd name="T3" fmla="*/ 27 h 47"/>
                            <a:gd name="T4" fmla="*/ 28 w 49"/>
                            <a:gd name="T5" fmla="*/ 39 h 47"/>
                            <a:gd name="T6" fmla="*/ 26 w 49"/>
                            <a:gd name="T7" fmla="*/ 39 h 47"/>
                            <a:gd name="T8" fmla="*/ 25 w 49"/>
                            <a:gd name="T9" fmla="*/ 40 h 47"/>
                            <a:gd name="T10" fmla="*/ 22 w 49"/>
                            <a:gd name="T11" fmla="*/ 40 h 47"/>
                            <a:gd name="T12" fmla="*/ 21 w 49"/>
                            <a:gd name="T13" fmla="*/ 41 h 47"/>
                            <a:gd name="T14" fmla="*/ 20 w 49"/>
                            <a:gd name="T15" fmla="*/ 41 h 47"/>
                            <a:gd name="T16" fmla="*/ 17 w 49"/>
                            <a:gd name="T17" fmla="*/ 41 h 47"/>
                            <a:gd name="T18" fmla="*/ 16 w 49"/>
                            <a:gd name="T19" fmla="*/ 43 h 47"/>
                            <a:gd name="T20" fmla="*/ 15 w 49"/>
                            <a:gd name="T21" fmla="*/ 43 h 47"/>
                            <a:gd name="T22" fmla="*/ 13 w 49"/>
                            <a:gd name="T23" fmla="*/ 44 h 47"/>
                            <a:gd name="T24" fmla="*/ 11 w 49"/>
                            <a:gd name="T25" fmla="*/ 44 h 47"/>
                            <a:gd name="T26" fmla="*/ 9 w 49"/>
                            <a:gd name="T27" fmla="*/ 44 h 47"/>
                            <a:gd name="T28" fmla="*/ 8 w 49"/>
                            <a:gd name="T29" fmla="*/ 45 h 47"/>
                            <a:gd name="T30" fmla="*/ 5 w 49"/>
                            <a:gd name="T31" fmla="*/ 45 h 47"/>
                            <a:gd name="T32" fmla="*/ 4 w 49"/>
                            <a:gd name="T33" fmla="*/ 47 h 47"/>
                            <a:gd name="T34" fmla="*/ 3 w 49"/>
                            <a:gd name="T35" fmla="*/ 47 h 47"/>
                            <a:gd name="T36" fmla="*/ 0 w 49"/>
                            <a:gd name="T37" fmla="*/ 47 h 47"/>
                            <a:gd name="T38" fmla="*/ 3 w 49"/>
                            <a:gd name="T39" fmla="*/ 43 h 47"/>
                            <a:gd name="T40" fmla="*/ 4 w 49"/>
                            <a:gd name="T41" fmla="*/ 39 h 47"/>
                            <a:gd name="T42" fmla="*/ 4 w 49"/>
                            <a:gd name="T43" fmla="*/ 37 h 47"/>
                            <a:gd name="T44" fmla="*/ 5 w 49"/>
                            <a:gd name="T45" fmla="*/ 35 h 47"/>
                            <a:gd name="T46" fmla="*/ 5 w 49"/>
                            <a:gd name="T47" fmla="*/ 34 h 47"/>
                            <a:gd name="T48" fmla="*/ 7 w 49"/>
                            <a:gd name="T49" fmla="*/ 31 h 47"/>
                            <a:gd name="T50" fmla="*/ 21 w 49"/>
                            <a:gd name="T51" fmla="*/ 24 h 47"/>
                            <a:gd name="T52" fmla="*/ 32 w 49"/>
                            <a:gd name="T53" fmla="*/ 14 h 47"/>
                            <a:gd name="T54" fmla="*/ 38 w 49"/>
                            <a:gd name="T55" fmla="*/ 0 h 47"/>
                            <a:gd name="T56" fmla="*/ 42 w 49"/>
                            <a:gd name="T57" fmla="*/ 0 h 47"/>
                            <a:gd name="T58" fmla="*/ 43 w 49"/>
                            <a:gd name="T59" fmla="*/ 0 h 47"/>
                            <a:gd name="T60" fmla="*/ 46 w 49"/>
                            <a:gd name="T61" fmla="*/ 1 h 47"/>
                            <a:gd name="T62" fmla="*/ 47 w 49"/>
                            <a:gd name="T63" fmla="*/ 3 h 47"/>
                            <a:gd name="T64" fmla="*/ 47 w 49"/>
                            <a:gd name="T65" fmla="*/ 7 h 47"/>
                            <a:gd name="T66" fmla="*/ 47 w 49"/>
                            <a:gd name="T67" fmla="*/ 10 h 47"/>
                            <a:gd name="T68" fmla="*/ 47 w 49"/>
                            <a:gd name="T69" fmla="*/ 13 h 47"/>
                            <a:gd name="T70" fmla="*/ 49 w 49"/>
                            <a:gd name="T71" fmla="*/ 14 h 47"/>
                            <a:gd name="T72" fmla="*/ 49 w 49"/>
                            <a:gd name="T73" fmla="*/ 15 h 47"/>
                            <a:gd name="T74" fmla="*/ 47 w 49"/>
                            <a:gd name="T75" fmla="*/ 17 h 47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  <a:cxn ang="0">
                              <a:pos x="T34" y="T35"/>
                            </a:cxn>
                            <a:cxn ang="0">
                              <a:pos x="T36" y="T37"/>
                            </a:cxn>
                            <a:cxn ang="0">
                              <a:pos x="T38" y="T39"/>
                            </a:cxn>
                            <a:cxn ang="0">
                              <a:pos x="T40" y="T41"/>
                            </a:cxn>
                            <a:cxn ang="0">
                              <a:pos x="T42" y="T43"/>
                            </a:cxn>
                            <a:cxn ang="0">
                              <a:pos x="T44" y="T45"/>
                            </a:cxn>
                            <a:cxn ang="0">
                              <a:pos x="T46" y="T47"/>
                            </a:cxn>
                            <a:cxn ang="0">
                              <a:pos x="T48" y="T49"/>
                            </a:cxn>
                            <a:cxn ang="0">
                              <a:pos x="T50" y="T51"/>
                            </a:cxn>
                            <a:cxn ang="0">
                              <a:pos x="T52" y="T53"/>
                            </a:cxn>
                            <a:cxn ang="0">
                              <a:pos x="T54" y="T55"/>
                            </a:cxn>
                            <a:cxn ang="0">
                              <a:pos x="T56" y="T57"/>
                            </a:cxn>
                            <a:cxn ang="0">
                              <a:pos x="T58" y="T59"/>
                            </a:cxn>
                            <a:cxn ang="0">
                              <a:pos x="T60" y="T61"/>
                            </a:cxn>
                            <a:cxn ang="0">
                              <a:pos x="T62" y="T63"/>
                            </a:cxn>
                            <a:cxn ang="0">
                              <a:pos x="T64" y="T65"/>
                            </a:cxn>
                            <a:cxn ang="0">
                              <a:pos x="T66" y="T67"/>
                            </a:cxn>
                            <a:cxn ang="0">
                              <a:pos x="T68" y="T69"/>
                            </a:cxn>
                            <a:cxn ang="0">
                              <a:pos x="T70" y="T71"/>
                            </a:cxn>
                            <a:cxn ang="0">
                              <a:pos x="T72" y="T73"/>
                            </a:cxn>
                            <a:cxn ang="0">
                              <a:pos x="T74" y="T75"/>
                            </a:cxn>
                          </a:cxnLst>
                          <a:rect l="0" t="0" r="r" b="b"/>
                          <a:pathLst>
                            <a:path w="49" h="47">
                              <a:moveTo>
                                <a:pt x="47" y="17"/>
                              </a:moveTo>
                              <a:lnTo>
                                <a:pt x="38" y="27"/>
                              </a:lnTo>
                              <a:lnTo>
                                <a:pt x="28" y="39"/>
                              </a:lnTo>
                              <a:lnTo>
                                <a:pt x="26" y="39"/>
                              </a:lnTo>
                              <a:lnTo>
                                <a:pt x="25" y="40"/>
                              </a:lnTo>
                              <a:lnTo>
                                <a:pt x="22" y="40"/>
                              </a:lnTo>
                              <a:lnTo>
                                <a:pt x="21" y="41"/>
                              </a:lnTo>
                              <a:lnTo>
                                <a:pt x="20" y="41"/>
                              </a:lnTo>
                              <a:lnTo>
                                <a:pt x="17" y="41"/>
                              </a:lnTo>
                              <a:lnTo>
                                <a:pt x="16" y="43"/>
                              </a:lnTo>
                              <a:lnTo>
                                <a:pt x="15" y="43"/>
                              </a:lnTo>
                              <a:lnTo>
                                <a:pt x="13" y="44"/>
                              </a:lnTo>
                              <a:lnTo>
                                <a:pt x="11" y="44"/>
                              </a:lnTo>
                              <a:lnTo>
                                <a:pt x="9" y="44"/>
                              </a:lnTo>
                              <a:lnTo>
                                <a:pt x="8" y="45"/>
                              </a:lnTo>
                              <a:lnTo>
                                <a:pt x="5" y="45"/>
                              </a:lnTo>
                              <a:lnTo>
                                <a:pt x="4" y="47"/>
                              </a:lnTo>
                              <a:lnTo>
                                <a:pt x="3" y="47"/>
                              </a:lnTo>
                              <a:lnTo>
                                <a:pt x="0" y="47"/>
                              </a:lnTo>
                              <a:lnTo>
                                <a:pt x="3" y="43"/>
                              </a:lnTo>
                              <a:lnTo>
                                <a:pt x="4" y="39"/>
                              </a:lnTo>
                              <a:lnTo>
                                <a:pt x="4" y="37"/>
                              </a:lnTo>
                              <a:lnTo>
                                <a:pt x="5" y="35"/>
                              </a:lnTo>
                              <a:lnTo>
                                <a:pt x="5" y="34"/>
                              </a:lnTo>
                              <a:lnTo>
                                <a:pt x="7" y="31"/>
                              </a:lnTo>
                              <a:lnTo>
                                <a:pt x="21" y="24"/>
                              </a:lnTo>
                              <a:lnTo>
                                <a:pt x="32" y="14"/>
                              </a:lnTo>
                              <a:lnTo>
                                <a:pt x="38" y="0"/>
                              </a:lnTo>
                              <a:lnTo>
                                <a:pt x="42" y="0"/>
                              </a:lnTo>
                              <a:lnTo>
                                <a:pt x="43" y="0"/>
                              </a:lnTo>
                              <a:lnTo>
                                <a:pt x="46" y="1"/>
                              </a:lnTo>
                              <a:lnTo>
                                <a:pt x="47" y="3"/>
                              </a:lnTo>
                              <a:lnTo>
                                <a:pt x="47" y="7"/>
                              </a:lnTo>
                              <a:lnTo>
                                <a:pt x="47" y="10"/>
                              </a:lnTo>
                              <a:lnTo>
                                <a:pt x="47" y="13"/>
                              </a:lnTo>
                              <a:lnTo>
                                <a:pt x="49" y="14"/>
                              </a:lnTo>
                              <a:lnTo>
                                <a:pt x="49" y="15"/>
                              </a:lnTo>
                              <a:lnTo>
                                <a:pt x="47" y="17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311" name="Freeform 158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4448890" y="5473986"/>
                          <a:ext cx="64870" cy="27630"/>
                        </a:xfrm>
                        <a:custGeom>
                          <a:avLst/>
                          <a:gdLst>
                            <a:gd name="T0" fmla="*/ 52 w 54"/>
                            <a:gd name="T1" fmla="*/ 22 h 23"/>
                            <a:gd name="T2" fmla="*/ 42 w 54"/>
                            <a:gd name="T3" fmla="*/ 23 h 23"/>
                            <a:gd name="T4" fmla="*/ 33 w 54"/>
                            <a:gd name="T5" fmla="*/ 22 h 23"/>
                            <a:gd name="T6" fmla="*/ 25 w 54"/>
                            <a:gd name="T7" fmla="*/ 21 h 23"/>
                            <a:gd name="T8" fmla="*/ 14 w 54"/>
                            <a:gd name="T9" fmla="*/ 18 h 23"/>
                            <a:gd name="T10" fmla="*/ 1 w 54"/>
                            <a:gd name="T11" fmla="*/ 18 h 23"/>
                            <a:gd name="T12" fmla="*/ 1 w 54"/>
                            <a:gd name="T13" fmla="*/ 16 h 23"/>
                            <a:gd name="T14" fmla="*/ 1 w 54"/>
                            <a:gd name="T15" fmla="*/ 14 h 23"/>
                            <a:gd name="T16" fmla="*/ 1 w 54"/>
                            <a:gd name="T17" fmla="*/ 12 h 23"/>
                            <a:gd name="T18" fmla="*/ 0 w 54"/>
                            <a:gd name="T19" fmla="*/ 9 h 23"/>
                            <a:gd name="T20" fmla="*/ 0 w 54"/>
                            <a:gd name="T21" fmla="*/ 8 h 23"/>
                            <a:gd name="T22" fmla="*/ 0 w 54"/>
                            <a:gd name="T23" fmla="*/ 5 h 23"/>
                            <a:gd name="T24" fmla="*/ 0 w 54"/>
                            <a:gd name="T25" fmla="*/ 2 h 23"/>
                            <a:gd name="T26" fmla="*/ 0 w 54"/>
                            <a:gd name="T27" fmla="*/ 1 h 23"/>
                            <a:gd name="T28" fmla="*/ 5 w 54"/>
                            <a:gd name="T29" fmla="*/ 0 h 23"/>
                            <a:gd name="T30" fmla="*/ 9 w 54"/>
                            <a:gd name="T31" fmla="*/ 0 h 23"/>
                            <a:gd name="T32" fmla="*/ 25 w 54"/>
                            <a:gd name="T33" fmla="*/ 1 h 23"/>
                            <a:gd name="T34" fmla="*/ 38 w 54"/>
                            <a:gd name="T35" fmla="*/ 5 h 23"/>
                            <a:gd name="T36" fmla="*/ 47 w 54"/>
                            <a:gd name="T37" fmla="*/ 13 h 23"/>
                            <a:gd name="T38" fmla="*/ 54 w 54"/>
                            <a:gd name="T39" fmla="*/ 22 h 23"/>
                            <a:gd name="T40" fmla="*/ 52 w 54"/>
                            <a:gd name="T41" fmla="*/ 22 h 23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  <a:cxn ang="0">
                              <a:pos x="T34" y="T35"/>
                            </a:cxn>
                            <a:cxn ang="0">
                              <a:pos x="T36" y="T37"/>
                            </a:cxn>
                            <a:cxn ang="0">
                              <a:pos x="T38" y="T39"/>
                            </a:cxn>
                            <a:cxn ang="0">
                              <a:pos x="T40" y="T41"/>
                            </a:cxn>
                          </a:cxnLst>
                          <a:rect l="0" t="0" r="r" b="b"/>
                          <a:pathLst>
                            <a:path w="54" h="23">
                              <a:moveTo>
                                <a:pt x="52" y="22"/>
                              </a:moveTo>
                              <a:lnTo>
                                <a:pt x="42" y="23"/>
                              </a:lnTo>
                              <a:lnTo>
                                <a:pt x="33" y="22"/>
                              </a:lnTo>
                              <a:lnTo>
                                <a:pt x="25" y="21"/>
                              </a:lnTo>
                              <a:lnTo>
                                <a:pt x="14" y="18"/>
                              </a:lnTo>
                              <a:lnTo>
                                <a:pt x="1" y="18"/>
                              </a:lnTo>
                              <a:lnTo>
                                <a:pt x="1" y="16"/>
                              </a:lnTo>
                              <a:lnTo>
                                <a:pt x="1" y="14"/>
                              </a:lnTo>
                              <a:lnTo>
                                <a:pt x="1" y="12"/>
                              </a:lnTo>
                              <a:lnTo>
                                <a:pt x="0" y="9"/>
                              </a:lnTo>
                              <a:lnTo>
                                <a:pt x="0" y="8"/>
                              </a:lnTo>
                              <a:lnTo>
                                <a:pt x="0" y="5"/>
                              </a:lnTo>
                              <a:lnTo>
                                <a:pt x="0" y="2"/>
                              </a:lnTo>
                              <a:lnTo>
                                <a:pt x="0" y="1"/>
                              </a:lnTo>
                              <a:lnTo>
                                <a:pt x="5" y="0"/>
                              </a:lnTo>
                              <a:lnTo>
                                <a:pt x="9" y="0"/>
                              </a:lnTo>
                              <a:lnTo>
                                <a:pt x="25" y="1"/>
                              </a:lnTo>
                              <a:lnTo>
                                <a:pt x="38" y="5"/>
                              </a:lnTo>
                              <a:lnTo>
                                <a:pt x="47" y="13"/>
                              </a:lnTo>
                              <a:lnTo>
                                <a:pt x="54" y="22"/>
                              </a:lnTo>
                              <a:lnTo>
                                <a:pt x="52" y="22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312" name="Freeform 160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4321553" y="5448758"/>
                          <a:ext cx="1141228" cy="529770"/>
                        </a:xfrm>
                        <a:custGeom>
                          <a:avLst/>
                          <a:gdLst>
                            <a:gd name="T0" fmla="*/ 881 w 950"/>
                            <a:gd name="T1" fmla="*/ 321 h 441"/>
                            <a:gd name="T2" fmla="*/ 872 w 950"/>
                            <a:gd name="T3" fmla="*/ 325 h 441"/>
                            <a:gd name="T4" fmla="*/ 868 w 950"/>
                            <a:gd name="T5" fmla="*/ 328 h 441"/>
                            <a:gd name="T6" fmla="*/ 861 w 950"/>
                            <a:gd name="T7" fmla="*/ 334 h 441"/>
                            <a:gd name="T8" fmla="*/ 835 w 950"/>
                            <a:gd name="T9" fmla="*/ 348 h 441"/>
                            <a:gd name="T10" fmla="*/ 765 w 950"/>
                            <a:gd name="T11" fmla="*/ 381 h 441"/>
                            <a:gd name="T12" fmla="*/ 734 w 950"/>
                            <a:gd name="T13" fmla="*/ 394 h 441"/>
                            <a:gd name="T14" fmla="*/ 729 w 950"/>
                            <a:gd name="T15" fmla="*/ 395 h 441"/>
                            <a:gd name="T16" fmla="*/ 681 w 950"/>
                            <a:gd name="T17" fmla="*/ 410 h 441"/>
                            <a:gd name="T18" fmla="*/ 590 w 950"/>
                            <a:gd name="T19" fmla="*/ 427 h 441"/>
                            <a:gd name="T20" fmla="*/ 568 w 950"/>
                            <a:gd name="T21" fmla="*/ 423 h 441"/>
                            <a:gd name="T22" fmla="*/ 563 w 950"/>
                            <a:gd name="T23" fmla="*/ 419 h 441"/>
                            <a:gd name="T24" fmla="*/ 554 w 950"/>
                            <a:gd name="T25" fmla="*/ 420 h 441"/>
                            <a:gd name="T26" fmla="*/ 558 w 950"/>
                            <a:gd name="T27" fmla="*/ 414 h 441"/>
                            <a:gd name="T28" fmla="*/ 542 w 950"/>
                            <a:gd name="T29" fmla="*/ 415 h 441"/>
                            <a:gd name="T30" fmla="*/ 541 w 950"/>
                            <a:gd name="T31" fmla="*/ 414 h 441"/>
                            <a:gd name="T32" fmla="*/ 500 w 950"/>
                            <a:gd name="T33" fmla="*/ 415 h 441"/>
                            <a:gd name="T34" fmla="*/ 469 w 950"/>
                            <a:gd name="T35" fmla="*/ 403 h 441"/>
                            <a:gd name="T36" fmla="*/ 370 w 950"/>
                            <a:gd name="T37" fmla="*/ 414 h 441"/>
                            <a:gd name="T38" fmla="*/ 222 w 950"/>
                            <a:gd name="T39" fmla="*/ 432 h 441"/>
                            <a:gd name="T40" fmla="*/ 162 w 950"/>
                            <a:gd name="T41" fmla="*/ 440 h 441"/>
                            <a:gd name="T42" fmla="*/ 150 w 950"/>
                            <a:gd name="T43" fmla="*/ 441 h 441"/>
                            <a:gd name="T44" fmla="*/ 105 w 950"/>
                            <a:gd name="T45" fmla="*/ 433 h 441"/>
                            <a:gd name="T46" fmla="*/ 102 w 950"/>
                            <a:gd name="T47" fmla="*/ 410 h 441"/>
                            <a:gd name="T48" fmla="*/ 50 w 950"/>
                            <a:gd name="T49" fmla="*/ 374 h 441"/>
                            <a:gd name="T50" fmla="*/ 26 w 950"/>
                            <a:gd name="T51" fmla="*/ 345 h 441"/>
                            <a:gd name="T52" fmla="*/ 8 w 950"/>
                            <a:gd name="T53" fmla="*/ 314 h 441"/>
                            <a:gd name="T54" fmla="*/ 182 w 950"/>
                            <a:gd name="T55" fmla="*/ 250 h 441"/>
                            <a:gd name="T56" fmla="*/ 195 w 950"/>
                            <a:gd name="T57" fmla="*/ 234 h 441"/>
                            <a:gd name="T58" fmla="*/ 234 w 950"/>
                            <a:gd name="T59" fmla="*/ 192 h 441"/>
                            <a:gd name="T60" fmla="*/ 243 w 950"/>
                            <a:gd name="T61" fmla="*/ 203 h 441"/>
                            <a:gd name="T62" fmla="*/ 253 w 950"/>
                            <a:gd name="T63" fmla="*/ 201 h 441"/>
                            <a:gd name="T64" fmla="*/ 249 w 950"/>
                            <a:gd name="T65" fmla="*/ 186 h 441"/>
                            <a:gd name="T66" fmla="*/ 254 w 950"/>
                            <a:gd name="T67" fmla="*/ 183 h 441"/>
                            <a:gd name="T68" fmla="*/ 264 w 950"/>
                            <a:gd name="T69" fmla="*/ 183 h 441"/>
                            <a:gd name="T70" fmla="*/ 296 w 950"/>
                            <a:gd name="T71" fmla="*/ 152 h 441"/>
                            <a:gd name="T72" fmla="*/ 343 w 950"/>
                            <a:gd name="T73" fmla="*/ 126 h 441"/>
                            <a:gd name="T74" fmla="*/ 380 w 950"/>
                            <a:gd name="T75" fmla="*/ 132 h 441"/>
                            <a:gd name="T76" fmla="*/ 420 w 950"/>
                            <a:gd name="T77" fmla="*/ 129 h 441"/>
                            <a:gd name="T78" fmla="*/ 466 w 950"/>
                            <a:gd name="T79" fmla="*/ 85 h 441"/>
                            <a:gd name="T80" fmla="*/ 500 w 950"/>
                            <a:gd name="T81" fmla="*/ 68 h 441"/>
                            <a:gd name="T82" fmla="*/ 635 w 950"/>
                            <a:gd name="T83" fmla="*/ 61 h 441"/>
                            <a:gd name="T84" fmla="*/ 596 w 950"/>
                            <a:gd name="T85" fmla="*/ 126 h 441"/>
                            <a:gd name="T86" fmla="*/ 655 w 950"/>
                            <a:gd name="T87" fmla="*/ 153 h 441"/>
                            <a:gd name="T88" fmla="*/ 690 w 950"/>
                            <a:gd name="T89" fmla="*/ 166 h 441"/>
                            <a:gd name="T90" fmla="*/ 729 w 950"/>
                            <a:gd name="T91" fmla="*/ 149 h 441"/>
                            <a:gd name="T92" fmla="*/ 774 w 950"/>
                            <a:gd name="T93" fmla="*/ 47 h 441"/>
                            <a:gd name="T94" fmla="*/ 813 w 950"/>
                            <a:gd name="T95" fmla="*/ 34 h 441"/>
                            <a:gd name="T96" fmla="*/ 839 w 950"/>
                            <a:gd name="T97" fmla="*/ 81 h 441"/>
                            <a:gd name="T98" fmla="*/ 859 w 950"/>
                            <a:gd name="T99" fmla="*/ 140 h 441"/>
                            <a:gd name="T100" fmla="*/ 894 w 950"/>
                            <a:gd name="T101" fmla="*/ 177 h 441"/>
                            <a:gd name="T102" fmla="*/ 903 w 950"/>
                            <a:gd name="T103" fmla="*/ 191 h 441"/>
                            <a:gd name="T104" fmla="*/ 911 w 950"/>
                            <a:gd name="T105" fmla="*/ 205 h 441"/>
                            <a:gd name="T106" fmla="*/ 916 w 950"/>
                            <a:gd name="T107" fmla="*/ 211 h 441"/>
                            <a:gd name="T108" fmla="*/ 927 w 950"/>
                            <a:gd name="T109" fmla="*/ 213 h 441"/>
                            <a:gd name="T110" fmla="*/ 928 w 950"/>
                            <a:gd name="T111" fmla="*/ 222 h 441"/>
                            <a:gd name="T112" fmla="*/ 950 w 950"/>
                            <a:gd name="T113" fmla="*/ 246 h 441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  <a:cxn ang="0">
                              <a:pos x="T34" y="T35"/>
                            </a:cxn>
                            <a:cxn ang="0">
                              <a:pos x="T36" y="T37"/>
                            </a:cxn>
                            <a:cxn ang="0">
                              <a:pos x="T38" y="T39"/>
                            </a:cxn>
                            <a:cxn ang="0">
                              <a:pos x="T40" y="T41"/>
                            </a:cxn>
                            <a:cxn ang="0">
                              <a:pos x="T42" y="T43"/>
                            </a:cxn>
                            <a:cxn ang="0">
                              <a:pos x="T44" y="T45"/>
                            </a:cxn>
                            <a:cxn ang="0">
                              <a:pos x="T46" y="T47"/>
                            </a:cxn>
                            <a:cxn ang="0">
                              <a:pos x="T48" y="T49"/>
                            </a:cxn>
                            <a:cxn ang="0">
                              <a:pos x="T50" y="T51"/>
                            </a:cxn>
                            <a:cxn ang="0">
                              <a:pos x="T52" y="T53"/>
                            </a:cxn>
                            <a:cxn ang="0">
                              <a:pos x="T54" y="T55"/>
                            </a:cxn>
                            <a:cxn ang="0">
                              <a:pos x="T56" y="T57"/>
                            </a:cxn>
                            <a:cxn ang="0">
                              <a:pos x="T58" y="T59"/>
                            </a:cxn>
                            <a:cxn ang="0">
                              <a:pos x="T60" y="T61"/>
                            </a:cxn>
                            <a:cxn ang="0">
                              <a:pos x="T62" y="T63"/>
                            </a:cxn>
                            <a:cxn ang="0">
                              <a:pos x="T64" y="T65"/>
                            </a:cxn>
                            <a:cxn ang="0">
                              <a:pos x="T66" y="T67"/>
                            </a:cxn>
                            <a:cxn ang="0">
                              <a:pos x="T68" y="T69"/>
                            </a:cxn>
                            <a:cxn ang="0">
                              <a:pos x="T70" y="T71"/>
                            </a:cxn>
                            <a:cxn ang="0">
                              <a:pos x="T72" y="T73"/>
                            </a:cxn>
                            <a:cxn ang="0">
                              <a:pos x="T74" y="T75"/>
                            </a:cxn>
                            <a:cxn ang="0">
                              <a:pos x="T76" y="T77"/>
                            </a:cxn>
                            <a:cxn ang="0">
                              <a:pos x="T78" y="T79"/>
                            </a:cxn>
                            <a:cxn ang="0">
                              <a:pos x="T80" y="T81"/>
                            </a:cxn>
                            <a:cxn ang="0">
                              <a:pos x="T82" y="T83"/>
                            </a:cxn>
                            <a:cxn ang="0">
                              <a:pos x="T84" y="T85"/>
                            </a:cxn>
                            <a:cxn ang="0">
                              <a:pos x="T86" y="T87"/>
                            </a:cxn>
                            <a:cxn ang="0">
                              <a:pos x="T88" y="T89"/>
                            </a:cxn>
                            <a:cxn ang="0">
                              <a:pos x="T90" y="T91"/>
                            </a:cxn>
                            <a:cxn ang="0">
                              <a:pos x="T92" y="T93"/>
                            </a:cxn>
                            <a:cxn ang="0">
                              <a:pos x="T94" y="T95"/>
                            </a:cxn>
                            <a:cxn ang="0">
                              <a:pos x="T96" y="T97"/>
                            </a:cxn>
                            <a:cxn ang="0">
                              <a:pos x="T98" y="T99"/>
                            </a:cxn>
                            <a:cxn ang="0">
                              <a:pos x="T100" y="T101"/>
                            </a:cxn>
                            <a:cxn ang="0">
                              <a:pos x="T102" y="T103"/>
                            </a:cxn>
                            <a:cxn ang="0">
                              <a:pos x="T104" y="T105"/>
                            </a:cxn>
                            <a:cxn ang="0">
                              <a:pos x="T106" y="T107"/>
                            </a:cxn>
                            <a:cxn ang="0">
                              <a:pos x="T108" y="T109"/>
                            </a:cxn>
                            <a:cxn ang="0">
                              <a:pos x="T110" y="T111"/>
                            </a:cxn>
                            <a:cxn ang="0">
                              <a:pos x="T112" y="T113"/>
                            </a:cxn>
                          </a:cxnLst>
                          <a:rect l="0" t="0" r="r" b="b"/>
                          <a:pathLst>
                            <a:path w="950" h="441">
                              <a:moveTo>
                                <a:pt x="905" y="302"/>
                              </a:moveTo>
                              <a:lnTo>
                                <a:pt x="894" y="311"/>
                              </a:lnTo>
                              <a:lnTo>
                                <a:pt x="886" y="317"/>
                              </a:lnTo>
                              <a:lnTo>
                                <a:pt x="881" y="321"/>
                              </a:lnTo>
                              <a:lnTo>
                                <a:pt x="878" y="322"/>
                              </a:lnTo>
                              <a:lnTo>
                                <a:pt x="876" y="323"/>
                              </a:lnTo>
                              <a:lnTo>
                                <a:pt x="873" y="325"/>
                              </a:lnTo>
                              <a:lnTo>
                                <a:pt x="872" y="325"/>
                              </a:lnTo>
                              <a:lnTo>
                                <a:pt x="871" y="326"/>
                              </a:lnTo>
                              <a:lnTo>
                                <a:pt x="871" y="326"/>
                              </a:lnTo>
                              <a:lnTo>
                                <a:pt x="869" y="327"/>
                              </a:lnTo>
                              <a:lnTo>
                                <a:pt x="868" y="328"/>
                              </a:lnTo>
                              <a:lnTo>
                                <a:pt x="867" y="330"/>
                              </a:lnTo>
                              <a:lnTo>
                                <a:pt x="865" y="331"/>
                              </a:lnTo>
                              <a:lnTo>
                                <a:pt x="863" y="332"/>
                              </a:lnTo>
                              <a:lnTo>
                                <a:pt x="861" y="334"/>
                              </a:lnTo>
                              <a:lnTo>
                                <a:pt x="860" y="335"/>
                              </a:lnTo>
                              <a:lnTo>
                                <a:pt x="856" y="336"/>
                              </a:lnTo>
                              <a:lnTo>
                                <a:pt x="848" y="340"/>
                              </a:lnTo>
                              <a:lnTo>
                                <a:pt x="835" y="348"/>
                              </a:lnTo>
                              <a:lnTo>
                                <a:pt x="818" y="356"/>
                              </a:lnTo>
                              <a:lnTo>
                                <a:pt x="801" y="364"/>
                              </a:lnTo>
                              <a:lnTo>
                                <a:pt x="783" y="373"/>
                              </a:lnTo>
                              <a:lnTo>
                                <a:pt x="765" y="381"/>
                              </a:lnTo>
                              <a:lnTo>
                                <a:pt x="750" y="387"/>
                              </a:lnTo>
                              <a:lnTo>
                                <a:pt x="737" y="393"/>
                              </a:lnTo>
                              <a:lnTo>
                                <a:pt x="736" y="393"/>
                              </a:lnTo>
                              <a:lnTo>
                                <a:pt x="734" y="394"/>
                              </a:lnTo>
                              <a:lnTo>
                                <a:pt x="733" y="394"/>
                              </a:lnTo>
                              <a:lnTo>
                                <a:pt x="732" y="394"/>
                              </a:lnTo>
                              <a:lnTo>
                                <a:pt x="730" y="395"/>
                              </a:lnTo>
                              <a:lnTo>
                                <a:pt x="729" y="395"/>
                              </a:lnTo>
                              <a:lnTo>
                                <a:pt x="728" y="397"/>
                              </a:lnTo>
                              <a:lnTo>
                                <a:pt x="727" y="397"/>
                              </a:lnTo>
                              <a:lnTo>
                                <a:pt x="704" y="403"/>
                              </a:lnTo>
                              <a:lnTo>
                                <a:pt x="681" y="410"/>
                              </a:lnTo>
                              <a:lnTo>
                                <a:pt x="656" y="415"/>
                              </a:lnTo>
                              <a:lnTo>
                                <a:pt x="632" y="419"/>
                              </a:lnTo>
                              <a:lnTo>
                                <a:pt x="610" y="423"/>
                              </a:lnTo>
                              <a:lnTo>
                                <a:pt x="590" y="427"/>
                              </a:lnTo>
                              <a:lnTo>
                                <a:pt x="575" y="427"/>
                              </a:lnTo>
                              <a:lnTo>
                                <a:pt x="564" y="427"/>
                              </a:lnTo>
                              <a:lnTo>
                                <a:pt x="565" y="425"/>
                              </a:lnTo>
                              <a:lnTo>
                                <a:pt x="568" y="423"/>
                              </a:lnTo>
                              <a:lnTo>
                                <a:pt x="567" y="421"/>
                              </a:lnTo>
                              <a:lnTo>
                                <a:pt x="565" y="419"/>
                              </a:lnTo>
                              <a:lnTo>
                                <a:pt x="564" y="419"/>
                              </a:lnTo>
                              <a:lnTo>
                                <a:pt x="563" y="419"/>
                              </a:lnTo>
                              <a:lnTo>
                                <a:pt x="562" y="419"/>
                              </a:lnTo>
                              <a:lnTo>
                                <a:pt x="560" y="419"/>
                              </a:lnTo>
                              <a:lnTo>
                                <a:pt x="558" y="420"/>
                              </a:lnTo>
                              <a:lnTo>
                                <a:pt x="554" y="420"/>
                              </a:lnTo>
                              <a:lnTo>
                                <a:pt x="548" y="421"/>
                              </a:lnTo>
                              <a:lnTo>
                                <a:pt x="551" y="419"/>
                              </a:lnTo>
                              <a:lnTo>
                                <a:pt x="555" y="416"/>
                              </a:lnTo>
                              <a:lnTo>
                                <a:pt x="558" y="414"/>
                              </a:lnTo>
                              <a:lnTo>
                                <a:pt x="546" y="416"/>
                              </a:lnTo>
                              <a:lnTo>
                                <a:pt x="533" y="420"/>
                              </a:lnTo>
                              <a:lnTo>
                                <a:pt x="537" y="417"/>
                              </a:lnTo>
                              <a:lnTo>
                                <a:pt x="542" y="415"/>
                              </a:lnTo>
                              <a:lnTo>
                                <a:pt x="546" y="412"/>
                              </a:lnTo>
                              <a:lnTo>
                                <a:pt x="546" y="412"/>
                              </a:lnTo>
                              <a:lnTo>
                                <a:pt x="545" y="414"/>
                              </a:lnTo>
                              <a:lnTo>
                                <a:pt x="541" y="414"/>
                              </a:lnTo>
                              <a:lnTo>
                                <a:pt x="533" y="415"/>
                              </a:lnTo>
                              <a:lnTo>
                                <a:pt x="521" y="417"/>
                              </a:lnTo>
                              <a:lnTo>
                                <a:pt x="504" y="421"/>
                              </a:lnTo>
                              <a:lnTo>
                                <a:pt x="500" y="415"/>
                              </a:lnTo>
                              <a:lnTo>
                                <a:pt x="496" y="410"/>
                              </a:lnTo>
                              <a:lnTo>
                                <a:pt x="490" y="407"/>
                              </a:lnTo>
                              <a:lnTo>
                                <a:pt x="480" y="404"/>
                              </a:lnTo>
                              <a:lnTo>
                                <a:pt x="469" y="403"/>
                              </a:lnTo>
                              <a:lnTo>
                                <a:pt x="453" y="404"/>
                              </a:lnTo>
                              <a:lnTo>
                                <a:pt x="431" y="406"/>
                              </a:lnTo>
                              <a:lnTo>
                                <a:pt x="404" y="408"/>
                              </a:lnTo>
                              <a:lnTo>
                                <a:pt x="370" y="414"/>
                              </a:lnTo>
                              <a:lnTo>
                                <a:pt x="328" y="419"/>
                              </a:lnTo>
                              <a:lnTo>
                                <a:pt x="285" y="424"/>
                              </a:lnTo>
                              <a:lnTo>
                                <a:pt x="250" y="429"/>
                              </a:lnTo>
                              <a:lnTo>
                                <a:pt x="222" y="432"/>
                              </a:lnTo>
                              <a:lnTo>
                                <a:pt x="200" y="436"/>
                              </a:lnTo>
                              <a:lnTo>
                                <a:pt x="183" y="437"/>
                              </a:lnTo>
                              <a:lnTo>
                                <a:pt x="171" y="438"/>
                              </a:lnTo>
                              <a:lnTo>
                                <a:pt x="162" y="440"/>
                              </a:lnTo>
                              <a:lnTo>
                                <a:pt x="157" y="441"/>
                              </a:lnTo>
                              <a:lnTo>
                                <a:pt x="153" y="441"/>
                              </a:lnTo>
                              <a:lnTo>
                                <a:pt x="152" y="441"/>
                              </a:lnTo>
                              <a:lnTo>
                                <a:pt x="150" y="441"/>
                              </a:lnTo>
                              <a:lnTo>
                                <a:pt x="132" y="440"/>
                              </a:lnTo>
                              <a:lnTo>
                                <a:pt x="120" y="437"/>
                              </a:lnTo>
                              <a:lnTo>
                                <a:pt x="111" y="436"/>
                              </a:lnTo>
                              <a:lnTo>
                                <a:pt x="105" y="433"/>
                              </a:lnTo>
                              <a:lnTo>
                                <a:pt x="107" y="431"/>
                              </a:lnTo>
                              <a:lnTo>
                                <a:pt x="108" y="428"/>
                              </a:lnTo>
                              <a:lnTo>
                                <a:pt x="111" y="424"/>
                              </a:lnTo>
                              <a:lnTo>
                                <a:pt x="102" y="410"/>
                              </a:lnTo>
                              <a:lnTo>
                                <a:pt x="90" y="399"/>
                              </a:lnTo>
                              <a:lnTo>
                                <a:pt x="77" y="390"/>
                              </a:lnTo>
                              <a:lnTo>
                                <a:pt x="63" y="382"/>
                              </a:lnTo>
                              <a:lnTo>
                                <a:pt x="50" y="374"/>
                              </a:lnTo>
                              <a:lnTo>
                                <a:pt x="36" y="365"/>
                              </a:lnTo>
                              <a:lnTo>
                                <a:pt x="26" y="353"/>
                              </a:lnTo>
                              <a:lnTo>
                                <a:pt x="26" y="349"/>
                              </a:lnTo>
                              <a:lnTo>
                                <a:pt x="26" y="345"/>
                              </a:lnTo>
                              <a:lnTo>
                                <a:pt x="26" y="342"/>
                              </a:lnTo>
                              <a:lnTo>
                                <a:pt x="17" y="335"/>
                              </a:lnTo>
                              <a:lnTo>
                                <a:pt x="10" y="325"/>
                              </a:lnTo>
                              <a:lnTo>
                                <a:pt x="8" y="314"/>
                              </a:lnTo>
                              <a:lnTo>
                                <a:pt x="5" y="304"/>
                              </a:lnTo>
                              <a:lnTo>
                                <a:pt x="0" y="293"/>
                              </a:lnTo>
                              <a:lnTo>
                                <a:pt x="179" y="250"/>
                              </a:lnTo>
                              <a:lnTo>
                                <a:pt x="182" y="250"/>
                              </a:lnTo>
                              <a:lnTo>
                                <a:pt x="183" y="249"/>
                              </a:lnTo>
                              <a:lnTo>
                                <a:pt x="186" y="246"/>
                              </a:lnTo>
                              <a:lnTo>
                                <a:pt x="190" y="241"/>
                              </a:lnTo>
                              <a:lnTo>
                                <a:pt x="195" y="234"/>
                              </a:lnTo>
                              <a:lnTo>
                                <a:pt x="203" y="224"/>
                              </a:lnTo>
                              <a:lnTo>
                                <a:pt x="215" y="209"/>
                              </a:lnTo>
                              <a:lnTo>
                                <a:pt x="229" y="190"/>
                              </a:lnTo>
                              <a:lnTo>
                                <a:pt x="234" y="192"/>
                              </a:lnTo>
                              <a:lnTo>
                                <a:pt x="238" y="194"/>
                              </a:lnTo>
                              <a:lnTo>
                                <a:pt x="241" y="196"/>
                              </a:lnTo>
                              <a:lnTo>
                                <a:pt x="242" y="199"/>
                              </a:lnTo>
                              <a:lnTo>
                                <a:pt x="243" y="203"/>
                              </a:lnTo>
                              <a:lnTo>
                                <a:pt x="243" y="207"/>
                              </a:lnTo>
                              <a:lnTo>
                                <a:pt x="247" y="205"/>
                              </a:lnTo>
                              <a:lnTo>
                                <a:pt x="250" y="204"/>
                              </a:lnTo>
                              <a:lnTo>
                                <a:pt x="253" y="201"/>
                              </a:lnTo>
                              <a:lnTo>
                                <a:pt x="251" y="196"/>
                              </a:lnTo>
                              <a:lnTo>
                                <a:pt x="250" y="192"/>
                              </a:lnTo>
                              <a:lnTo>
                                <a:pt x="249" y="187"/>
                              </a:lnTo>
                              <a:lnTo>
                                <a:pt x="249" y="186"/>
                              </a:lnTo>
                              <a:lnTo>
                                <a:pt x="250" y="184"/>
                              </a:lnTo>
                              <a:lnTo>
                                <a:pt x="250" y="183"/>
                              </a:lnTo>
                              <a:lnTo>
                                <a:pt x="251" y="183"/>
                              </a:lnTo>
                              <a:lnTo>
                                <a:pt x="254" y="183"/>
                              </a:lnTo>
                              <a:lnTo>
                                <a:pt x="256" y="183"/>
                              </a:lnTo>
                              <a:lnTo>
                                <a:pt x="259" y="183"/>
                              </a:lnTo>
                              <a:lnTo>
                                <a:pt x="262" y="183"/>
                              </a:lnTo>
                              <a:lnTo>
                                <a:pt x="264" y="183"/>
                              </a:lnTo>
                              <a:lnTo>
                                <a:pt x="267" y="183"/>
                              </a:lnTo>
                              <a:lnTo>
                                <a:pt x="270" y="183"/>
                              </a:lnTo>
                              <a:lnTo>
                                <a:pt x="281" y="166"/>
                              </a:lnTo>
                              <a:lnTo>
                                <a:pt x="296" y="152"/>
                              </a:lnTo>
                              <a:lnTo>
                                <a:pt x="310" y="141"/>
                              </a:lnTo>
                              <a:lnTo>
                                <a:pt x="323" y="133"/>
                              </a:lnTo>
                              <a:lnTo>
                                <a:pt x="335" y="128"/>
                              </a:lnTo>
                              <a:lnTo>
                                <a:pt x="343" y="126"/>
                              </a:lnTo>
                              <a:lnTo>
                                <a:pt x="347" y="124"/>
                              </a:lnTo>
                              <a:lnTo>
                                <a:pt x="359" y="123"/>
                              </a:lnTo>
                              <a:lnTo>
                                <a:pt x="369" y="127"/>
                              </a:lnTo>
                              <a:lnTo>
                                <a:pt x="380" y="132"/>
                              </a:lnTo>
                              <a:lnTo>
                                <a:pt x="390" y="139"/>
                              </a:lnTo>
                              <a:lnTo>
                                <a:pt x="399" y="144"/>
                              </a:lnTo>
                              <a:lnTo>
                                <a:pt x="411" y="145"/>
                              </a:lnTo>
                              <a:lnTo>
                                <a:pt x="420" y="129"/>
                              </a:lnTo>
                              <a:lnTo>
                                <a:pt x="431" y="112"/>
                              </a:lnTo>
                              <a:lnTo>
                                <a:pt x="438" y="95"/>
                              </a:lnTo>
                              <a:lnTo>
                                <a:pt x="452" y="90"/>
                              </a:lnTo>
                              <a:lnTo>
                                <a:pt x="466" y="85"/>
                              </a:lnTo>
                              <a:lnTo>
                                <a:pt x="482" y="81"/>
                              </a:lnTo>
                              <a:lnTo>
                                <a:pt x="503" y="76"/>
                              </a:lnTo>
                              <a:lnTo>
                                <a:pt x="501" y="72"/>
                              </a:lnTo>
                              <a:lnTo>
                                <a:pt x="500" y="68"/>
                              </a:lnTo>
                              <a:lnTo>
                                <a:pt x="499" y="64"/>
                              </a:lnTo>
                              <a:lnTo>
                                <a:pt x="497" y="60"/>
                              </a:lnTo>
                              <a:lnTo>
                                <a:pt x="496" y="56"/>
                              </a:lnTo>
                              <a:lnTo>
                                <a:pt x="635" y="61"/>
                              </a:lnTo>
                              <a:lnTo>
                                <a:pt x="626" y="78"/>
                              </a:lnTo>
                              <a:lnTo>
                                <a:pt x="615" y="93"/>
                              </a:lnTo>
                              <a:lnTo>
                                <a:pt x="605" y="109"/>
                              </a:lnTo>
                              <a:lnTo>
                                <a:pt x="596" y="126"/>
                              </a:lnTo>
                              <a:lnTo>
                                <a:pt x="606" y="135"/>
                              </a:lnTo>
                              <a:lnTo>
                                <a:pt x="618" y="141"/>
                              </a:lnTo>
                              <a:lnTo>
                                <a:pt x="634" y="148"/>
                              </a:lnTo>
                              <a:lnTo>
                                <a:pt x="655" y="153"/>
                              </a:lnTo>
                              <a:lnTo>
                                <a:pt x="683" y="157"/>
                              </a:lnTo>
                              <a:lnTo>
                                <a:pt x="685" y="161"/>
                              </a:lnTo>
                              <a:lnTo>
                                <a:pt x="685" y="164"/>
                              </a:lnTo>
                              <a:lnTo>
                                <a:pt x="690" y="166"/>
                              </a:lnTo>
                              <a:lnTo>
                                <a:pt x="694" y="167"/>
                              </a:lnTo>
                              <a:lnTo>
                                <a:pt x="700" y="169"/>
                              </a:lnTo>
                              <a:lnTo>
                                <a:pt x="711" y="170"/>
                              </a:lnTo>
                              <a:lnTo>
                                <a:pt x="729" y="149"/>
                              </a:lnTo>
                              <a:lnTo>
                                <a:pt x="744" y="126"/>
                              </a:lnTo>
                              <a:lnTo>
                                <a:pt x="754" y="99"/>
                              </a:lnTo>
                              <a:lnTo>
                                <a:pt x="765" y="73"/>
                              </a:lnTo>
                              <a:lnTo>
                                <a:pt x="774" y="47"/>
                              </a:lnTo>
                              <a:lnTo>
                                <a:pt x="785" y="22"/>
                              </a:lnTo>
                              <a:lnTo>
                                <a:pt x="801" y="0"/>
                              </a:lnTo>
                              <a:lnTo>
                                <a:pt x="809" y="16"/>
                              </a:lnTo>
                              <a:lnTo>
                                <a:pt x="813" y="34"/>
                              </a:lnTo>
                              <a:lnTo>
                                <a:pt x="817" y="51"/>
                              </a:lnTo>
                              <a:lnTo>
                                <a:pt x="825" y="67"/>
                              </a:lnTo>
                              <a:lnTo>
                                <a:pt x="831" y="76"/>
                              </a:lnTo>
                              <a:lnTo>
                                <a:pt x="839" y="81"/>
                              </a:lnTo>
                              <a:lnTo>
                                <a:pt x="848" y="84"/>
                              </a:lnTo>
                              <a:lnTo>
                                <a:pt x="861" y="85"/>
                              </a:lnTo>
                              <a:lnTo>
                                <a:pt x="859" y="112"/>
                              </a:lnTo>
                              <a:lnTo>
                                <a:pt x="859" y="140"/>
                              </a:lnTo>
                              <a:lnTo>
                                <a:pt x="857" y="167"/>
                              </a:lnTo>
                              <a:lnTo>
                                <a:pt x="871" y="169"/>
                              </a:lnTo>
                              <a:lnTo>
                                <a:pt x="882" y="173"/>
                              </a:lnTo>
                              <a:lnTo>
                                <a:pt x="894" y="177"/>
                              </a:lnTo>
                              <a:lnTo>
                                <a:pt x="909" y="183"/>
                              </a:lnTo>
                              <a:lnTo>
                                <a:pt x="906" y="186"/>
                              </a:lnTo>
                              <a:lnTo>
                                <a:pt x="903" y="188"/>
                              </a:lnTo>
                              <a:lnTo>
                                <a:pt x="903" y="191"/>
                              </a:lnTo>
                              <a:lnTo>
                                <a:pt x="903" y="194"/>
                              </a:lnTo>
                              <a:lnTo>
                                <a:pt x="906" y="198"/>
                              </a:lnTo>
                              <a:lnTo>
                                <a:pt x="910" y="201"/>
                              </a:lnTo>
                              <a:lnTo>
                                <a:pt x="911" y="205"/>
                              </a:lnTo>
                              <a:lnTo>
                                <a:pt x="910" y="208"/>
                              </a:lnTo>
                              <a:lnTo>
                                <a:pt x="909" y="211"/>
                              </a:lnTo>
                              <a:lnTo>
                                <a:pt x="914" y="211"/>
                              </a:lnTo>
                              <a:lnTo>
                                <a:pt x="916" y="211"/>
                              </a:lnTo>
                              <a:lnTo>
                                <a:pt x="919" y="211"/>
                              </a:lnTo>
                              <a:lnTo>
                                <a:pt x="922" y="211"/>
                              </a:lnTo>
                              <a:lnTo>
                                <a:pt x="924" y="212"/>
                              </a:lnTo>
                              <a:lnTo>
                                <a:pt x="927" y="213"/>
                              </a:lnTo>
                              <a:lnTo>
                                <a:pt x="928" y="216"/>
                              </a:lnTo>
                              <a:lnTo>
                                <a:pt x="928" y="218"/>
                              </a:lnTo>
                              <a:lnTo>
                                <a:pt x="928" y="220"/>
                              </a:lnTo>
                              <a:lnTo>
                                <a:pt x="928" y="222"/>
                              </a:lnTo>
                              <a:lnTo>
                                <a:pt x="926" y="225"/>
                              </a:lnTo>
                              <a:lnTo>
                                <a:pt x="924" y="229"/>
                              </a:lnTo>
                              <a:lnTo>
                                <a:pt x="937" y="237"/>
                              </a:lnTo>
                              <a:lnTo>
                                <a:pt x="950" y="246"/>
                              </a:lnTo>
                              <a:lnTo>
                                <a:pt x="935" y="264"/>
                              </a:lnTo>
                              <a:lnTo>
                                <a:pt x="920" y="284"/>
                              </a:lnTo>
                              <a:lnTo>
                                <a:pt x="905" y="302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313" name="Freeform 161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4847719" y="5514830"/>
                          <a:ext cx="49253" cy="20422"/>
                        </a:xfrm>
                        <a:custGeom>
                          <a:avLst/>
                          <a:gdLst>
                            <a:gd name="T0" fmla="*/ 40 w 41"/>
                            <a:gd name="T1" fmla="*/ 1 h 17"/>
                            <a:gd name="T2" fmla="*/ 40 w 41"/>
                            <a:gd name="T3" fmla="*/ 2 h 17"/>
                            <a:gd name="T4" fmla="*/ 40 w 41"/>
                            <a:gd name="T5" fmla="*/ 2 h 17"/>
                            <a:gd name="T6" fmla="*/ 40 w 41"/>
                            <a:gd name="T7" fmla="*/ 4 h 17"/>
                            <a:gd name="T8" fmla="*/ 40 w 41"/>
                            <a:gd name="T9" fmla="*/ 5 h 17"/>
                            <a:gd name="T10" fmla="*/ 40 w 41"/>
                            <a:gd name="T11" fmla="*/ 5 h 17"/>
                            <a:gd name="T12" fmla="*/ 40 w 41"/>
                            <a:gd name="T13" fmla="*/ 6 h 17"/>
                            <a:gd name="T14" fmla="*/ 40 w 41"/>
                            <a:gd name="T15" fmla="*/ 8 h 17"/>
                            <a:gd name="T16" fmla="*/ 40 w 41"/>
                            <a:gd name="T17" fmla="*/ 8 h 17"/>
                            <a:gd name="T18" fmla="*/ 40 w 41"/>
                            <a:gd name="T19" fmla="*/ 9 h 17"/>
                            <a:gd name="T20" fmla="*/ 40 w 41"/>
                            <a:gd name="T21" fmla="*/ 10 h 17"/>
                            <a:gd name="T22" fmla="*/ 40 w 41"/>
                            <a:gd name="T23" fmla="*/ 10 h 17"/>
                            <a:gd name="T24" fmla="*/ 40 w 41"/>
                            <a:gd name="T25" fmla="*/ 12 h 17"/>
                            <a:gd name="T26" fmla="*/ 40 w 41"/>
                            <a:gd name="T27" fmla="*/ 13 h 17"/>
                            <a:gd name="T28" fmla="*/ 40 w 41"/>
                            <a:gd name="T29" fmla="*/ 13 h 17"/>
                            <a:gd name="T30" fmla="*/ 40 w 41"/>
                            <a:gd name="T31" fmla="*/ 14 h 17"/>
                            <a:gd name="T32" fmla="*/ 17 w 41"/>
                            <a:gd name="T33" fmla="*/ 17 h 17"/>
                            <a:gd name="T34" fmla="*/ 0 w 41"/>
                            <a:gd name="T35" fmla="*/ 16 h 17"/>
                            <a:gd name="T36" fmla="*/ 8 w 41"/>
                            <a:gd name="T37" fmla="*/ 8 h 17"/>
                            <a:gd name="T38" fmla="*/ 19 w 41"/>
                            <a:gd name="T39" fmla="*/ 2 h 17"/>
                            <a:gd name="T40" fmla="*/ 31 w 41"/>
                            <a:gd name="T41" fmla="*/ 1 h 17"/>
                            <a:gd name="T42" fmla="*/ 36 w 41"/>
                            <a:gd name="T43" fmla="*/ 0 h 17"/>
                            <a:gd name="T44" fmla="*/ 41 w 41"/>
                            <a:gd name="T45" fmla="*/ 0 h 17"/>
                            <a:gd name="T46" fmla="*/ 40 w 41"/>
                            <a:gd name="T47" fmla="*/ 1 h 17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  <a:cxn ang="0">
                              <a:pos x="T34" y="T35"/>
                            </a:cxn>
                            <a:cxn ang="0">
                              <a:pos x="T36" y="T37"/>
                            </a:cxn>
                            <a:cxn ang="0">
                              <a:pos x="T38" y="T39"/>
                            </a:cxn>
                            <a:cxn ang="0">
                              <a:pos x="T40" y="T41"/>
                            </a:cxn>
                            <a:cxn ang="0">
                              <a:pos x="T42" y="T43"/>
                            </a:cxn>
                            <a:cxn ang="0">
                              <a:pos x="T44" y="T45"/>
                            </a:cxn>
                            <a:cxn ang="0">
                              <a:pos x="T46" y="T47"/>
                            </a:cxn>
                          </a:cxnLst>
                          <a:rect l="0" t="0" r="r" b="b"/>
                          <a:pathLst>
                            <a:path w="41" h="17">
                              <a:moveTo>
                                <a:pt x="40" y="1"/>
                              </a:moveTo>
                              <a:lnTo>
                                <a:pt x="40" y="2"/>
                              </a:lnTo>
                              <a:lnTo>
                                <a:pt x="40" y="2"/>
                              </a:lnTo>
                              <a:lnTo>
                                <a:pt x="40" y="4"/>
                              </a:lnTo>
                              <a:lnTo>
                                <a:pt x="40" y="5"/>
                              </a:lnTo>
                              <a:lnTo>
                                <a:pt x="40" y="5"/>
                              </a:lnTo>
                              <a:lnTo>
                                <a:pt x="40" y="6"/>
                              </a:lnTo>
                              <a:lnTo>
                                <a:pt x="40" y="8"/>
                              </a:lnTo>
                              <a:lnTo>
                                <a:pt x="40" y="8"/>
                              </a:lnTo>
                              <a:lnTo>
                                <a:pt x="40" y="9"/>
                              </a:lnTo>
                              <a:lnTo>
                                <a:pt x="40" y="10"/>
                              </a:lnTo>
                              <a:lnTo>
                                <a:pt x="40" y="10"/>
                              </a:lnTo>
                              <a:lnTo>
                                <a:pt x="40" y="12"/>
                              </a:lnTo>
                              <a:lnTo>
                                <a:pt x="40" y="13"/>
                              </a:lnTo>
                              <a:lnTo>
                                <a:pt x="40" y="13"/>
                              </a:lnTo>
                              <a:lnTo>
                                <a:pt x="40" y="14"/>
                              </a:lnTo>
                              <a:lnTo>
                                <a:pt x="17" y="17"/>
                              </a:lnTo>
                              <a:lnTo>
                                <a:pt x="0" y="16"/>
                              </a:lnTo>
                              <a:lnTo>
                                <a:pt x="8" y="8"/>
                              </a:lnTo>
                              <a:lnTo>
                                <a:pt x="19" y="2"/>
                              </a:lnTo>
                              <a:lnTo>
                                <a:pt x="31" y="1"/>
                              </a:lnTo>
                              <a:lnTo>
                                <a:pt x="36" y="0"/>
                              </a:lnTo>
                              <a:lnTo>
                                <a:pt x="41" y="0"/>
                              </a:lnTo>
                              <a:lnTo>
                                <a:pt x="40" y="1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314" name="Freeform 163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5057945" y="5566485"/>
                          <a:ext cx="25227" cy="15617"/>
                        </a:xfrm>
                        <a:custGeom>
                          <a:avLst/>
                          <a:gdLst>
                            <a:gd name="T0" fmla="*/ 19 w 21"/>
                            <a:gd name="T1" fmla="*/ 1 h 13"/>
                            <a:gd name="T2" fmla="*/ 18 w 21"/>
                            <a:gd name="T3" fmla="*/ 4 h 13"/>
                            <a:gd name="T4" fmla="*/ 17 w 21"/>
                            <a:gd name="T5" fmla="*/ 7 h 13"/>
                            <a:gd name="T6" fmla="*/ 14 w 21"/>
                            <a:gd name="T7" fmla="*/ 8 h 13"/>
                            <a:gd name="T8" fmla="*/ 13 w 21"/>
                            <a:gd name="T9" fmla="*/ 11 h 13"/>
                            <a:gd name="T10" fmla="*/ 11 w 21"/>
                            <a:gd name="T11" fmla="*/ 13 h 13"/>
                            <a:gd name="T12" fmla="*/ 7 w 21"/>
                            <a:gd name="T13" fmla="*/ 12 h 13"/>
                            <a:gd name="T14" fmla="*/ 4 w 21"/>
                            <a:gd name="T15" fmla="*/ 11 h 13"/>
                            <a:gd name="T16" fmla="*/ 2 w 21"/>
                            <a:gd name="T17" fmla="*/ 11 h 13"/>
                            <a:gd name="T18" fmla="*/ 1 w 21"/>
                            <a:gd name="T19" fmla="*/ 9 h 13"/>
                            <a:gd name="T20" fmla="*/ 0 w 21"/>
                            <a:gd name="T21" fmla="*/ 7 h 13"/>
                            <a:gd name="T22" fmla="*/ 0 w 21"/>
                            <a:gd name="T23" fmla="*/ 5 h 13"/>
                            <a:gd name="T24" fmla="*/ 0 w 21"/>
                            <a:gd name="T25" fmla="*/ 4 h 13"/>
                            <a:gd name="T26" fmla="*/ 0 w 21"/>
                            <a:gd name="T27" fmla="*/ 3 h 13"/>
                            <a:gd name="T28" fmla="*/ 1 w 21"/>
                            <a:gd name="T29" fmla="*/ 3 h 13"/>
                            <a:gd name="T30" fmla="*/ 2 w 21"/>
                            <a:gd name="T31" fmla="*/ 1 h 13"/>
                            <a:gd name="T32" fmla="*/ 4 w 21"/>
                            <a:gd name="T33" fmla="*/ 1 h 13"/>
                            <a:gd name="T34" fmla="*/ 5 w 21"/>
                            <a:gd name="T35" fmla="*/ 1 h 13"/>
                            <a:gd name="T36" fmla="*/ 6 w 21"/>
                            <a:gd name="T37" fmla="*/ 1 h 13"/>
                            <a:gd name="T38" fmla="*/ 7 w 21"/>
                            <a:gd name="T39" fmla="*/ 1 h 13"/>
                            <a:gd name="T40" fmla="*/ 9 w 21"/>
                            <a:gd name="T41" fmla="*/ 1 h 13"/>
                            <a:gd name="T42" fmla="*/ 10 w 21"/>
                            <a:gd name="T43" fmla="*/ 1 h 13"/>
                            <a:gd name="T44" fmla="*/ 11 w 21"/>
                            <a:gd name="T45" fmla="*/ 1 h 13"/>
                            <a:gd name="T46" fmla="*/ 13 w 21"/>
                            <a:gd name="T47" fmla="*/ 0 h 13"/>
                            <a:gd name="T48" fmla="*/ 14 w 21"/>
                            <a:gd name="T49" fmla="*/ 0 h 13"/>
                            <a:gd name="T50" fmla="*/ 17 w 21"/>
                            <a:gd name="T51" fmla="*/ 0 h 13"/>
                            <a:gd name="T52" fmla="*/ 18 w 21"/>
                            <a:gd name="T53" fmla="*/ 0 h 13"/>
                            <a:gd name="T54" fmla="*/ 21 w 21"/>
                            <a:gd name="T55" fmla="*/ 0 h 13"/>
                            <a:gd name="T56" fmla="*/ 19 w 21"/>
                            <a:gd name="T57" fmla="*/ 1 h 13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  <a:cxn ang="0">
                              <a:pos x="T34" y="T35"/>
                            </a:cxn>
                            <a:cxn ang="0">
                              <a:pos x="T36" y="T37"/>
                            </a:cxn>
                            <a:cxn ang="0">
                              <a:pos x="T38" y="T39"/>
                            </a:cxn>
                            <a:cxn ang="0">
                              <a:pos x="T40" y="T41"/>
                            </a:cxn>
                            <a:cxn ang="0">
                              <a:pos x="T42" y="T43"/>
                            </a:cxn>
                            <a:cxn ang="0">
                              <a:pos x="T44" y="T45"/>
                            </a:cxn>
                            <a:cxn ang="0">
                              <a:pos x="T46" y="T47"/>
                            </a:cxn>
                            <a:cxn ang="0">
                              <a:pos x="T48" y="T49"/>
                            </a:cxn>
                            <a:cxn ang="0">
                              <a:pos x="T50" y="T51"/>
                            </a:cxn>
                            <a:cxn ang="0">
                              <a:pos x="T52" y="T53"/>
                            </a:cxn>
                            <a:cxn ang="0">
                              <a:pos x="T54" y="T55"/>
                            </a:cxn>
                            <a:cxn ang="0">
                              <a:pos x="T56" y="T57"/>
                            </a:cxn>
                          </a:cxnLst>
                          <a:rect l="0" t="0" r="r" b="b"/>
                          <a:pathLst>
                            <a:path w="21" h="13">
                              <a:moveTo>
                                <a:pt x="19" y="1"/>
                              </a:moveTo>
                              <a:lnTo>
                                <a:pt x="18" y="4"/>
                              </a:lnTo>
                              <a:lnTo>
                                <a:pt x="17" y="7"/>
                              </a:lnTo>
                              <a:lnTo>
                                <a:pt x="14" y="8"/>
                              </a:lnTo>
                              <a:lnTo>
                                <a:pt x="13" y="11"/>
                              </a:lnTo>
                              <a:lnTo>
                                <a:pt x="11" y="13"/>
                              </a:lnTo>
                              <a:lnTo>
                                <a:pt x="7" y="12"/>
                              </a:lnTo>
                              <a:lnTo>
                                <a:pt x="4" y="11"/>
                              </a:lnTo>
                              <a:lnTo>
                                <a:pt x="2" y="11"/>
                              </a:lnTo>
                              <a:lnTo>
                                <a:pt x="1" y="9"/>
                              </a:lnTo>
                              <a:lnTo>
                                <a:pt x="0" y="7"/>
                              </a:lnTo>
                              <a:lnTo>
                                <a:pt x="0" y="5"/>
                              </a:lnTo>
                              <a:lnTo>
                                <a:pt x="0" y="4"/>
                              </a:lnTo>
                              <a:lnTo>
                                <a:pt x="0" y="3"/>
                              </a:lnTo>
                              <a:lnTo>
                                <a:pt x="1" y="3"/>
                              </a:lnTo>
                              <a:lnTo>
                                <a:pt x="2" y="1"/>
                              </a:lnTo>
                              <a:lnTo>
                                <a:pt x="4" y="1"/>
                              </a:lnTo>
                              <a:lnTo>
                                <a:pt x="5" y="1"/>
                              </a:lnTo>
                              <a:lnTo>
                                <a:pt x="6" y="1"/>
                              </a:lnTo>
                              <a:lnTo>
                                <a:pt x="7" y="1"/>
                              </a:lnTo>
                              <a:lnTo>
                                <a:pt x="9" y="1"/>
                              </a:lnTo>
                              <a:lnTo>
                                <a:pt x="10" y="1"/>
                              </a:lnTo>
                              <a:lnTo>
                                <a:pt x="11" y="1"/>
                              </a:lnTo>
                              <a:lnTo>
                                <a:pt x="13" y="0"/>
                              </a:lnTo>
                              <a:lnTo>
                                <a:pt x="14" y="0"/>
                              </a:lnTo>
                              <a:lnTo>
                                <a:pt x="17" y="0"/>
                              </a:lnTo>
                              <a:lnTo>
                                <a:pt x="18" y="0"/>
                              </a:lnTo>
                              <a:lnTo>
                                <a:pt x="21" y="0"/>
                              </a:lnTo>
                              <a:lnTo>
                                <a:pt x="19" y="1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315" name="Freeform 164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5968525" y="5401908"/>
                          <a:ext cx="25227" cy="21623"/>
                        </a:xfrm>
                        <a:custGeom>
                          <a:avLst/>
                          <a:gdLst>
                            <a:gd name="T0" fmla="*/ 19 w 21"/>
                            <a:gd name="T1" fmla="*/ 4 h 18"/>
                            <a:gd name="T2" fmla="*/ 15 w 21"/>
                            <a:gd name="T3" fmla="*/ 9 h 18"/>
                            <a:gd name="T4" fmla="*/ 10 w 21"/>
                            <a:gd name="T5" fmla="*/ 13 h 18"/>
                            <a:gd name="T6" fmla="*/ 5 w 21"/>
                            <a:gd name="T7" fmla="*/ 15 h 18"/>
                            <a:gd name="T8" fmla="*/ 0 w 21"/>
                            <a:gd name="T9" fmla="*/ 18 h 18"/>
                            <a:gd name="T10" fmla="*/ 1 w 21"/>
                            <a:gd name="T11" fmla="*/ 18 h 18"/>
                            <a:gd name="T12" fmla="*/ 1 w 21"/>
                            <a:gd name="T13" fmla="*/ 17 h 18"/>
                            <a:gd name="T14" fmla="*/ 1 w 21"/>
                            <a:gd name="T15" fmla="*/ 15 h 18"/>
                            <a:gd name="T16" fmla="*/ 2 w 21"/>
                            <a:gd name="T17" fmla="*/ 15 h 18"/>
                            <a:gd name="T18" fmla="*/ 2 w 21"/>
                            <a:gd name="T19" fmla="*/ 14 h 18"/>
                            <a:gd name="T20" fmla="*/ 4 w 21"/>
                            <a:gd name="T21" fmla="*/ 13 h 18"/>
                            <a:gd name="T22" fmla="*/ 4 w 21"/>
                            <a:gd name="T23" fmla="*/ 13 h 18"/>
                            <a:gd name="T24" fmla="*/ 4 w 21"/>
                            <a:gd name="T25" fmla="*/ 11 h 18"/>
                            <a:gd name="T26" fmla="*/ 5 w 21"/>
                            <a:gd name="T27" fmla="*/ 10 h 18"/>
                            <a:gd name="T28" fmla="*/ 5 w 21"/>
                            <a:gd name="T29" fmla="*/ 10 h 18"/>
                            <a:gd name="T30" fmla="*/ 6 w 21"/>
                            <a:gd name="T31" fmla="*/ 9 h 18"/>
                            <a:gd name="T32" fmla="*/ 6 w 21"/>
                            <a:gd name="T33" fmla="*/ 7 h 18"/>
                            <a:gd name="T34" fmla="*/ 6 w 21"/>
                            <a:gd name="T35" fmla="*/ 7 h 18"/>
                            <a:gd name="T36" fmla="*/ 8 w 21"/>
                            <a:gd name="T37" fmla="*/ 5 h 18"/>
                            <a:gd name="T38" fmla="*/ 8 w 21"/>
                            <a:gd name="T39" fmla="*/ 5 h 18"/>
                            <a:gd name="T40" fmla="*/ 9 w 21"/>
                            <a:gd name="T41" fmla="*/ 5 h 18"/>
                            <a:gd name="T42" fmla="*/ 10 w 21"/>
                            <a:gd name="T43" fmla="*/ 4 h 18"/>
                            <a:gd name="T44" fmla="*/ 10 w 21"/>
                            <a:gd name="T45" fmla="*/ 4 h 18"/>
                            <a:gd name="T46" fmla="*/ 12 w 21"/>
                            <a:gd name="T47" fmla="*/ 4 h 18"/>
                            <a:gd name="T48" fmla="*/ 13 w 21"/>
                            <a:gd name="T49" fmla="*/ 4 h 18"/>
                            <a:gd name="T50" fmla="*/ 13 w 21"/>
                            <a:gd name="T51" fmla="*/ 2 h 18"/>
                            <a:gd name="T52" fmla="*/ 14 w 21"/>
                            <a:gd name="T53" fmla="*/ 2 h 18"/>
                            <a:gd name="T54" fmla="*/ 14 w 21"/>
                            <a:gd name="T55" fmla="*/ 2 h 18"/>
                            <a:gd name="T56" fmla="*/ 15 w 21"/>
                            <a:gd name="T57" fmla="*/ 2 h 18"/>
                            <a:gd name="T58" fmla="*/ 17 w 21"/>
                            <a:gd name="T59" fmla="*/ 1 h 18"/>
                            <a:gd name="T60" fmla="*/ 17 w 21"/>
                            <a:gd name="T61" fmla="*/ 1 h 18"/>
                            <a:gd name="T62" fmla="*/ 18 w 21"/>
                            <a:gd name="T63" fmla="*/ 1 h 18"/>
                            <a:gd name="T64" fmla="*/ 18 w 21"/>
                            <a:gd name="T65" fmla="*/ 1 h 18"/>
                            <a:gd name="T66" fmla="*/ 19 w 21"/>
                            <a:gd name="T67" fmla="*/ 0 h 18"/>
                            <a:gd name="T68" fmla="*/ 21 w 21"/>
                            <a:gd name="T69" fmla="*/ 0 h 18"/>
                            <a:gd name="T70" fmla="*/ 21 w 21"/>
                            <a:gd name="T71" fmla="*/ 0 h 18"/>
                            <a:gd name="T72" fmla="*/ 21 w 21"/>
                            <a:gd name="T73" fmla="*/ 1 h 18"/>
                            <a:gd name="T74" fmla="*/ 19 w 21"/>
                            <a:gd name="T75" fmla="*/ 4 h 18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  <a:cxn ang="0">
                              <a:pos x="T34" y="T35"/>
                            </a:cxn>
                            <a:cxn ang="0">
                              <a:pos x="T36" y="T37"/>
                            </a:cxn>
                            <a:cxn ang="0">
                              <a:pos x="T38" y="T39"/>
                            </a:cxn>
                            <a:cxn ang="0">
                              <a:pos x="T40" y="T41"/>
                            </a:cxn>
                            <a:cxn ang="0">
                              <a:pos x="T42" y="T43"/>
                            </a:cxn>
                            <a:cxn ang="0">
                              <a:pos x="T44" y="T45"/>
                            </a:cxn>
                            <a:cxn ang="0">
                              <a:pos x="T46" y="T47"/>
                            </a:cxn>
                            <a:cxn ang="0">
                              <a:pos x="T48" y="T49"/>
                            </a:cxn>
                            <a:cxn ang="0">
                              <a:pos x="T50" y="T51"/>
                            </a:cxn>
                            <a:cxn ang="0">
                              <a:pos x="T52" y="T53"/>
                            </a:cxn>
                            <a:cxn ang="0">
                              <a:pos x="T54" y="T55"/>
                            </a:cxn>
                            <a:cxn ang="0">
                              <a:pos x="T56" y="T57"/>
                            </a:cxn>
                            <a:cxn ang="0">
                              <a:pos x="T58" y="T59"/>
                            </a:cxn>
                            <a:cxn ang="0">
                              <a:pos x="T60" y="T61"/>
                            </a:cxn>
                            <a:cxn ang="0">
                              <a:pos x="T62" y="T63"/>
                            </a:cxn>
                            <a:cxn ang="0">
                              <a:pos x="T64" y="T65"/>
                            </a:cxn>
                            <a:cxn ang="0">
                              <a:pos x="T66" y="T67"/>
                            </a:cxn>
                            <a:cxn ang="0">
                              <a:pos x="T68" y="T69"/>
                            </a:cxn>
                            <a:cxn ang="0">
                              <a:pos x="T70" y="T71"/>
                            </a:cxn>
                            <a:cxn ang="0">
                              <a:pos x="T72" y="T73"/>
                            </a:cxn>
                            <a:cxn ang="0">
                              <a:pos x="T74" y="T75"/>
                            </a:cxn>
                          </a:cxnLst>
                          <a:rect l="0" t="0" r="r" b="b"/>
                          <a:pathLst>
                            <a:path w="21" h="18">
                              <a:moveTo>
                                <a:pt x="19" y="4"/>
                              </a:moveTo>
                              <a:lnTo>
                                <a:pt x="15" y="9"/>
                              </a:lnTo>
                              <a:lnTo>
                                <a:pt x="10" y="13"/>
                              </a:lnTo>
                              <a:lnTo>
                                <a:pt x="5" y="15"/>
                              </a:lnTo>
                              <a:lnTo>
                                <a:pt x="0" y="18"/>
                              </a:lnTo>
                              <a:lnTo>
                                <a:pt x="1" y="18"/>
                              </a:lnTo>
                              <a:lnTo>
                                <a:pt x="1" y="17"/>
                              </a:lnTo>
                              <a:lnTo>
                                <a:pt x="1" y="15"/>
                              </a:lnTo>
                              <a:lnTo>
                                <a:pt x="2" y="15"/>
                              </a:lnTo>
                              <a:lnTo>
                                <a:pt x="2" y="14"/>
                              </a:lnTo>
                              <a:lnTo>
                                <a:pt x="4" y="13"/>
                              </a:lnTo>
                              <a:lnTo>
                                <a:pt x="4" y="13"/>
                              </a:lnTo>
                              <a:lnTo>
                                <a:pt x="4" y="11"/>
                              </a:lnTo>
                              <a:lnTo>
                                <a:pt x="5" y="10"/>
                              </a:lnTo>
                              <a:lnTo>
                                <a:pt x="5" y="10"/>
                              </a:lnTo>
                              <a:lnTo>
                                <a:pt x="6" y="9"/>
                              </a:lnTo>
                              <a:lnTo>
                                <a:pt x="6" y="7"/>
                              </a:lnTo>
                              <a:lnTo>
                                <a:pt x="6" y="7"/>
                              </a:lnTo>
                              <a:lnTo>
                                <a:pt x="8" y="5"/>
                              </a:lnTo>
                              <a:lnTo>
                                <a:pt x="8" y="5"/>
                              </a:lnTo>
                              <a:lnTo>
                                <a:pt x="9" y="5"/>
                              </a:lnTo>
                              <a:lnTo>
                                <a:pt x="10" y="4"/>
                              </a:lnTo>
                              <a:lnTo>
                                <a:pt x="10" y="4"/>
                              </a:lnTo>
                              <a:lnTo>
                                <a:pt x="12" y="4"/>
                              </a:lnTo>
                              <a:lnTo>
                                <a:pt x="13" y="4"/>
                              </a:lnTo>
                              <a:lnTo>
                                <a:pt x="13" y="2"/>
                              </a:lnTo>
                              <a:lnTo>
                                <a:pt x="14" y="2"/>
                              </a:lnTo>
                              <a:lnTo>
                                <a:pt x="14" y="2"/>
                              </a:lnTo>
                              <a:lnTo>
                                <a:pt x="15" y="2"/>
                              </a:lnTo>
                              <a:lnTo>
                                <a:pt x="17" y="1"/>
                              </a:lnTo>
                              <a:lnTo>
                                <a:pt x="17" y="1"/>
                              </a:lnTo>
                              <a:lnTo>
                                <a:pt x="18" y="1"/>
                              </a:lnTo>
                              <a:lnTo>
                                <a:pt x="18" y="1"/>
                              </a:lnTo>
                              <a:lnTo>
                                <a:pt x="19" y="0"/>
                              </a:lnTo>
                              <a:lnTo>
                                <a:pt x="21" y="0"/>
                              </a:lnTo>
                              <a:lnTo>
                                <a:pt x="21" y="0"/>
                              </a:lnTo>
                              <a:lnTo>
                                <a:pt x="21" y="1"/>
                              </a:lnTo>
                              <a:lnTo>
                                <a:pt x="19" y="4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316" name="Freeform 165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6224400" y="5285383"/>
                          <a:ext cx="33636" cy="27630"/>
                        </a:xfrm>
                        <a:custGeom>
                          <a:avLst/>
                          <a:gdLst>
                            <a:gd name="T0" fmla="*/ 28 w 28"/>
                            <a:gd name="T1" fmla="*/ 1 h 23"/>
                            <a:gd name="T2" fmla="*/ 26 w 28"/>
                            <a:gd name="T3" fmla="*/ 2 h 23"/>
                            <a:gd name="T4" fmla="*/ 26 w 28"/>
                            <a:gd name="T5" fmla="*/ 2 h 23"/>
                            <a:gd name="T6" fmla="*/ 25 w 28"/>
                            <a:gd name="T7" fmla="*/ 4 h 23"/>
                            <a:gd name="T8" fmla="*/ 25 w 28"/>
                            <a:gd name="T9" fmla="*/ 5 h 23"/>
                            <a:gd name="T10" fmla="*/ 24 w 28"/>
                            <a:gd name="T11" fmla="*/ 5 h 23"/>
                            <a:gd name="T12" fmla="*/ 24 w 28"/>
                            <a:gd name="T13" fmla="*/ 6 h 23"/>
                            <a:gd name="T14" fmla="*/ 22 w 28"/>
                            <a:gd name="T15" fmla="*/ 8 h 23"/>
                            <a:gd name="T16" fmla="*/ 22 w 28"/>
                            <a:gd name="T17" fmla="*/ 8 h 23"/>
                            <a:gd name="T18" fmla="*/ 21 w 28"/>
                            <a:gd name="T19" fmla="*/ 9 h 23"/>
                            <a:gd name="T20" fmla="*/ 21 w 28"/>
                            <a:gd name="T21" fmla="*/ 10 h 23"/>
                            <a:gd name="T22" fmla="*/ 20 w 28"/>
                            <a:gd name="T23" fmla="*/ 12 h 23"/>
                            <a:gd name="T24" fmla="*/ 20 w 28"/>
                            <a:gd name="T25" fmla="*/ 12 h 23"/>
                            <a:gd name="T26" fmla="*/ 19 w 28"/>
                            <a:gd name="T27" fmla="*/ 13 h 23"/>
                            <a:gd name="T28" fmla="*/ 19 w 28"/>
                            <a:gd name="T29" fmla="*/ 14 h 23"/>
                            <a:gd name="T30" fmla="*/ 17 w 28"/>
                            <a:gd name="T31" fmla="*/ 14 h 23"/>
                            <a:gd name="T32" fmla="*/ 16 w 28"/>
                            <a:gd name="T33" fmla="*/ 15 h 23"/>
                            <a:gd name="T34" fmla="*/ 15 w 28"/>
                            <a:gd name="T35" fmla="*/ 17 h 23"/>
                            <a:gd name="T36" fmla="*/ 13 w 28"/>
                            <a:gd name="T37" fmla="*/ 17 h 23"/>
                            <a:gd name="T38" fmla="*/ 12 w 28"/>
                            <a:gd name="T39" fmla="*/ 18 h 23"/>
                            <a:gd name="T40" fmla="*/ 9 w 28"/>
                            <a:gd name="T41" fmla="*/ 19 h 23"/>
                            <a:gd name="T42" fmla="*/ 8 w 28"/>
                            <a:gd name="T43" fmla="*/ 19 h 23"/>
                            <a:gd name="T44" fmla="*/ 7 w 28"/>
                            <a:gd name="T45" fmla="*/ 21 h 23"/>
                            <a:gd name="T46" fmla="*/ 5 w 28"/>
                            <a:gd name="T47" fmla="*/ 21 h 23"/>
                            <a:gd name="T48" fmla="*/ 5 w 28"/>
                            <a:gd name="T49" fmla="*/ 22 h 23"/>
                            <a:gd name="T50" fmla="*/ 4 w 28"/>
                            <a:gd name="T51" fmla="*/ 22 h 23"/>
                            <a:gd name="T52" fmla="*/ 3 w 28"/>
                            <a:gd name="T53" fmla="*/ 22 h 23"/>
                            <a:gd name="T54" fmla="*/ 2 w 28"/>
                            <a:gd name="T55" fmla="*/ 23 h 23"/>
                            <a:gd name="T56" fmla="*/ 0 w 28"/>
                            <a:gd name="T57" fmla="*/ 23 h 23"/>
                            <a:gd name="T58" fmla="*/ 5 w 28"/>
                            <a:gd name="T59" fmla="*/ 15 h 23"/>
                            <a:gd name="T60" fmla="*/ 15 w 28"/>
                            <a:gd name="T61" fmla="*/ 8 h 23"/>
                            <a:gd name="T62" fmla="*/ 24 w 28"/>
                            <a:gd name="T63" fmla="*/ 2 h 23"/>
                            <a:gd name="T64" fmla="*/ 26 w 28"/>
                            <a:gd name="T65" fmla="*/ 1 h 23"/>
                            <a:gd name="T66" fmla="*/ 28 w 28"/>
                            <a:gd name="T67" fmla="*/ 0 h 23"/>
                            <a:gd name="T68" fmla="*/ 28 w 28"/>
                            <a:gd name="T69" fmla="*/ 1 h 23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  <a:cxn ang="0">
                              <a:pos x="T34" y="T35"/>
                            </a:cxn>
                            <a:cxn ang="0">
                              <a:pos x="T36" y="T37"/>
                            </a:cxn>
                            <a:cxn ang="0">
                              <a:pos x="T38" y="T39"/>
                            </a:cxn>
                            <a:cxn ang="0">
                              <a:pos x="T40" y="T41"/>
                            </a:cxn>
                            <a:cxn ang="0">
                              <a:pos x="T42" y="T43"/>
                            </a:cxn>
                            <a:cxn ang="0">
                              <a:pos x="T44" y="T45"/>
                            </a:cxn>
                            <a:cxn ang="0">
                              <a:pos x="T46" y="T47"/>
                            </a:cxn>
                            <a:cxn ang="0">
                              <a:pos x="T48" y="T49"/>
                            </a:cxn>
                            <a:cxn ang="0">
                              <a:pos x="T50" y="T51"/>
                            </a:cxn>
                            <a:cxn ang="0">
                              <a:pos x="T52" y="T53"/>
                            </a:cxn>
                            <a:cxn ang="0">
                              <a:pos x="T54" y="T55"/>
                            </a:cxn>
                            <a:cxn ang="0">
                              <a:pos x="T56" y="T57"/>
                            </a:cxn>
                            <a:cxn ang="0">
                              <a:pos x="T58" y="T59"/>
                            </a:cxn>
                            <a:cxn ang="0">
                              <a:pos x="T60" y="T61"/>
                            </a:cxn>
                            <a:cxn ang="0">
                              <a:pos x="T62" y="T63"/>
                            </a:cxn>
                            <a:cxn ang="0">
                              <a:pos x="T64" y="T65"/>
                            </a:cxn>
                            <a:cxn ang="0">
                              <a:pos x="T66" y="T67"/>
                            </a:cxn>
                            <a:cxn ang="0">
                              <a:pos x="T68" y="T69"/>
                            </a:cxn>
                          </a:cxnLst>
                          <a:rect l="0" t="0" r="r" b="b"/>
                          <a:pathLst>
                            <a:path w="28" h="23">
                              <a:moveTo>
                                <a:pt x="28" y="1"/>
                              </a:moveTo>
                              <a:lnTo>
                                <a:pt x="26" y="2"/>
                              </a:lnTo>
                              <a:lnTo>
                                <a:pt x="26" y="2"/>
                              </a:lnTo>
                              <a:lnTo>
                                <a:pt x="25" y="4"/>
                              </a:lnTo>
                              <a:lnTo>
                                <a:pt x="25" y="5"/>
                              </a:lnTo>
                              <a:lnTo>
                                <a:pt x="24" y="5"/>
                              </a:lnTo>
                              <a:lnTo>
                                <a:pt x="24" y="6"/>
                              </a:lnTo>
                              <a:lnTo>
                                <a:pt x="22" y="8"/>
                              </a:lnTo>
                              <a:lnTo>
                                <a:pt x="22" y="8"/>
                              </a:lnTo>
                              <a:lnTo>
                                <a:pt x="21" y="9"/>
                              </a:lnTo>
                              <a:lnTo>
                                <a:pt x="21" y="10"/>
                              </a:lnTo>
                              <a:lnTo>
                                <a:pt x="20" y="12"/>
                              </a:lnTo>
                              <a:lnTo>
                                <a:pt x="20" y="12"/>
                              </a:lnTo>
                              <a:lnTo>
                                <a:pt x="19" y="13"/>
                              </a:lnTo>
                              <a:lnTo>
                                <a:pt x="19" y="14"/>
                              </a:lnTo>
                              <a:lnTo>
                                <a:pt x="17" y="14"/>
                              </a:lnTo>
                              <a:lnTo>
                                <a:pt x="16" y="15"/>
                              </a:lnTo>
                              <a:lnTo>
                                <a:pt x="15" y="17"/>
                              </a:lnTo>
                              <a:lnTo>
                                <a:pt x="13" y="17"/>
                              </a:lnTo>
                              <a:lnTo>
                                <a:pt x="12" y="18"/>
                              </a:lnTo>
                              <a:lnTo>
                                <a:pt x="9" y="19"/>
                              </a:lnTo>
                              <a:lnTo>
                                <a:pt x="8" y="19"/>
                              </a:lnTo>
                              <a:lnTo>
                                <a:pt x="7" y="21"/>
                              </a:lnTo>
                              <a:lnTo>
                                <a:pt x="5" y="21"/>
                              </a:lnTo>
                              <a:lnTo>
                                <a:pt x="5" y="22"/>
                              </a:lnTo>
                              <a:lnTo>
                                <a:pt x="4" y="22"/>
                              </a:lnTo>
                              <a:lnTo>
                                <a:pt x="3" y="22"/>
                              </a:lnTo>
                              <a:lnTo>
                                <a:pt x="2" y="23"/>
                              </a:lnTo>
                              <a:lnTo>
                                <a:pt x="0" y="23"/>
                              </a:lnTo>
                              <a:lnTo>
                                <a:pt x="5" y="15"/>
                              </a:lnTo>
                              <a:lnTo>
                                <a:pt x="15" y="8"/>
                              </a:lnTo>
                              <a:lnTo>
                                <a:pt x="24" y="2"/>
                              </a:lnTo>
                              <a:lnTo>
                                <a:pt x="26" y="1"/>
                              </a:lnTo>
                              <a:lnTo>
                                <a:pt x="28" y="0"/>
                              </a:lnTo>
                              <a:lnTo>
                                <a:pt x="28" y="1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317" name="Freeform 166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6169140" y="5331032"/>
                          <a:ext cx="43247" cy="36039"/>
                        </a:xfrm>
                        <a:custGeom>
                          <a:avLst/>
                          <a:gdLst>
                            <a:gd name="T0" fmla="*/ 32 w 36"/>
                            <a:gd name="T1" fmla="*/ 6 h 30"/>
                            <a:gd name="T2" fmla="*/ 25 w 36"/>
                            <a:gd name="T3" fmla="*/ 14 h 30"/>
                            <a:gd name="T4" fmla="*/ 17 w 36"/>
                            <a:gd name="T5" fmla="*/ 22 h 30"/>
                            <a:gd name="T6" fmla="*/ 10 w 36"/>
                            <a:gd name="T7" fmla="*/ 27 h 30"/>
                            <a:gd name="T8" fmla="*/ 3 w 36"/>
                            <a:gd name="T9" fmla="*/ 30 h 30"/>
                            <a:gd name="T10" fmla="*/ 0 w 36"/>
                            <a:gd name="T11" fmla="*/ 28 h 30"/>
                            <a:gd name="T12" fmla="*/ 2 w 36"/>
                            <a:gd name="T13" fmla="*/ 26 h 30"/>
                            <a:gd name="T14" fmla="*/ 6 w 36"/>
                            <a:gd name="T15" fmla="*/ 19 h 30"/>
                            <a:gd name="T16" fmla="*/ 15 w 36"/>
                            <a:gd name="T17" fmla="*/ 13 h 30"/>
                            <a:gd name="T18" fmla="*/ 29 w 36"/>
                            <a:gd name="T19" fmla="*/ 4 h 30"/>
                            <a:gd name="T20" fmla="*/ 30 w 36"/>
                            <a:gd name="T21" fmla="*/ 2 h 30"/>
                            <a:gd name="T22" fmla="*/ 33 w 36"/>
                            <a:gd name="T23" fmla="*/ 1 h 30"/>
                            <a:gd name="T24" fmla="*/ 36 w 36"/>
                            <a:gd name="T25" fmla="*/ 0 h 30"/>
                            <a:gd name="T26" fmla="*/ 36 w 36"/>
                            <a:gd name="T27" fmla="*/ 2 h 30"/>
                            <a:gd name="T28" fmla="*/ 34 w 36"/>
                            <a:gd name="T29" fmla="*/ 4 h 30"/>
                            <a:gd name="T30" fmla="*/ 32 w 36"/>
                            <a:gd name="T31" fmla="*/ 6 h 30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</a:cxnLst>
                          <a:rect l="0" t="0" r="r" b="b"/>
                          <a:pathLst>
                            <a:path w="36" h="30">
                              <a:moveTo>
                                <a:pt x="32" y="6"/>
                              </a:moveTo>
                              <a:lnTo>
                                <a:pt x="25" y="14"/>
                              </a:lnTo>
                              <a:lnTo>
                                <a:pt x="17" y="22"/>
                              </a:lnTo>
                              <a:lnTo>
                                <a:pt x="10" y="27"/>
                              </a:lnTo>
                              <a:lnTo>
                                <a:pt x="3" y="30"/>
                              </a:lnTo>
                              <a:lnTo>
                                <a:pt x="0" y="28"/>
                              </a:lnTo>
                              <a:lnTo>
                                <a:pt x="2" y="26"/>
                              </a:lnTo>
                              <a:lnTo>
                                <a:pt x="6" y="19"/>
                              </a:lnTo>
                              <a:lnTo>
                                <a:pt x="15" y="13"/>
                              </a:lnTo>
                              <a:lnTo>
                                <a:pt x="29" y="4"/>
                              </a:lnTo>
                              <a:lnTo>
                                <a:pt x="30" y="2"/>
                              </a:lnTo>
                              <a:lnTo>
                                <a:pt x="33" y="1"/>
                              </a:lnTo>
                              <a:lnTo>
                                <a:pt x="36" y="0"/>
                              </a:lnTo>
                              <a:lnTo>
                                <a:pt x="36" y="2"/>
                              </a:lnTo>
                              <a:lnTo>
                                <a:pt x="34" y="4"/>
                              </a:lnTo>
                              <a:lnTo>
                                <a:pt x="32" y="6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318" name="Freeform 167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5813558" y="5549667"/>
                          <a:ext cx="34837" cy="32435"/>
                        </a:xfrm>
                        <a:custGeom>
                          <a:avLst/>
                          <a:gdLst>
                            <a:gd name="T0" fmla="*/ 28 w 29"/>
                            <a:gd name="T1" fmla="*/ 21 h 27"/>
                            <a:gd name="T2" fmla="*/ 16 w 29"/>
                            <a:gd name="T3" fmla="*/ 26 h 27"/>
                            <a:gd name="T4" fmla="*/ 8 w 29"/>
                            <a:gd name="T5" fmla="*/ 27 h 27"/>
                            <a:gd name="T6" fmla="*/ 3 w 29"/>
                            <a:gd name="T7" fmla="*/ 26 h 27"/>
                            <a:gd name="T8" fmla="*/ 0 w 29"/>
                            <a:gd name="T9" fmla="*/ 23 h 27"/>
                            <a:gd name="T10" fmla="*/ 0 w 29"/>
                            <a:gd name="T11" fmla="*/ 19 h 27"/>
                            <a:gd name="T12" fmla="*/ 0 w 29"/>
                            <a:gd name="T13" fmla="*/ 15 h 27"/>
                            <a:gd name="T14" fmla="*/ 0 w 29"/>
                            <a:gd name="T15" fmla="*/ 11 h 27"/>
                            <a:gd name="T16" fmla="*/ 0 w 29"/>
                            <a:gd name="T17" fmla="*/ 9 h 27"/>
                            <a:gd name="T18" fmla="*/ 2 w 29"/>
                            <a:gd name="T19" fmla="*/ 8 h 27"/>
                            <a:gd name="T20" fmla="*/ 2 w 29"/>
                            <a:gd name="T21" fmla="*/ 6 h 27"/>
                            <a:gd name="T22" fmla="*/ 3 w 29"/>
                            <a:gd name="T23" fmla="*/ 5 h 27"/>
                            <a:gd name="T24" fmla="*/ 6 w 29"/>
                            <a:gd name="T25" fmla="*/ 4 h 27"/>
                            <a:gd name="T26" fmla="*/ 8 w 29"/>
                            <a:gd name="T27" fmla="*/ 2 h 27"/>
                            <a:gd name="T28" fmla="*/ 10 w 29"/>
                            <a:gd name="T29" fmla="*/ 2 h 27"/>
                            <a:gd name="T30" fmla="*/ 11 w 29"/>
                            <a:gd name="T31" fmla="*/ 1 h 27"/>
                            <a:gd name="T32" fmla="*/ 12 w 29"/>
                            <a:gd name="T33" fmla="*/ 0 h 27"/>
                            <a:gd name="T34" fmla="*/ 15 w 29"/>
                            <a:gd name="T35" fmla="*/ 4 h 27"/>
                            <a:gd name="T36" fmla="*/ 17 w 29"/>
                            <a:gd name="T37" fmla="*/ 8 h 27"/>
                            <a:gd name="T38" fmla="*/ 21 w 29"/>
                            <a:gd name="T39" fmla="*/ 11 h 27"/>
                            <a:gd name="T40" fmla="*/ 24 w 29"/>
                            <a:gd name="T41" fmla="*/ 15 h 27"/>
                            <a:gd name="T42" fmla="*/ 29 w 29"/>
                            <a:gd name="T43" fmla="*/ 21 h 27"/>
                            <a:gd name="T44" fmla="*/ 28 w 29"/>
                            <a:gd name="T45" fmla="*/ 21 h 27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  <a:cxn ang="0">
                              <a:pos x="T34" y="T35"/>
                            </a:cxn>
                            <a:cxn ang="0">
                              <a:pos x="T36" y="T37"/>
                            </a:cxn>
                            <a:cxn ang="0">
                              <a:pos x="T38" y="T39"/>
                            </a:cxn>
                            <a:cxn ang="0">
                              <a:pos x="T40" y="T41"/>
                            </a:cxn>
                            <a:cxn ang="0">
                              <a:pos x="T42" y="T43"/>
                            </a:cxn>
                            <a:cxn ang="0">
                              <a:pos x="T44" y="T45"/>
                            </a:cxn>
                          </a:cxnLst>
                          <a:rect l="0" t="0" r="r" b="b"/>
                          <a:pathLst>
                            <a:path w="29" h="27">
                              <a:moveTo>
                                <a:pt x="28" y="21"/>
                              </a:moveTo>
                              <a:lnTo>
                                <a:pt x="16" y="26"/>
                              </a:lnTo>
                              <a:lnTo>
                                <a:pt x="8" y="27"/>
                              </a:lnTo>
                              <a:lnTo>
                                <a:pt x="3" y="26"/>
                              </a:lnTo>
                              <a:lnTo>
                                <a:pt x="0" y="23"/>
                              </a:lnTo>
                              <a:lnTo>
                                <a:pt x="0" y="19"/>
                              </a:lnTo>
                              <a:lnTo>
                                <a:pt x="0" y="15"/>
                              </a:lnTo>
                              <a:lnTo>
                                <a:pt x="0" y="11"/>
                              </a:lnTo>
                              <a:lnTo>
                                <a:pt x="0" y="9"/>
                              </a:lnTo>
                              <a:lnTo>
                                <a:pt x="2" y="8"/>
                              </a:lnTo>
                              <a:lnTo>
                                <a:pt x="2" y="6"/>
                              </a:lnTo>
                              <a:lnTo>
                                <a:pt x="3" y="5"/>
                              </a:lnTo>
                              <a:lnTo>
                                <a:pt x="6" y="4"/>
                              </a:lnTo>
                              <a:lnTo>
                                <a:pt x="8" y="2"/>
                              </a:lnTo>
                              <a:lnTo>
                                <a:pt x="10" y="2"/>
                              </a:lnTo>
                              <a:lnTo>
                                <a:pt x="11" y="1"/>
                              </a:lnTo>
                              <a:lnTo>
                                <a:pt x="12" y="0"/>
                              </a:lnTo>
                              <a:lnTo>
                                <a:pt x="15" y="4"/>
                              </a:lnTo>
                              <a:lnTo>
                                <a:pt x="17" y="8"/>
                              </a:lnTo>
                              <a:lnTo>
                                <a:pt x="21" y="11"/>
                              </a:lnTo>
                              <a:lnTo>
                                <a:pt x="24" y="15"/>
                              </a:lnTo>
                              <a:lnTo>
                                <a:pt x="29" y="21"/>
                              </a:lnTo>
                              <a:lnTo>
                                <a:pt x="28" y="21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319" name="Freeform 177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6452645" y="5107592"/>
                          <a:ext cx="19221" cy="15617"/>
                        </a:xfrm>
                        <a:custGeom>
                          <a:avLst/>
                          <a:gdLst>
                            <a:gd name="T0" fmla="*/ 14 w 16"/>
                            <a:gd name="T1" fmla="*/ 2 h 13"/>
                            <a:gd name="T2" fmla="*/ 12 w 16"/>
                            <a:gd name="T3" fmla="*/ 6 h 13"/>
                            <a:gd name="T4" fmla="*/ 9 w 16"/>
                            <a:gd name="T5" fmla="*/ 8 h 13"/>
                            <a:gd name="T6" fmla="*/ 7 w 16"/>
                            <a:gd name="T7" fmla="*/ 9 h 13"/>
                            <a:gd name="T8" fmla="*/ 4 w 16"/>
                            <a:gd name="T9" fmla="*/ 10 h 13"/>
                            <a:gd name="T10" fmla="*/ 3 w 16"/>
                            <a:gd name="T11" fmla="*/ 12 h 13"/>
                            <a:gd name="T12" fmla="*/ 1 w 16"/>
                            <a:gd name="T13" fmla="*/ 13 h 13"/>
                            <a:gd name="T14" fmla="*/ 4 w 16"/>
                            <a:gd name="T15" fmla="*/ 10 h 13"/>
                            <a:gd name="T16" fmla="*/ 5 w 16"/>
                            <a:gd name="T17" fmla="*/ 8 h 13"/>
                            <a:gd name="T18" fmla="*/ 5 w 16"/>
                            <a:gd name="T19" fmla="*/ 6 h 13"/>
                            <a:gd name="T20" fmla="*/ 4 w 16"/>
                            <a:gd name="T21" fmla="*/ 6 h 13"/>
                            <a:gd name="T22" fmla="*/ 3 w 16"/>
                            <a:gd name="T23" fmla="*/ 6 h 13"/>
                            <a:gd name="T24" fmla="*/ 1 w 16"/>
                            <a:gd name="T25" fmla="*/ 8 h 13"/>
                            <a:gd name="T26" fmla="*/ 0 w 16"/>
                            <a:gd name="T27" fmla="*/ 8 h 13"/>
                            <a:gd name="T28" fmla="*/ 0 w 16"/>
                            <a:gd name="T29" fmla="*/ 6 h 13"/>
                            <a:gd name="T30" fmla="*/ 0 w 16"/>
                            <a:gd name="T31" fmla="*/ 6 h 13"/>
                            <a:gd name="T32" fmla="*/ 1 w 16"/>
                            <a:gd name="T33" fmla="*/ 5 h 13"/>
                            <a:gd name="T34" fmla="*/ 3 w 16"/>
                            <a:gd name="T35" fmla="*/ 4 h 13"/>
                            <a:gd name="T36" fmla="*/ 4 w 16"/>
                            <a:gd name="T37" fmla="*/ 2 h 13"/>
                            <a:gd name="T38" fmla="*/ 7 w 16"/>
                            <a:gd name="T39" fmla="*/ 2 h 13"/>
                            <a:gd name="T40" fmla="*/ 8 w 16"/>
                            <a:gd name="T41" fmla="*/ 1 h 13"/>
                            <a:gd name="T42" fmla="*/ 9 w 16"/>
                            <a:gd name="T43" fmla="*/ 1 h 13"/>
                            <a:gd name="T44" fmla="*/ 11 w 16"/>
                            <a:gd name="T45" fmla="*/ 2 h 13"/>
                            <a:gd name="T46" fmla="*/ 12 w 16"/>
                            <a:gd name="T47" fmla="*/ 2 h 13"/>
                            <a:gd name="T48" fmla="*/ 13 w 16"/>
                            <a:gd name="T49" fmla="*/ 1 h 13"/>
                            <a:gd name="T50" fmla="*/ 16 w 16"/>
                            <a:gd name="T51" fmla="*/ 0 h 13"/>
                            <a:gd name="T52" fmla="*/ 16 w 16"/>
                            <a:gd name="T53" fmla="*/ 1 h 13"/>
                            <a:gd name="T54" fmla="*/ 14 w 16"/>
                            <a:gd name="T55" fmla="*/ 2 h 13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  <a:cxn ang="0">
                              <a:pos x="T34" y="T35"/>
                            </a:cxn>
                            <a:cxn ang="0">
                              <a:pos x="T36" y="T37"/>
                            </a:cxn>
                            <a:cxn ang="0">
                              <a:pos x="T38" y="T39"/>
                            </a:cxn>
                            <a:cxn ang="0">
                              <a:pos x="T40" y="T41"/>
                            </a:cxn>
                            <a:cxn ang="0">
                              <a:pos x="T42" y="T43"/>
                            </a:cxn>
                            <a:cxn ang="0">
                              <a:pos x="T44" y="T45"/>
                            </a:cxn>
                            <a:cxn ang="0">
                              <a:pos x="T46" y="T47"/>
                            </a:cxn>
                            <a:cxn ang="0">
                              <a:pos x="T48" y="T49"/>
                            </a:cxn>
                            <a:cxn ang="0">
                              <a:pos x="T50" y="T51"/>
                            </a:cxn>
                            <a:cxn ang="0">
                              <a:pos x="T52" y="T53"/>
                            </a:cxn>
                            <a:cxn ang="0">
                              <a:pos x="T54" y="T55"/>
                            </a:cxn>
                          </a:cxnLst>
                          <a:rect l="0" t="0" r="r" b="b"/>
                          <a:pathLst>
                            <a:path w="16" h="13">
                              <a:moveTo>
                                <a:pt x="14" y="2"/>
                              </a:moveTo>
                              <a:lnTo>
                                <a:pt x="12" y="6"/>
                              </a:lnTo>
                              <a:lnTo>
                                <a:pt x="9" y="8"/>
                              </a:lnTo>
                              <a:lnTo>
                                <a:pt x="7" y="9"/>
                              </a:lnTo>
                              <a:lnTo>
                                <a:pt x="4" y="10"/>
                              </a:lnTo>
                              <a:lnTo>
                                <a:pt x="3" y="12"/>
                              </a:lnTo>
                              <a:lnTo>
                                <a:pt x="1" y="13"/>
                              </a:lnTo>
                              <a:lnTo>
                                <a:pt x="4" y="10"/>
                              </a:lnTo>
                              <a:lnTo>
                                <a:pt x="5" y="8"/>
                              </a:lnTo>
                              <a:lnTo>
                                <a:pt x="5" y="6"/>
                              </a:lnTo>
                              <a:lnTo>
                                <a:pt x="4" y="6"/>
                              </a:lnTo>
                              <a:lnTo>
                                <a:pt x="3" y="6"/>
                              </a:lnTo>
                              <a:lnTo>
                                <a:pt x="1" y="8"/>
                              </a:lnTo>
                              <a:lnTo>
                                <a:pt x="0" y="8"/>
                              </a:lnTo>
                              <a:lnTo>
                                <a:pt x="0" y="6"/>
                              </a:lnTo>
                              <a:lnTo>
                                <a:pt x="0" y="6"/>
                              </a:lnTo>
                              <a:lnTo>
                                <a:pt x="1" y="5"/>
                              </a:lnTo>
                              <a:lnTo>
                                <a:pt x="3" y="4"/>
                              </a:lnTo>
                              <a:lnTo>
                                <a:pt x="4" y="2"/>
                              </a:lnTo>
                              <a:lnTo>
                                <a:pt x="7" y="2"/>
                              </a:lnTo>
                              <a:lnTo>
                                <a:pt x="8" y="1"/>
                              </a:lnTo>
                              <a:lnTo>
                                <a:pt x="9" y="1"/>
                              </a:lnTo>
                              <a:lnTo>
                                <a:pt x="11" y="2"/>
                              </a:lnTo>
                              <a:lnTo>
                                <a:pt x="12" y="2"/>
                              </a:lnTo>
                              <a:lnTo>
                                <a:pt x="13" y="1"/>
                              </a:lnTo>
                              <a:lnTo>
                                <a:pt x="16" y="0"/>
                              </a:lnTo>
                              <a:lnTo>
                                <a:pt x="16" y="1"/>
                              </a:lnTo>
                              <a:lnTo>
                                <a:pt x="14" y="2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  <p:sp>
                      <p:nvSpPr>
                        <p:cNvPr id="320" name="Freeform 173"/>
                        <p:cNvSpPr>
                          <a:spLocks/>
                        </p:cNvSpPr>
                        <p:nvPr/>
                      </p:nvSpPr>
                      <p:spPr bwMode="auto">
                        <a:xfrm>
                          <a:off x="1989845" y="1298295"/>
                          <a:ext cx="3662741" cy="3766050"/>
                        </a:xfrm>
                        <a:custGeom>
                          <a:avLst/>
                          <a:gdLst>
                            <a:gd name="T0" fmla="*/ 3049 w 3049"/>
                            <a:gd name="T1" fmla="*/ 350 h 3135"/>
                            <a:gd name="T2" fmla="*/ 2935 w 3049"/>
                            <a:gd name="T3" fmla="*/ 355 h 3135"/>
                            <a:gd name="T4" fmla="*/ 2906 w 3049"/>
                            <a:gd name="T5" fmla="*/ 621 h 3135"/>
                            <a:gd name="T6" fmla="*/ 2867 w 3049"/>
                            <a:gd name="T7" fmla="*/ 701 h 3135"/>
                            <a:gd name="T8" fmla="*/ 2931 w 3049"/>
                            <a:gd name="T9" fmla="*/ 834 h 3135"/>
                            <a:gd name="T10" fmla="*/ 2822 w 3049"/>
                            <a:gd name="T11" fmla="*/ 902 h 3135"/>
                            <a:gd name="T12" fmla="*/ 2826 w 3049"/>
                            <a:gd name="T13" fmla="*/ 614 h 3135"/>
                            <a:gd name="T14" fmla="*/ 2768 w 3049"/>
                            <a:gd name="T15" fmla="*/ 613 h 3135"/>
                            <a:gd name="T16" fmla="*/ 2668 w 3049"/>
                            <a:gd name="T17" fmla="*/ 742 h 3135"/>
                            <a:gd name="T18" fmla="*/ 2592 w 3049"/>
                            <a:gd name="T19" fmla="*/ 744 h 3135"/>
                            <a:gd name="T20" fmla="*/ 2368 w 3049"/>
                            <a:gd name="T21" fmla="*/ 951 h 3135"/>
                            <a:gd name="T22" fmla="*/ 2513 w 3049"/>
                            <a:gd name="T23" fmla="*/ 1000 h 3135"/>
                            <a:gd name="T24" fmla="*/ 2404 w 3049"/>
                            <a:gd name="T25" fmla="*/ 1432 h 3135"/>
                            <a:gd name="T26" fmla="*/ 2245 w 3049"/>
                            <a:gd name="T27" fmla="*/ 1572 h 3135"/>
                            <a:gd name="T28" fmla="*/ 2192 w 3049"/>
                            <a:gd name="T29" fmla="*/ 1744 h 3135"/>
                            <a:gd name="T30" fmla="*/ 2098 w 3049"/>
                            <a:gd name="T31" fmla="*/ 1600 h 3135"/>
                            <a:gd name="T32" fmla="*/ 1949 w 3049"/>
                            <a:gd name="T33" fmla="*/ 1629 h 3135"/>
                            <a:gd name="T34" fmla="*/ 2034 w 3049"/>
                            <a:gd name="T35" fmla="*/ 1735 h 3135"/>
                            <a:gd name="T36" fmla="*/ 2015 w 3049"/>
                            <a:gd name="T37" fmla="*/ 2148 h 3135"/>
                            <a:gd name="T38" fmla="*/ 1655 w 3049"/>
                            <a:gd name="T39" fmla="*/ 2507 h 3135"/>
                            <a:gd name="T40" fmla="*/ 1645 w 3049"/>
                            <a:gd name="T41" fmla="*/ 2434 h 3135"/>
                            <a:gd name="T42" fmla="*/ 1519 w 3049"/>
                            <a:gd name="T43" fmla="*/ 2503 h 3135"/>
                            <a:gd name="T44" fmla="*/ 1503 w 3049"/>
                            <a:gd name="T45" fmla="*/ 2876 h 3135"/>
                            <a:gd name="T46" fmla="*/ 1307 w 3049"/>
                            <a:gd name="T47" fmla="*/ 2786 h 3135"/>
                            <a:gd name="T48" fmla="*/ 1424 w 3049"/>
                            <a:gd name="T49" fmla="*/ 3075 h 3135"/>
                            <a:gd name="T50" fmla="*/ 1191 w 3049"/>
                            <a:gd name="T51" fmla="*/ 2531 h 3135"/>
                            <a:gd name="T52" fmla="*/ 976 w 3049"/>
                            <a:gd name="T53" fmla="*/ 2264 h 3135"/>
                            <a:gd name="T54" fmla="*/ 799 w 3049"/>
                            <a:gd name="T55" fmla="*/ 2412 h 3135"/>
                            <a:gd name="T56" fmla="*/ 713 w 3049"/>
                            <a:gd name="T57" fmla="*/ 2690 h 3135"/>
                            <a:gd name="T58" fmla="*/ 544 w 3049"/>
                            <a:gd name="T59" fmla="*/ 2125 h 3135"/>
                            <a:gd name="T60" fmla="*/ 435 w 3049"/>
                            <a:gd name="T61" fmla="*/ 1918 h 3135"/>
                            <a:gd name="T62" fmla="*/ 222 w 3049"/>
                            <a:gd name="T63" fmla="*/ 1625 h 3135"/>
                            <a:gd name="T64" fmla="*/ 201 w 3049"/>
                            <a:gd name="T65" fmla="*/ 1733 h 3135"/>
                            <a:gd name="T66" fmla="*/ 271 w 3049"/>
                            <a:gd name="T67" fmla="*/ 1862 h 3135"/>
                            <a:gd name="T68" fmla="*/ 249 w 3049"/>
                            <a:gd name="T69" fmla="*/ 2083 h 3135"/>
                            <a:gd name="T70" fmla="*/ 164 w 3049"/>
                            <a:gd name="T71" fmla="*/ 2165 h 3135"/>
                            <a:gd name="T72" fmla="*/ 182 w 3049"/>
                            <a:gd name="T73" fmla="*/ 2554 h 3135"/>
                            <a:gd name="T74" fmla="*/ 0 w 3049"/>
                            <a:gd name="T75" fmla="*/ 1816 h 3135"/>
                            <a:gd name="T76" fmla="*/ 74 w 3049"/>
                            <a:gd name="T77" fmla="*/ 1199 h 3135"/>
                            <a:gd name="T78" fmla="*/ 373 w 3049"/>
                            <a:gd name="T79" fmla="*/ 557 h 3135"/>
                            <a:gd name="T80" fmla="*/ 723 w 3049"/>
                            <a:gd name="T81" fmla="*/ 186 h 3135"/>
                            <a:gd name="T82" fmla="*/ 838 w 3049"/>
                            <a:gd name="T83" fmla="*/ 80 h 3135"/>
                            <a:gd name="T84" fmla="*/ 1079 w 3049"/>
                            <a:gd name="T85" fmla="*/ 1 h 3135"/>
                            <a:gd name="T86" fmla="*/ 1111 w 3049"/>
                            <a:gd name="T87" fmla="*/ 15 h 3135"/>
                            <a:gd name="T88" fmla="*/ 1040 w 3049"/>
                            <a:gd name="T89" fmla="*/ 214 h 3135"/>
                            <a:gd name="T90" fmla="*/ 1016 w 3049"/>
                            <a:gd name="T91" fmla="*/ 245 h 3135"/>
                            <a:gd name="T92" fmla="*/ 1160 w 3049"/>
                            <a:gd name="T93" fmla="*/ 255 h 3135"/>
                            <a:gd name="T94" fmla="*/ 1214 w 3049"/>
                            <a:gd name="T95" fmla="*/ 283 h 3135"/>
                            <a:gd name="T96" fmla="*/ 1273 w 3049"/>
                            <a:gd name="T97" fmla="*/ 335 h 3135"/>
                            <a:gd name="T98" fmla="*/ 1391 w 3049"/>
                            <a:gd name="T99" fmla="*/ 312 h 3135"/>
                            <a:gd name="T100" fmla="*/ 1476 w 3049"/>
                            <a:gd name="T101" fmla="*/ 265 h 3135"/>
                            <a:gd name="T102" fmla="*/ 1505 w 3049"/>
                            <a:gd name="T103" fmla="*/ 300 h 3135"/>
                            <a:gd name="T104" fmla="*/ 1612 w 3049"/>
                            <a:gd name="T105" fmla="*/ 225 h 3135"/>
                            <a:gd name="T106" fmla="*/ 1775 w 3049"/>
                            <a:gd name="T107" fmla="*/ 208 h 3135"/>
                            <a:gd name="T108" fmla="*/ 1941 w 3049"/>
                            <a:gd name="T109" fmla="*/ 246 h 3135"/>
                            <a:gd name="T110" fmla="*/ 1916 w 3049"/>
                            <a:gd name="T111" fmla="*/ 287 h 3135"/>
                            <a:gd name="T112" fmla="*/ 2014 w 3049"/>
                            <a:gd name="T113" fmla="*/ 324 h 3135"/>
                            <a:gd name="T114" fmla="*/ 2180 w 3049"/>
                            <a:gd name="T115" fmla="*/ 377 h 3135"/>
                            <a:gd name="T116" fmla="*/ 2289 w 3049"/>
                            <a:gd name="T117" fmla="*/ 347 h 3135"/>
                            <a:gd name="T118" fmla="*/ 2391 w 3049"/>
                            <a:gd name="T119" fmla="*/ 308 h 3135"/>
                            <a:gd name="T120" fmla="*/ 2688 w 3049"/>
                            <a:gd name="T121" fmla="*/ 320 h 3135"/>
                            <a:gd name="T122" fmla="*/ 3004 w 3049"/>
                            <a:gd name="T123" fmla="*/ 283 h 3135"/>
                          </a:gdLst>
                          <a:ahLst/>
                          <a:cxnLst>
                            <a:cxn ang="0">
                              <a:pos x="T0" y="T1"/>
                            </a:cxn>
                            <a:cxn ang="0">
                              <a:pos x="T2" y="T3"/>
                            </a:cxn>
                            <a:cxn ang="0">
                              <a:pos x="T4" y="T5"/>
                            </a:cxn>
                            <a:cxn ang="0">
                              <a:pos x="T6" y="T7"/>
                            </a:cxn>
                            <a:cxn ang="0">
                              <a:pos x="T8" y="T9"/>
                            </a:cxn>
                            <a:cxn ang="0">
                              <a:pos x="T10" y="T11"/>
                            </a:cxn>
                            <a:cxn ang="0">
                              <a:pos x="T12" y="T13"/>
                            </a:cxn>
                            <a:cxn ang="0">
                              <a:pos x="T14" y="T15"/>
                            </a:cxn>
                            <a:cxn ang="0">
                              <a:pos x="T16" y="T17"/>
                            </a:cxn>
                            <a:cxn ang="0">
                              <a:pos x="T18" y="T19"/>
                            </a:cxn>
                            <a:cxn ang="0">
                              <a:pos x="T20" y="T21"/>
                            </a:cxn>
                            <a:cxn ang="0">
                              <a:pos x="T22" y="T23"/>
                            </a:cxn>
                            <a:cxn ang="0">
                              <a:pos x="T24" y="T25"/>
                            </a:cxn>
                            <a:cxn ang="0">
                              <a:pos x="T26" y="T27"/>
                            </a:cxn>
                            <a:cxn ang="0">
                              <a:pos x="T28" y="T29"/>
                            </a:cxn>
                            <a:cxn ang="0">
                              <a:pos x="T30" y="T31"/>
                            </a:cxn>
                            <a:cxn ang="0">
                              <a:pos x="T32" y="T33"/>
                            </a:cxn>
                            <a:cxn ang="0">
                              <a:pos x="T34" y="T35"/>
                            </a:cxn>
                            <a:cxn ang="0">
                              <a:pos x="T36" y="T37"/>
                            </a:cxn>
                            <a:cxn ang="0">
                              <a:pos x="T38" y="T39"/>
                            </a:cxn>
                            <a:cxn ang="0">
                              <a:pos x="T40" y="T41"/>
                            </a:cxn>
                            <a:cxn ang="0">
                              <a:pos x="T42" y="T43"/>
                            </a:cxn>
                            <a:cxn ang="0">
                              <a:pos x="T44" y="T45"/>
                            </a:cxn>
                            <a:cxn ang="0">
                              <a:pos x="T46" y="T47"/>
                            </a:cxn>
                            <a:cxn ang="0">
                              <a:pos x="T48" y="T49"/>
                            </a:cxn>
                            <a:cxn ang="0">
                              <a:pos x="T50" y="T51"/>
                            </a:cxn>
                            <a:cxn ang="0">
                              <a:pos x="T52" y="T53"/>
                            </a:cxn>
                            <a:cxn ang="0">
                              <a:pos x="T54" y="T55"/>
                            </a:cxn>
                            <a:cxn ang="0">
                              <a:pos x="T56" y="T57"/>
                            </a:cxn>
                            <a:cxn ang="0">
                              <a:pos x="T58" y="T59"/>
                            </a:cxn>
                            <a:cxn ang="0">
                              <a:pos x="T60" y="T61"/>
                            </a:cxn>
                            <a:cxn ang="0">
                              <a:pos x="T62" y="T63"/>
                            </a:cxn>
                            <a:cxn ang="0">
                              <a:pos x="T64" y="T65"/>
                            </a:cxn>
                            <a:cxn ang="0">
                              <a:pos x="T66" y="T67"/>
                            </a:cxn>
                            <a:cxn ang="0">
                              <a:pos x="T68" y="T69"/>
                            </a:cxn>
                            <a:cxn ang="0">
                              <a:pos x="T70" y="T71"/>
                            </a:cxn>
                            <a:cxn ang="0">
                              <a:pos x="T72" y="T73"/>
                            </a:cxn>
                            <a:cxn ang="0">
                              <a:pos x="T74" y="T75"/>
                            </a:cxn>
                            <a:cxn ang="0">
                              <a:pos x="T76" y="T77"/>
                            </a:cxn>
                            <a:cxn ang="0">
                              <a:pos x="T78" y="T79"/>
                            </a:cxn>
                            <a:cxn ang="0">
                              <a:pos x="T80" y="T81"/>
                            </a:cxn>
                            <a:cxn ang="0">
                              <a:pos x="T82" y="T83"/>
                            </a:cxn>
                            <a:cxn ang="0">
                              <a:pos x="T84" y="T85"/>
                            </a:cxn>
                            <a:cxn ang="0">
                              <a:pos x="T86" y="T87"/>
                            </a:cxn>
                            <a:cxn ang="0">
                              <a:pos x="T88" y="T89"/>
                            </a:cxn>
                            <a:cxn ang="0">
                              <a:pos x="T90" y="T91"/>
                            </a:cxn>
                            <a:cxn ang="0">
                              <a:pos x="T92" y="T93"/>
                            </a:cxn>
                            <a:cxn ang="0">
                              <a:pos x="T94" y="T95"/>
                            </a:cxn>
                            <a:cxn ang="0">
                              <a:pos x="T96" y="T97"/>
                            </a:cxn>
                            <a:cxn ang="0">
                              <a:pos x="T98" y="T99"/>
                            </a:cxn>
                            <a:cxn ang="0">
                              <a:pos x="T100" y="T101"/>
                            </a:cxn>
                            <a:cxn ang="0">
                              <a:pos x="T102" y="T103"/>
                            </a:cxn>
                            <a:cxn ang="0">
                              <a:pos x="T104" y="T105"/>
                            </a:cxn>
                            <a:cxn ang="0">
                              <a:pos x="T106" y="T107"/>
                            </a:cxn>
                            <a:cxn ang="0">
                              <a:pos x="T108" y="T109"/>
                            </a:cxn>
                            <a:cxn ang="0">
                              <a:pos x="T110" y="T111"/>
                            </a:cxn>
                            <a:cxn ang="0">
                              <a:pos x="T112" y="T113"/>
                            </a:cxn>
                            <a:cxn ang="0">
                              <a:pos x="T114" y="T115"/>
                            </a:cxn>
                            <a:cxn ang="0">
                              <a:pos x="T116" y="T117"/>
                            </a:cxn>
                            <a:cxn ang="0">
                              <a:pos x="T118" y="T119"/>
                            </a:cxn>
                            <a:cxn ang="0">
                              <a:pos x="T120" y="T121"/>
                            </a:cxn>
                            <a:cxn ang="0">
                              <a:pos x="T122" y="T123"/>
                            </a:cxn>
                          </a:cxnLst>
                          <a:rect l="0" t="0" r="r" b="b"/>
                          <a:pathLst>
                            <a:path w="3049" h="3135">
                              <a:moveTo>
                                <a:pt x="3020" y="287"/>
                              </a:moveTo>
                              <a:lnTo>
                                <a:pt x="3024" y="292"/>
                              </a:lnTo>
                              <a:lnTo>
                                <a:pt x="3026" y="296"/>
                              </a:lnTo>
                              <a:lnTo>
                                <a:pt x="3030" y="300"/>
                              </a:lnTo>
                              <a:lnTo>
                                <a:pt x="3033" y="304"/>
                              </a:lnTo>
                              <a:lnTo>
                                <a:pt x="3035" y="308"/>
                              </a:lnTo>
                              <a:lnTo>
                                <a:pt x="3037" y="309"/>
                              </a:lnTo>
                              <a:lnTo>
                                <a:pt x="3038" y="310"/>
                              </a:lnTo>
                              <a:lnTo>
                                <a:pt x="3038" y="312"/>
                              </a:lnTo>
                              <a:lnTo>
                                <a:pt x="3038" y="312"/>
                              </a:lnTo>
                              <a:lnTo>
                                <a:pt x="3038" y="312"/>
                              </a:lnTo>
                              <a:lnTo>
                                <a:pt x="3037" y="313"/>
                              </a:lnTo>
                              <a:lnTo>
                                <a:pt x="3035" y="314"/>
                              </a:lnTo>
                              <a:lnTo>
                                <a:pt x="3034" y="316"/>
                              </a:lnTo>
                              <a:lnTo>
                                <a:pt x="3033" y="316"/>
                              </a:lnTo>
                              <a:lnTo>
                                <a:pt x="3032" y="317"/>
                              </a:lnTo>
                              <a:lnTo>
                                <a:pt x="3030" y="318"/>
                              </a:lnTo>
                              <a:lnTo>
                                <a:pt x="3029" y="320"/>
                              </a:lnTo>
                              <a:lnTo>
                                <a:pt x="3038" y="335"/>
                              </a:lnTo>
                              <a:lnTo>
                                <a:pt x="3049" y="350"/>
                              </a:lnTo>
                              <a:lnTo>
                                <a:pt x="3045" y="355"/>
                              </a:lnTo>
                              <a:lnTo>
                                <a:pt x="3042" y="359"/>
                              </a:lnTo>
                              <a:lnTo>
                                <a:pt x="3039" y="364"/>
                              </a:lnTo>
                              <a:lnTo>
                                <a:pt x="3026" y="364"/>
                              </a:lnTo>
                              <a:lnTo>
                                <a:pt x="3017" y="363"/>
                              </a:lnTo>
                              <a:lnTo>
                                <a:pt x="3009" y="361"/>
                              </a:lnTo>
                              <a:lnTo>
                                <a:pt x="3001" y="356"/>
                              </a:lnTo>
                              <a:lnTo>
                                <a:pt x="2990" y="350"/>
                              </a:lnTo>
                              <a:lnTo>
                                <a:pt x="2974" y="355"/>
                              </a:lnTo>
                              <a:lnTo>
                                <a:pt x="2963" y="358"/>
                              </a:lnTo>
                              <a:lnTo>
                                <a:pt x="2956" y="359"/>
                              </a:lnTo>
                              <a:lnTo>
                                <a:pt x="2949" y="358"/>
                              </a:lnTo>
                              <a:lnTo>
                                <a:pt x="2941" y="355"/>
                              </a:lnTo>
                              <a:lnTo>
                                <a:pt x="2937" y="355"/>
                              </a:lnTo>
                              <a:lnTo>
                                <a:pt x="2936" y="355"/>
                              </a:lnTo>
                              <a:lnTo>
                                <a:pt x="2936" y="355"/>
                              </a:lnTo>
                              <a:lnTo>
                                <a:pt x="2935" y="355"/>
                              </a:lnTo>
                              <a:lnTo>
                                <a:pt x="2935" y="355"/>
                              </a:lnTo>
                              <a:lnTo>
                                <a:pt x="2935" y="355"/>
                              </a:lnTo>
                              <a:lnTo>
                                <a:pt x="2935" y="355"/>
                              </a:lnTo>
                              <a:lnTo>
                                <a:pt x="2935" y="355"/>
                              </a:lnTo>
                              <a:lnTo>
                                <a:pt x="2957" y="375"/>
                              </a:lnTo>
                              <a:lnTo>
                                <a:pt x="2975" y="397"/>
                              </a:lnTo>
                              <a:lnTo>
                                <a:pt x="2994" y="419"/>
                              </a:lnTo>
                              <a:lnTo>
                                <a:pt x="3011" y="441"/>
                              </a:lnTo>
                              <a:lnTo>
                                <a:pt x="3032" y="462"/>
                              </a:lnTo>
                              <a:lnTo>
                                <a:pt x="3021" y="468"/>
                              </a:lnTo>
                              <a:lnTo>
                                <a:pt x="3009" y="470"/>
                              </a:lnTo>
                              <a:lnTo>
                                <a:pt x="2999" y="470"/>
                              </a:lnTo>
                              <a:lnTo>
                                <a:pt x="2984" y="530"/>
                              </a:lnTo>
                              <a:lnTo>
                                <a:pt x="2970" y="591"/>
                              </a:lnTo>
                              <a:lnTo>
                                <a:pt x="2965" y="593"/>
                              </a:lnTo>
                              <a:lnTo>
                                <a:pt x="2961" y="596"/>
                              </a:lnTo>
                              <a:lnTo>
                                <a:pt x="2956" y="598"/>
                              </a:lnTo>
                              <a:lnTo>
                                <a:pt x="2944" y="596"/>
                              </a:lnTo>
                              <a:lnTo>
                                <a:pt x="2935" y="595"/>
                              </a:lnTo>
                              <a:lnTo>
                                <a:pt x="2925" y="597"/>
                              </a:lnTo>
                              <a:lnTo>
                                <a:pt x="2918" y="604"/>
                              </a:lnTo>
                              <a:lnTo>
                                <a:pt x="2908" y="617"/>
                              </a:lnTo>
                              <a:lnTo>
                                <a:pt x="2906" y="621"/>
                              </a:lnTo>
                              <a:lnTo>
                                <a:pt x="2905" y="623"/>
                              </a:lnTo>
                              <a:lnTo>
                                <a:pt x="2903" y="626"/>
                              </a:lnTo>
                              <a:lnTo>
                                <a:pt x="2903" y="626"/>
                              </a:lnTo>
                              <a:lnTo>
                                <a:pt x="2902" y="627"/>
                              </a:lnTo>
                              <a:lnTo>
                                <a:pt x="2902" y="627"/>
                              </a:lnTo>
                              <a:lnTo>
                                <a:pt x="2902" y="627"/>
                              </a:lnTo>
                              <a:lnTo>
                                <a:pt x="2901" y="625"/>
                              </a:lnTo>
                              <a:lnTo>
                                <a:pt x="2899" y="622"/>
                              </a:lnTo>
                              <a:lnTo>
                                <a:pt x="2898" y="621"/>
                              </a:lnTo>
                              <a:lnTo>
                                <a:pt x="2897" y="618"/>
                              </a:lnTo>
                              <a:lnTo>
                                <a:pt x="2895" y="617"/>
                              </a:lnTo>
                              <a:lnTo>
                                <a:pt x="2894" y="614"/>
                              </a:lnTo>
                              <a:lnTo>
                                <a:pt x="2893" y="613"/>
                              </a:lnTo>
                              <a:lnTo>
                                <a:pt x="2886" y="630"/>
                              </a:lnTo>
                              <a:lnTo>
                                <a:pt x="2878" y="639"/>
                              </a:lnTo>
                              <a:lnTo>
                                <a:pt x="2869" y="644"/>
                              </a:lnTo>
                              <a:lnTo>
                                <a:pt x="2859" y="648"/>
                              </a:lnTo>
                              <a:lnTo>
                                <a:pt x="2863" y="665"/>
                              </a:lnTo>
                              <a:lnTo>
                                <a:pt x="2865" y="684"/>
                              </a:lnTo>
                              <a:lnTo>
                                <a:pt x="2867" y="701"/>
                              </a:lnTo>
                              <a:lnTo>
                                <a:pt x="2870" y="718"/>
                              </a:lnTo>
                              <a:lnTo>
                                <a:pt x="2877" y="718"/>
                              </a:lnTo>
                              <a:lnTo>
                                <a:pt x="2882" y="718"/>
                              </a:lnTo>
                              <a:lnTo>
                                <a:pt x="2889" y="719"/>
                              </a:lnTo>
                              <a:lnTo>
                                <a:pt x="2899" y="735"/>
                              </a:lnTo>
                              <a:lnTo>
                                <a:pt x="2907" y="746"/>
                              </a:lnTo>
                              <a:lnTo>
                                <a:pt x="2914" y="754"/>
                              </a:lnTo>
                              <a:lnTo>
                                <a:pt x="2919" y="761"/>
                              </a:lnTo>
                              <a:lnTo>
                                <a:pt x="2922" y="765"/>
                              </a:lnTo>
                              <a:lnTo>
                                <a:pt x="2925" y="770"/>
                              </a:lnTo>
                              <a:lnTo>
                                <a:pt x="2931" y="775"/>
                              </a:lnTo>
                              <a:lnTo>
                                <a:pt x="2925" y="778"/>
                              </a:lnTo>
                              <a:lnTo>
                                <a:pt x="2920" y="780"/>
                              </a:lnTo>
                              <a:lnTo>
                                <a:pt x="2915" y="783"/>
                              </a:lnTo>
                              <a:lnTo>
                                <a:pt x="2914" y="792"/>
                              </a:lnTo>
                              <a:lnTo>
                                <a:pt x="2912" y="799"/>
                              </a:lnTo>
                              <a:lnTo>
                                <a:pt x="2914" y="805"/>
                              </a:lnTo>
                              <a:lnTo>
                                <a:pt x="2916" y="812"/>
                              </a:lnTo>
                              <a:lnTo>
                                <a:pt x="2922" y="821"/>
                              </a:lnTo>
                              <a:lnTo>
                                <a:pt x="2931" y="834"/>
                              </a:lnTo>
                              <a:lnTo>
                                <a:pt x="2922" y="845"/>
                              </a:lnTo>
                              <a:lnTo>
                                <a:pt x="2916" y="854"/>
                              </a:lnTo>
                              <a:lnTo>
                                <a:pt x="2914" y="863"/>
                              </a:lnTo>
                              <a:lnTo>
                                <a:pt x="2914" y="873"/>
                              </a:lnTo>
                              <a:lnTo>
                                <a:pt x="2915" y="889"/>
                              </a:lnTo>
                              <a:lnTo>
                                <a:pt x="2918" y="911"/>
                              </a:lnTo>
                              <a:lnTo>
                                <a:pt x="2907" y="924"/>
                              </a:lnTo>
                              <a:lnTo>
                                <a:pt x="2903" y="939"/>
                              </a:lnTo>
                              <a:lnTo>
                                <a:pt x="2902" y="953"/>
                              </a:lnTo>
                              <a:lnTo>
                                <a:pt x="2902" y="969"/>
                              </a:lnTo>
                              <a:lnTo>
                                <a:pt x="2902" y="983"/>
                              </a:lnTo>
                              <a:lnTo>
                                <a:pt x="2898" y="998"/>
                              </a:lnTo>
                              <a:lnTo>
                                <a:pt x="2890" y="998"/>
                              </a:lnTo>
                              <a:lnTo>
                                <a:pt x="2882" y="998"/>
                              </a:lnTo>
                              <a:lnTo>
                                <a:pt x="2863" y="970"/>
                              </a:lnTo>
                              <a:lnTo>
                                <a:pt x="2846" y="941"/>
                              </a:lnTo>
                              <a:lnTo>
                                <a:pt x="2826" y="914"/>
                              </a:lnTo>
                              <a:lnTo>
                                <a:pt x="2825" y="910"/>
                              </a:lnTo>
                              <a:lnTo>
                                <a:pt x="2823" y="906"/>
                              </a:lnTo>
                              <a:lnTo>
                                <a:pt x="2822" y="902"/>
                              </a:lnTo>
                              <a:lnTo>
                                <a:pt x="2821" y="900"/>
                              </a:lnTo>
                              <a:lnTo>
                                <a:pt x="2819" y="896"/>
                              </a:lnTo>
                              <a:lnTo>
                                <a:pt x="2817" y="892"/>
                              </a:lnTo>
                              <a:lnTo>
                                <a:pt x="2815" y="889"/>
                              </a:lnTo>
                              <a:lnTo>
                                <a:pt x="2814" y="885"/>
                              </a:lnTo>
                              <a:lnTo>
                                <a:pt x="2805" y="873"/>
                              </a:lnTo>
                              <a:lnTo>
                                <a:pt x="2798" y="864"/>
                              </a:lnTo>
                              <a:lnTo>
                                <a:pt x="2793" y="855"/>
                              </a:lnTo>
                              <a:lnTo>
                                <a:pt x="2789" y="843"/>
                              </a:lnTo>
                              <a:lnTo>
                                <a:pt x="2787" y="830"/>
                              </a:lnTo>
                              <a:lnTo>
                                <a:pt x="2785" y="811"/>
                              </a:lnTo>
                              <a:lnTo>
                                <a:pt x="2783" y="786"/>
                              </a:lnTo>
                              <a:lnTo>
                                <a:pt x="2780" y="752"/>
                              </a:lnTo>
                              <a:lnTo>
                                <a:pt x="2788" y="742"/>
                              </a:lnTo>
                              <a:lnTo>
                                <a:pt x="2796" y="728"/>
                              </a:lnTo>
                              <a:lnTo>
                                <a:pt x="2805" y="710"/>
                              </a:lnTo>
                              <a:lnTo>
                                <a:pt x="2813" y="687"/>
                              </a:lnTo>
                              <a:lnTo>
                                <a:pt x="2819" y="664"/>
                              </a:lnTo>
                              <a:lnTo>
                                <a:pt x="2825" y="639"/>
                              </a:lnTo>
                              <a:lnTo>
                                <a:pt x="2826" y="614"/>
                              </a:lnTo>
                              <a:lnTo>
                                <a:pt x="2825" y="591"/>
                              </a:lnTo>
                              <a:lnTo>
                                <a:pt x="2821" y="571"/>
                              </a:lnTo>
                              <a:lnTo>
                                <a:pt x="2821" y="577"/>
                              </a:lnTo>
                              <a:lnTo>
                                <a:pt x="2821" y="584"/>
                              </a:lnTo>
                              <a:lnTo>
                                <a:pt x="2821" y="591"/>
                              </a:lnTo>
                              <a:lnTo>
                                <a:pt x="2813" y="596"/>
                              </a:lnTo>
                              <a:lnTo>
                                <a:pt x="2808" y="600"/>
                              </a:lnTo>
                              <a:lnTo>
                                <a:pt x="2804" y="606"/>
                              </a:lnTo>
                              <a:lnTo>
                                <a:pt x="2801" y="617"/>
                              </a:lnTo>
                              <a:lnTo>
                                <a:pt x="2797" y="634"/>
                              </a:lnTo>
                              <a:lnTo>
                                <a:pt x="2792" y="632"/>
                              </a:lnTo>
                              <a:lnTo>
                                <a:pt x="2787" y="630"/>
                              </a:lnTo>
                              <a:lnTo>
                                <a:pt x="2781" y="629"/>
                              </a:lnTo>
                              <a:lnTo>
                                <a:pt x="2779" y="627"/>
                              </a:lnTo>
                              <a:lnTo>
                                <a:pt x="2776" y="626"/>
                              </a:lnTo>
                              <a:lnTo>
                                <a:pt x="2775" y="626"/>
                              </a:lnTo>
                              <a:lnTo>
                                <a:pt x="2775" y="625"/>
                              </a:lnTo>
                              <a:lnTo>
                                <a:pt x="2772" y="621"/>
                              </a:lnTo>
                              <a:lnTo>
                                <a:pt x="2771" y="617"/>
                              </a:lnTo>
                              <a:lnTo>
                                <a:pt x="2768" y="613"/>
                              </a:lnTo>
                              <a:lnTo>
                                <a:pt x="2767" y="610"/>
                              </a:lnTo>
                              <a:lnTo>
                                <a:pt x="2764" y="606"/>
                              </a:lnTo>
                              <a:lnTo>
                                <a:pt x="2762" y="602"/>
                              </a:lnTo>
                              <a:lnTo>
                                <a:pt x="2761" y="598"/>
                              </a:lnTo>
                              <a:lnTo>
                                <a:pt x="2740" y="608"/>
                              </a:lnTo>
                              <a:lnTo>
                                <a:pt x="2725" y="621"/>
                              </a:lnTo>
                              <a:lnTo>
                                <a:pt x="2716" y="635"/>
                              </a:lnTo>
                              <a:lnTo>
                                <a:pt x="2709" y="649"/>
                              </a:lnTo>
                              <a:lnTo>
                                <a:pt x="2707" y="665"/>
                              </a:lnTo>
                              <a:lnTo>
                                <a:pt x="2707" y="681"/>
                              </a:lnTo>
                              <a:lnTo>
                                <a:pt x="2708" y="694"/>
                              </a:lnTo>
                              <a:lnTo>
                                <a:pt x="2712" y="704"/>
                              </a:lnTo>
                              <a:lnTo>
                                <a:pt x="2716" y="712"/>
                              </a:lnTo>
                              <a:lnTo>
                                <a:pt x="2715" y="714"/>
                              </a:lnTo>
                              <a:lnTo>
                                <a:pt x="2713" y="715"/>
                              </a:lnTo>
                              <a:lnTo>
                                <a:pt x="2709" y="716"/>
                              </a:lnTo>
                              <a:lnTo>
                                <a:pt x="2706" y="720"/>
                              </a:lnTo>
                              <a:lnTo>
                                <a:pt x="2696" y="725"/>
                              </a:lnTo>
                              <a:lnTo>
                                <a:pt x="2685" y="733"/>
                              </a:lnTo>
                              <a:lnTo>
                                <a:pt x="2668" y="742"/>
                              </a:lnTo>
                              <a:lnTo>
                                <a:pt x="2664" y="745"/>
                              </a:lnTo>
                              <a:lnTo>
                                <a:pt x="2660" y="746"/>
                              </a:lnTo>
                              <a:lnTo>
                                <a:pt x="2657" y="746"/>
                              </a:lnTo>
                              <a:lnTo>
                                <a:pt x="2656" y="746"/>
                              </a:lnTo>
                              <a:lnTo>
                                <a:pt x="2654" y="746"/>
                              </a:lnTo>
                              <a:lnTo>
                                <a:pt x="2654" y="746"/>
                              </a:lnTo>
                              <a:lnTo>
                                <a:pt x="2654" y="746"/>
                              </a:lnTo>
                              <a:lnTo>
                                <a:pt x="2653" y="742"/>
                              </a:lnTo>
                              <a:lnTo>
                                <a:pt x="2652" y="740"/>
                              </a:lnTo>
                              <a:lnTo>
                                <a:pt x="2651" y="737"/>
                              </a:lnTo>
                              <a:lnTo>
                                <a:pt x="2648" y="731"/>
                              </a:lnTo>
                              <a:lnTo>
                                <a:pt x="2647" y="728"/>
                              </a:lnTo>
                              <a:lnTo>
                                <a:pt x="2645" y="725"/>
                              </a:lnTo>
                              <a:lnTo>
                                <a:pt x="2627" y="724"/>
                              </a:lnTo>
                              <a:lnTo>
                                <a:pt x="2610" y="725"/>
                              </a:lnTo>
                              <a:lnTo>
                                <a:pt x="2607" y="731"/>
                              </a:lnTo>
                              <a:lnTo>
                                <a:pt x="2605" y="736"/>
                              </a:lnTo>
                              <a:lnTo>
                                <a:pt x="2602" y="740"/>
                              </a:lnTo>
                              <a:lnTo>
                                <a:pt x="2597" y="742"/>
                              </a:lnTo>
                              <a:lnTo>
                                <a:pt x="2592" y="744"/>
                              </a:lnTo>
                              <a:lnTo>
                                <a:pt x="2588" y="745"/>
                              </a:lnTo>
                              <a:lnTo>
                                <a:pt x="2572" y="749"/>
                              </a:lnTo>
                              <a:lnTo>
                                <a:pt x="2558" y="752"/>
                              </a:lnTo>
                              <a:lnTo>
                                <a:pt x="2543" y="754"/>
                              </a:lnTo>
                              <a:lnTo>
                                <a:pt x="2527" y="757"/>
                              </a:lnTo>
                              <a:lnTo>
                                <a:pt x="2513" y="759"/>
                              </a:lnTo>
                              <a:lnTo>
                                <a:pt x="2497" y="762"/>
                              </a:lnTo>
                              <a:lnTo>
                                <a:pt x="2482" y="765"/>
                              </a:lnTo>
                              <a:lnTo>
                                <a:pt x="2461" y="801"/>
                              </a:lnTo>
                              <a:lnTo>
                                <a:pt x="2441" y="831"/>
                              </a:lnTo>
                              <a:lnTo>
                                <a:pt x="2427" y="856"/>
                              </a:lnTo>
                              <a:lnTo>
                                <a:pt x="2414" y="877"/>
                              </a:lnTo>
                              <a:lnTo>
                                <a:pt x="2403" y="894"/>
                              </a:lnTo>
                              <a:lnTo>
                                <a:pt x="2394" y="909"/>
                              </a:lnTo>
                              <a:lnTo>
                                <a:pt x="2387" y="919"/>
                              </a:lnTo>
                              <a:lnTo>
                                <a:pt x="2382" y="928"/>
                              </a:lnTo>
                              <a:lnTo>
                                <a:pt x="2378" y="935"/>
                              </a:lnTo>
                              <a:lnTo>
                                <a:pt x="2374" y="941"/>
                              </a:lnTo>
                              <a:lnTo>
                                <a:pt x="2370" y="945"/>
                              </a:lnTo>
                              <a:lnTo>
                                <a:pt x="2368" y="951"/>
                              </a:lnTo>
                              <a:lnTo>
                                <a:pt x="2365" y="956"/>
                              </a:lnTo>
                              <a:lnTo>
                                <a:pt x="2385" y="965"/>
                              </a:lnTo>
                              <a:lnTo>
                                <a:pt x="2400" y="972"/>
                              </a:lnTo>
                              <a:lnTo>
                                <a:pt x="2411" y="977"/>
                              </a:lnTo>
                              <a:lnTo>
                                <a:pt x="2419" y="981"/>
                              </a:lnTo>
                              <a:lnTo>
                                <a:pt x="2424" y="983"/>
                              </a:lnTo>
                              <a:lnTo>
                                <a:pt x="2428" y="985"/>
                              </a:lnTo>
                              <a:lnTo>
                                <a:pt x="2429" y="987"/>
                              </a:lnTo>
                              <a:lnTo>
                                <a:pt x="2432" y="989"/>
                              </a:lnTo>
                              <a:lnTo>
                                <a:pt x="2437" y="975"/>
                              </a:lnTo>
                              <a:lnTo>
                                <a:pt x="2445" y="966"/>
                              </a:lnTo>
                              <a:lnTo>
                                <a:pt x="2453" y="964"/>
                              </a:lnTo>
                              <a:lnTo>
                                <a:pt x="2463" y="964"/>
                              </a:lnTo>
                              <a:lnTo>
                                <a:pt x="2472" y="968"/>
                              </a:lnTo>
                              <a:lnTo>
                                <a:pt x="2483" y="974"/>
                              </a:lnTo>
                              <a:lnTo>
                                <a:pt x="2492" y="981"/>
                              </a:lnTo>
                              <a:lnTo>
                                <a:pt x="2500" y="987"/>
                              </a:lnTo>
                              <a:lnTo>
                                <a:pt x="2506" y="994"/>
                              </a:lnTo>
                              <a:lnTo>
                                <a:pt x="2512" y="998"/>
                              </a:lnTo>
                              <a:lnTo>
                                <a:pt x="2513" y="1000"/>
                              </a:lnTo>
                              <a:lnTo>
                                <a:pt x="2514" y="1003"/>
                              </a:lnTo>
                              <a:lnTo>
                                <a:pt x="2517" y="1011"/>
                              </a:lnTo>
                              <a:lnTo>
                                <a:pt x="2520" y="1024"/>
                              </a:lnTo>
                              <a:lnTo>
                                <a:pt x="2522" y="1040"/>
                              </a:lnTo>
                              <a:lnTo>
                                <a:pt x="2521" y="1058"/>
                              </a:lnTo>
                              <a:lnTo>
                                <a:pt x="2517" y="1078"/>
                              </a:lnTo>
                              <a:lnTo>
                                <a:pt x="2509" y="1099"/>
                              </a:lnTo>
                              <a:lnTo>
                                <a:pt x="2514" y="1110"/>
                              </a:lnTo>
                              <a:lnTo>
                                <a:pt x="2517" y="1126"/>
                              </a:lnTo>
                              <a:lnTo>
                                <a:pt x="2517" y="1148"/>
                              </a:lnTo>
                              <a:lnTo>
                                <a:pt x="2516" y="1174"/>
                              </a:lnTo>
                              <a:lnTo>
                                <a:pt x="2510" y="1203"/>
                              </a:lnTo>
                              <a:lnTo>
                                <a:pt x="2504" y="1235"/>
                              </a:lnTo>
                              <a:lnTo>
                                <a:pt x="2496" y="1266"/>
                              </a:lnTo>
                              <a:lnTo>
                                <a:pt x="2486" y="1299"/>
                              </a:lnTo>
                              <a:lnTo>
                                <a:pt x="2472" y="1330"/>
                              </a:lnTo>
                              <a:lnTo>
                                <a:pt x="2458" y="1360"/>
                              </a:lnTo>
                              <a:lnTo>
                                <a:pt x="2442" y="1388"/>
                              </a:lnTo>
                              <a:lnTo>
                                <a:pt x="2424" y="1413"/>
                              </a:lnTo>
                              <a:lnTo>
                                <a:pt x="2404" y="1432"/>
                              </a:lnTo>
                              <a:lnTo>
                                <a:pt x="2383" y="1445"/>
                              </a:lnTo>
                              <a:lnTo>
                                <a:pt x="2361" y="1453"/>
                              </a:lnTo>
                              <a:lnTo>
                                <a:pt x="2356" y="1449"/>
                              </a:lnTo>
                              <a:lnTo>
                                <a:pt x="2352" y="1444"/>
                              </a:lnTo>
                              <a:lnTo>
                                <a:pt x="2348" y="1440"/>
                              </a:lnTo>
                              <a:lnTo>
                                <a:pt x="2330" y="1451"/>
                              </a:lnTo>
                              <a:lnTo>
                                <a:pt x="2315" y="1465"/>
                              </a:lnTo>
                              <a:lnTo>
                                <a:pt x="2302" y="1481"/>
                              </a:lnTo>
                              <a:lnTo>
                                <a:pt x="2289" y="1496"/>
                              </a:lnTo>
                              <a:lnTo>
                                <a:pt x="2275" y="1510"/>
                              </a:lnTo>
                              <a:lnTo>
                                <a:pt x="2275" y="1515"/>
                              </a:lnTo>
                              <a:lnTo>
                                <a:pt x="2275" y="1519"/>
                              </a:lnTo>
                              <a:lnTo>
                                <a:pt x="2276" y="1524"/>
                              </a:lnTo>
                              <a:lnTo>
                                <a:pt x="2276" y="1528"/>
                              </a:lnTo>
                              <a:lnTo>
                                <a:pt x="2276" y="1533"/>
                              </a:lnTo>
                              <a:lnTo>
                                <a:pt x="2277" y="1537"/>
                              </a:lnTo>
                              <a:lnTo>
                                <a:pt x="2277" y="1546"/>
                              </a:lnTo>
                              <a:lnTo>
                                <a:pt x="2263" y="1558"/>
                              </a:lnTo>
                              <a:lnTo>
                                <a:pt x="2252" y="1567"/>
                              </a:lnTo>
                              <a:lnTo>
                                <a:pt x="2245" y="1572"/>
                              </a:lnTo>
                              <a:lnTo>
                                <a:pt x="2238" y="1576"/>
                              </a:lnTo>
                              <a:lnTo>
                                <a:pt x="2231" y="1579"/>
                              </a:lnTo>
                              <a:lnTo>
                                <a:pt x="2222" y="1583"/>
                              </a:lnTo>
                              <a:lnTo>
                                <a:pt x="2228" y="1603"/>
                              </a:lnTo>
                              <a:lnTo>
                                <a:pt x="2235" y="1621"/>
                              </a:lnTo>
                              <a:lnTo>
                                <a:pt x="2246" y="1639"/>
                              </a:lnTo>
                              <a:lnTo>
                                <a:pt x="2258" y="1655"/>
                              </a:lnTo>
                              <a:lnTo>
                                <a:pt x="2271" y="1672"/>
                              </a:lnTo>
                              <a:lnTo>
                                <a:pt x="2281" y="1690"/>
                              </a:lnTo>
                              <a:lnTo>
                                <a:pt x="2289" y="1709"/>
                              </a:lnTo>
                              <a:lnTo>
                                <a:pt x="2294" y="1728"/>
                              </a:lnTo>
                              <a:lnTo>
                                <a:pt x="2294" y="1749"/>
                              </a:lnTo>
                              <a:lnTo>
                                <a:pt x="2289" y="1762"/>
                              </a:lnTo>
                              <a:lnTo>
                                <a:pt x="2279" y="1777"/>
                              </a:lnTo>
                              <a:lnTo>
                                <a:pt x="2262" y="1790"/>
                              </a:lnTo>
                              <a:lnTo>
                                <a:pt x="2242" y="1800"/>
                              </a:lnTo>
                              <a:lnTo>
                                <a:pt x="2220" y="1809"/>
                              </a:lnTo>
                              <a:lnTo>
                                <a:pt x="2195" y="1815"/>
                              </a:lnTo>
                              <a:lnTo>
                                <a:pt x="2194" y="1775"/>
                              </a:lnTo>
                              <a:lnTo>
                                <a:pt x="2192" y="1744"/>
                              </a:lnTo>
                              <a:lnTo>
                                <a:pt x="2191" y="1720"/>
                              </a:lnTo>
                              <a:lnTo>
                                <a:pt x="2191" y="1703"/>
                              </a:lnTo>
                              <a:lnTo>
                                <a:pt x="2190" y="1692"/>
                              </a:lnTo>
                              <a:lnTo>
                                <a:pt x="2190" y="1684"/>
                              </a:lnTo>
                              <a:lnTo>
                                <a:pt x="2188" y="1678"/>
                              </a:lnTo>
                              <a:lnTo>
                                <a:pt x="2188" y="1675"/>
                              </a:lnTo>
                              <a:lnTo>
                                <a:pt x="2187" y="1672"/>
                              </a:lnTo>
                              <a:lnTo>
                                <a:pt x="2171" y="1677"/>
                              </a:lnTo>
                              <a:lnTo>
                                <a:pt x="2156" y="1680"/>
                              </a:lnTo>
                              <a:lnTo>
                                <a:pt x="2150" y="1671"/>
                              </a:lnTo>
                              <a:lnTo>
                                <a:pt x="2148" y="1664"/>
                              </a:lnTo>
                              <a:lnTo>
                                <a:pt x="2146" y="1656"/>
                              </a:lnTo>
                              <a:lnTo>
                                <a:pt x="2146" y="1646"/>
                              </a:lnTo>
                              <a:lnTo>
                                <a:pt x="2148" y="1630"/>
                              </a:lnTo>
                              <a:lnTo>
                                <a:pt x="2150" y="1608"/>
                              </a:lnTo>
                              <a:lnTo>
                                <a:pt x="2137" y="1603"/>
                              </a:lnTo>
                              <a:lnTo>
                                <a:pt x="2127" y="1599"/>
                              </a:lnTo>
                              <a:lnTo>
                                <a:pt x="2118" y="1597"/>
                              </a:lnTo>
                              <a:lnTo>
                                <a:pt x="2107" y="1597"/>
                              </a:lnTo>
                              <a:lnTo>
                                <a:pt x="2098" y="1600"/>
                              </a:lnTo>
                              <a:lnTo>
                                <a:pt x="2086" y="1605"/>
                              </a:lnTo>
                              <a:lnTo>
                                <a:pt x="2073" y="1614"/>
                              </a:lnTo>
                              <a:lnTo>
                                <a:pt x="2055" y="1625"/>
                              </a:lnTo>
                              <a:lnTo>
                                <a:pt x="2034" y="1640"/>
                              </a:lnTo>
                              <a:lnTo>
                                <a:pt x="2036" y="1620"/>
                              </a:lnTo>
                              <a:lnTo>
                                <a:pt x="2038" y="1604"/>
                              </a:lnTo>
                              <a:lnTo>
                                <a:pt x="2040" y="1592"/>
                              </a:lnTo>
                              <a:lnTo>
                                <a:pt x="2042" y="1584"/>
                              </a:lnTo>
                              <a:lnTo>
                                <a:pt x="2044" y="1578"/>
                              </a:lnTo>
                              <a:lnTo>
                                <a:pt x="2047" y="1572"/>
                              </a:lnTo>
                              <a:lnTo>
                                <a:pt x="2051" y="1567"/>
                              </a:lnTo>
                              <a:lnTo>
                                <a:pt x="2036" y="1562"/>
                              </a:lnTo>
                              <a:lnTo>
                                <a:pt x="2025" y="1561"/>
                              </a:lnTo>
                              <a:lnTo>
                                <a:pt x="2014" y="1565"/>
                              </a:lnTo>
                              <a:lnTo>
                                <a:pt x="2004" y="1574"/>
                              </a:lnTo>
                              <a:lnTo>
                                <a:pt x="1991" y="1587"/>
                              </a:lnTo>
                              <a:lnTo>
                                <a:pt x="1976" y="1605"/>
                              </a:lnTo>
                              <a:lnTo>
                                <a:pt x="1959" y="1629"/>
                              </a:lnTo>
                              <a:lnTo>
                                <a:pt x="1954" y="1629"/>
                              </a:lnTo>
                              <a:lnTo>
                                <a:pt x="1949" y="1629"/>
                              </a:lnTo>
                              <a:lnTo>
                                <a:pt x="1945" y="1629"/>
                              </a:lnTo>
                              <a:lnTo>
                                <a:pt x="1939" y="1629"/>
                              </a:lnTo>
                              <a:lnTo>
                                <a:pt x="1936" y="1629"/>
                              </a:lnTo>
                              <a:lnTo>
                                <a:pt x="1930" y="1629"/>
                              </a:lnTo>
                              <a:lnTo>
                                <a:pt x="1926" y="1629"/>
                              </a:lnTo>
                              <a:lnTo>
                                <a:pt x="1921" y="1629"/>
                              </a:lnTo>
                              <a:lnTo>
                                <a:pt x="1921" y="1637"/>
                              </a:lnTo>
                              <a:lnTo>
                                <a:pt x="1922" y="1644"/>
                              </a:lnTo>
                              <a:lnTo>
                                <a:pt x="1925" y="1650"/>
                              </a:lnTo>
                              <a:lnTo>
                                <a:pt x="1929" y="1655"/>
                              </a:lnTo>
                              <a:lnTo>
                                <a:pt x="1937" y="1660"/>
                              </a:lnTo>
                              <a:lnTo>
                                <a:pt x="1950" y="1665"/>
                              </a:lnTo>
                              <a:lnTo>
                                <a:pt x="1966" y="1671"/>
                              </a:lnTo>
                              <a:lnTo>
                                <a:pt x="1988" y="1677"/>
                              </a:lnTo>
                              <a:lnTo>
                                <a:pt x="2017" y="1686"/>
                              </a:lnTo>
                              <a:lnTo>
                                <a:pt x="2052" y="1695"/>
                              </a:lnTo>
                              <a:lnTo>
                                <a:pt x="2053" y="1702"/>
                              </a:lnTo>
                              <a:lnTo>
                                <a:pt x="2055" y="1709"/>
                              </a:lnTo>
                              <a:lnTo>
                                <a:pt x="2055" y="1715"/>
                              </a:lnTo>
                              <a:lnTo>
                                <a:pt x="2034" y="1735"/>
                              </a:lnTo>
                              <a:lnTo>
                                <a:pt x="2013" y="1753"/>
                              </a:lnTo>
                              <a:lnTo>
                                <a:pt x="1992" y="1774"/>
                              </a:lnTo>
                              <a:lnTo>
                                <a:pt x="1975" y="1798"/>
                              </a:lnTo>
                              <a:lnTo>
                                <a:pt x="1993" y="1830"/>
                              </a:lnTo>
                              <a:lnTo>
                                <a:pt x="2010" y="1863"/>
                              </a:lnTo>
                              <a:lnTo>
                                <a:pt x="2027" y="1897"/>
                              </a:lnTo>
                              <a:lnTo>
                                <a:pt x="2048" y="1928"/>
                              </a:lnTo>
                              <a:lnTo>
                                <a:pt x="2047" y="1942"/>
                              </a:lnTo>
                              <a:lnTo>
                                <a:pt x="2047" y="1956"/>
                              </a:lnTo>
                              <a:lnTo>
                                <a:pt x="2047" y="1969"/>
                              </a:lnTo>
                              <a:lnTo>
                                <a:pt x="2043" y="1982"/>
                              </a:lnTo>
                              <a:lnTo>
                                <a:pt x="2035" y="1994"/>
                              </a:lnTo>
                              <a:lnTo>
                                <a:pt x="2040" y="2007"/>
                              </a:lnTo>
                              <a:lnTo>
                                <a:pt x="2048" y="2020"/>
                              </a:lnTo>
                              <a:lnTo>
                                <a:pt x="2055" y="2031"/>
                              </a:lnTo>
                              <a:lnTo>
                                <a:pt x="2051" y="2050"/>
                              </a:lnTo>
                              <a:lnTo>
                                <a:pt x="2044" y="2072"/>
                              </a:lnTo>
                              <a:lnTo>
                                <a:pt x="2036" y="2096"/>
                              </a:lnTo>
                              <a:lnTo>
                                <a:pt x="2027" y="2121"/>
                              </a:lnTo>
                              <a:lnTo>
                                <a:pt x="2015" y="2148"/>
                              </a:lnTo>
                              <a:lnTo>
                                <a:pt x="2000" y="2175"/>
                              </a:lnTo>
                              <a:lnTo>
                                <a:pt x="1983" y="2202"/>
                              </a:lnTo>
                              <a:lnTo>
                                <a:pt x="1962" y="2230"/>
                              </a:lnTo>
                              <a:lnTo>
                                <a:pt x="1938" y="2256"/>
                              </a:lnTo>
                              <a:lnTo>
                                <a:pt x="1912" y="2281"/>
                              </a:lnTo>
                              <a:lnTo>
                                <a:pt x="1881" y="2304"/>
                              </a:lnTo>
                              <a:lnTo>
                                <a:pt x="1845" y="2325"/>
                              </a:lnTo>
                              <a:lnTo>
                                <a:pt x="1806" y="2343"/>
                              </a:lnTo>
                              <a:lnTo>
                                <a:pt x="1763" y="2359"/>
                              </a:lnTo>
                              <a:lnTo>
                                <a:pt x="1714" y="2371"/>
                              </a:lnTo>
                              <a:lnTo>
                                <a:pt x="1662" y="2379"/>
                              </a:lnTo>
                              <a:lnTo>
                                <a:pt x="1663" y="2391"/>
                              </a:lnTo>
                              <a:lnTo>
                                <a:pt x="1665" y="2401"/>
                              </a:lnTo>
                              <a:lnTo>
                                <a:pt x="1667" y="2410"/>
                              </a:lnTo>
                              <a:lnTo>
                                <a:pt x="1671" y="2418"/>
                              </a:lnTo>
                              <a:lnTo>
                                <a:pt x="1679" y="2429"/>
                              </a:lnTo>
                              <a:lnTo>
                                <a:pt x="1688" y="2440"/>
                              </a:lnTo>
                              <a:lnTo>
                                <a:pt x="1678" y="2464"/>
                              </a:lnTo>
                              <a:lnTo>
                                <a:pt x="1666" y="2485"/>
                              </a:lnTo>
                              <a:lnTo>
                                <a:pt x="1655" y="2507"/>
                              </a:lnTo>
                              <a:lnTo>
                                <a:pt x="1649" y="2508"/>
                              </a:lnTo>
                              <a:lnTo>
                                <a:pt x="1640" y="2508"/>
                              </a:lnTo>
                              <a:lnTo>
                                <a:pt x="1632" y="2507"/>
                              </a:lnTo>
                              <a:lnTo>
                                <a:pt x="1623" y="2504"/>
                              </a:lnTo>
                              <a:lnTo>
                                <a:pt x="1615" y="2499"/>
                              </a:lnTo>
                              <a:lnTo>
                                <a:pt x="1610" y="2491"/>
                              </a:lnTo>
                              <a:lnTo>
                                <a:pt x="1607" y="2480"/>
                              </a:lnTo>
                              <a:lnTo>
                                <a:pt x="1607" y="2464"/>
                              </a:lnTo>
                              <a:lnTo>
                                <a:pt x="1611" y="2442"/>
                              </a:lnTo>
                              <a:lnTo>
                                <a:pt x="1613" y="2438"/>
                              </a:lnTo>
                              <a:lnTo>
                                <a:pt x="1616" y="2435"/>
                              </a:lnTo>
                              <a:lnTo>
                                <a:pt x="1617" y="2434"/>
                              </a:lnTo>
                              <a:lnTo>
                                <a:pt x="1619" y="2432"/>
                              </a:lnTo>
                              <a:lnTo>
                                <a:pt x="1620" y="2432"/>
                              </a:lnTo>
                              <a:lnTo>
                                <a:pt x="1621" y="2432"/>
                              </a:lnTo>
                              <a:lnTo>
                                <a:pt x="1625" y="2432"/>
                              </a:lnTo>
                              <a:lnTo>
                                <a:pt x="1630" y="2434"/>
                              </a:lnTo>
                              <a:lnTo>
                                <a:pt x="1634" y="2434"/>
                              </a:lnTo>
                              <a:lnTo>
                                <a:pt x="1640" y="2434"/>
                              </a:lnTo>
                              <a:lnTo>
                                <a:pt x="1645" y="2434"/>
                              </a:lnTo>
                              <a:lnTo>
                                <a:pt x="1649" y="2435"/>
                              </a:lnTo>
                              <a:lnTo>
                                <a:pt x="1654" y="2435"/>
                              </a:lnTo>
                              <a:lnTo>
                                <a:pt x="1641" y="2406"/>
                              </a:lnTo>
                              <a:lnTo>
                                <a:pt x="1629" y="2387"/>
                              </a:lnTo>
                              <a:lnTo>
                                <a:pt x="1616" y="2374"/>
                              </a:lnTo>
                              <a:lnTo>
                                <a:pt x="1602" y="2367"/>
                              </a:lnTo>
                              <a:lnTo>
                                <a:pt x="1589" y="2366"/>
                              </a:lnTo>
                              <a:lnTo>
                                <a:pt x="1577" y="2368"/>
                              </a:lnTo>
                              <a:lnTo>
                                <a:pt x="1565" y="2374"/>
                              </a:lnTo>
                              <a:lnTo>
                                <a:pt x="1553" y="2383"/>
                              </a:lnTo>
                              <a:lnTo>
                                <a:pt x="1544" y="2392"/>
                              </a:lnTo>
                              <a:lnTo>
                                <a:pt x="1535" y="2402"/>
                              </a:lnTo>
                              <a:lnTo>
                                <a:pt x="1528" y="2412"/>
                              </a:lnTo>
                              <a:lnTo>
                                <a:pt x="1522" y="2419"/>
                              </a:lnTo>
                              <a:lnTo>
                                <a:pt x="1519" y="2425"/>
                              </a:lnTo>
                              <a:lnTo>
                                <a:pt x="1518" y="2427"/>
                              </a:lnTo>
                              <a:lnTo>
                                <a:pt x="1510" y="2448"/>
                              </a:lnTo>
                              <a:lnTo>
                                <a:pt x="1509" y="2468"/>
                              </a:lnTo>
                              <a:lnTo>
                                <a:pt x="1513" y="2486"/>
                              </a:lnTo>
                              <a:lnTo>
                                <a:pt x="1519" y="2503"/>
                              </a:lnTo>
                              <a:lnTo>
                                <a:pt x="1530" y="2520"/>
                              </a:lnTo>
                              <a:lnTo>
                                <a:pt x="1541" y="2535"/>
                              </a:lnTo>
                              <a:lnTo>
                                <a:pt x="1553" y="2549"/>
                              </a:lnTo>
                              <a:lnTo>
                                <a:pt x="1566" y="2562"/>
                              </a:lnTo>
                              <a:lnTo>
                                <a:pt x="1595" y="2593"/>
                              </a:lnTo>
                              <a:lnTo>
                                <a:pt x="1616" y="2624"/>
                              </a:lnTo>
                              <a:lnTo>
                                <a:pt x="1630" y="2651"/>
                              </a:lnTo>
                              <a:lnTo>
                                <a:pt x="1640" y="2679"/>
                              </a:lnTo>
                              <a:lnTo>
                                <a:pt x="1644" y="2703"/>
                              </a:lnTo>
                              <a:lnTo>
                                <a:pt x="1641" y="2726"/>
                              </a:lnTo>
                              <a:lnTo>
                                <a:pt x="1636" y="2748"/>
                              </a:lnTo>
                              <a:lnTo>
                                <a:pt x="1627" y="2768"/>
                              </a:lnTo>
                              <a:lnTo>
                                <a:pt x="1615" y="2787"/>
                              </a:lnTo>
                              <a:lnTo>
                                <a:pt x="1600" y="2804"/>
                              </a:lnTo>
                              <a:lnTo>
                                <a:pt x="1585" y="2820"/>
                              </a:lnTo>
                              <a:lnTo>
                                <a:pt x="1568" y="2833"/>
                              </a:lnTo>
                              <a:lnTo>
                                <a:pt x="1551" y="2846"/>
                              </a:lnTo>
                              <a:lnTo>
                                <a:pt x="1534" y="2858"/>
                              </a:lnTo>
                              <a:lnTo>
                                <a:pt x="1518" y="2867"/>
                              </a:lnTo>
                              <a:lnTo>
                                <a:pt x="1503" y="2876"/>
                              </a:lnTo>
                              <a:lnTo>
                                <a:pt x="1500" y="2872"/>
                              </a:lnTo>
                              <a:lnTo>
                                <a:pt x="1496" y="2868"/>
                              </a:lnTo>
                              <a:lnTo>
                                <a:pt x="1492" y="2864"/>
                              </a:lnTo>
                              <a:lnTo>
                                <a:pt x="1489" y="2842"/>
                              </a:lnTo>
                              <a:lnTo>
                                <a:pt x="1481" y="2821"/>
                              </a:lnTo>
                              <a:lnTo>
                                <a:pt x="1468" y="2802"/>
                              </a:lnTo>
                              <a:lnTo>
                                <a:pt x="1452" y="2782"/>
                              </a:lnTo>
                              <a:lnTo>
                                <a:pt x="1434" y="2765"/>
                              </a:lnTo>
                              <a:lnTo>
                                <a:pt x="1416" y="2749"/>
                              </a:lnTo>
                              <a:lnTo>
                                <a:pt x="1399" y="2736"/>
                              </a:lnTo>
                              <a:lnTo>
                                <a:pt x="1382" y="2726"/>
                              </a:lnTo>
                              <a:lnTo>
                                <a:pt x="1369" y="2717"/>
                              </a:lnTo>
                              <a:lnTo>
                                <a:pt x="1359" y="2711"/>
                              </a:lnTo>
                              <a:lnTo>
                                <a:pt x="1357" y="2710"/>
                              </a:lnTo>
                              <a:lnTo>
                                <a:pt x="1348" y="2697"/>
                              </a:lnTo>
                              <a:lnTo>
                                <a:pt x="1335" y="2688"/>
                              </a:lnTo>
                              <a:lnTo>
                                <a:pt x="1323" y="2718"/>
                              </a:lnTo>
                              <a:lnTo>
                                <a:pt x="1315" y="2744"/>
                              </a:lnTo>
                              <a:lnTo>
                                <a:pt x="1310" y="2766"/>
                              </a:lnTo>
                              <a:lnTo>
                                <a:pt x="1307" y="2786"/>
                              </a:lnTo>
                              <a:lnTo>
                                <a:pt x="1306" y="2802"/>
                              </a:lnTo>
                              <a:lnTo>
                                <a:pt x="1307" y="2816"/>
                              </a:lnTo>
                              <a:lnTo>
                                <a:pt x="1308" y="2830"/>
                              </a:lnTo>
                              <a:lnTo>
                                <a:pt x="1311" y="2832"/>
                              </a:lnTo>
                              <a:lnTo>
                                <a:pt x="1319" y="2837"/>
                              </a:lnTo>
                              <a:lnTo>
                                <a:pt x="1331" y="2846"/>
                              </a:lnTo>
                              <a:lnTo>
                                <a:pt x="1346" y="2859"/>
                              </a:lnTo>
                              <a:lnTo>
                                <a:pt x="1366" y="2879"/>
                              </a:lnTo>
                              <a:lnTo>
                                <a:pt x="1387" y="2902"/>
                              </a:lnTo>
                              <a:lnTo>
                                <a:pt x="1409" y="2933"/>
                              </a:lnTo>
                              <a:lnTo>
                                <a:pt x="1434" y="2969"/>
                              </a:lnTo>
                              <a:lnTo>
                                <a:pt x="1459" y="3012"/>
                              </a:lnTo>
                              <a:lnTo>
                                <a:pt x="1483" y="3063"/>
                              </a:lnTo>
                              <a:lnTo>
                                <a:pt x="1507" y="3122"/>
                              </a:lnTo>
                              <a:lnTo>
                                <a:pt x="1503" y="3126"/>
                              </a:lnTo>
                              <a:lnTo>
                                <a:pt x="1501" y="3132"/>
                              </a:lnTo>
                              <a:lnTo>
                                <a:pt x="1498" y="3135"/>
                              </a:lnTo>
                              <a:lnTo>
                                <a:pt x="1468" y="3120"/>
                              </a:lnTo>
                              <a:lnTo>
                                <a:pt x="1445" y="3099"/>
                              </a:lnTo>
                              <a:lnTo>
                                <a:pt x="1424" y="3075"/>
                              </a:lnTo>
                              <a:lnTo>
                                <a:pt x="1405" y="3049"/>
                              </a:lnTo>
                              <a:lnTo>
                                <a:pt x="1390" y="3022"/>
                              </a:lnTo>
                              <a:lnTo>
                                <a:pt x="1374" y="2994"/>
                              </a:lnTo>
                              <a:lnTo>
                                <a:pt x="1358" y="2965"/>
                              </a:lnTo>
                              <a:lnTo>
                                <a:pt x="1342" y="2939"/>
                              </a:lnTo>
                              <a:lnTo>
                                <a:pt x="1324" y="2913"/>
                              </a:lnTo>
                              <a:lnTo>
                                <a:pt x="1303" y="2889"/>
                              </a:lnTo>
                              <a:lnTo>
                                <a:pt x="1278" y="2870"/>
                              </a:lnTo>
                              <a:lnTo>
                                <a:pt x="1278" y="2834"/>
                              </a:lnTo>
                              <a:lnTo>
                                <a:pt x="1277" y="2798"/>
                              </a:lnTo>
                              <a:lnTo>
                                <a:pt x="1276" y="2761"/>
                              </a:lnTo>
                              <a:lnTo>
                                <a:pt x="1273" y="2723"/>
                              </a:lnTo>
                              <a:lnTo>
                                <a:pt x="1270" y="2686"/>
                              </a:lnTo>
                              <a:lnTo>
                                <a:pt x="1266" y="2651"/>
                              </a:lnTo>
                              <a:lnTo>
                                <a:pt x="1260" y="2618"/>
                              </a:lnTo>
                              <a:lnTo>
                                <a:pt x="1252" y="2588"/>
                              </a:lnTo>
                              <a:lnTo>
                                <a:pt x="1242" y="2562"/>
                              </a:lnTo>
                              <a:lnTo>
                                <a:pt x="1230" y="2540"/>
                              </a:lnTo>
                              <a:lnTo>
                                <a:pt x="1214" y="2523"/>
                              </a:lnTo>
                              <a:lnTo>
                                <a:pt x="1191" y="2531"/>
                              </a:lnTo>
                              <a:lnTo>
                                <a:pt x="1172" y="2537"/>
                              </a:lnTo>
                              <a:lnTo>
                                <a:pt x="1159" y="2541"/>
                              </a:lnTo>
                              <a:lnTo>
                                <a:pt x="1150" y="2544"/>
                              </a:lnTo>
                              <a:lnTo>
                                <a:pt x="1143" y="2545"/>
                              </a:lnTo>
                              <a:lnTo>
                                <a:pt x="1141" y="2545"/>
                              </a:lnTo>
                              <a:lnTo>
                                <a:pt x="1139" y="2544"/>
                              </a:lnTo>
                              <a:lnTo>
                                <a:pt x="1138" y="2542"/>
                              </a:lnTo>
                              <a:lnTo>
                                <a:pt x="1120" y="2507"/>
                              </a:lnTo>
                              <a:lnTo>
                                <a:pt x="1107" y="2469"/>
                              </a:lnTo>
                              <a:lnTo>
                                <a:pt x="1098" y="2430"/>
                              </a:lnTo>
                              <a:lnTo>
                                <a:pt x="1090" y="2391"/>
                              </a:lnTo>
                              <a:lnTo>
                                <a:pt x="1082" y="2350"/>
                              </a:lnTo>
                              <a:lnTo>
                                <a:pt x="1073" y="2312"/>
                              </a:lnTo>
                              <a:lnTo>
                                <a:pt x="1061" y="2273"/>
                              </a:lnTo>
                              <a:lnTo>
                                <a:pt x="1044" y="2236"/>
                              </a:lnTo>
                              <a:lnTo>
                                <a:pt x="1028" y="2247"/>
                              </a:lnTo>
                              <a:lnTo>
                                <a:pt x="1016" y="2254"/>
                              </a:lnTo>
                              <a:lnTo>
                                <a:pt x="1005" y="2260"/>
                              </a:lnTo>
                              <a:lnTo>
                                <a:pt x="991" y="2262"/>
                              </a:lnTo>
                              <a:lnTo>
                                <a:pt x="976" y="2264"/>
                              </a:lnTo>
                              <a:lnTo>
                                <a:pt x="953" y="2265"/>
                              </a:lnTo>
                              <a:lnTo>
                                <a:pt x="925" y="2265"/>
                              </a:lnTo>
                              <a:lnTo>
                                <a:pt x="921" y="2266"/>
                              </a:lnTo>
                              <a:lnTo>
                                <a:pt x="917" y="2268"/>
                              </a:lnTo>
                              <a:lnTo>
                                <a:pt x="916" y="2269"/>
                              </a:lnTo>
                              <a:lnTo>
                                <a:pt x="914" y="2270"/>
                              </a:lnTo>
                              <a:lnTo>
                                <a:pt x="914" y="2270"/>
                              </a:lnTo>
                              <a:lnTo>
                                <a:pt x="914" y="2271"/>
                              </a:lnTo>
                              <a:lnTo>
                                <a:pt x="914" y="2275"/>
                              </a:lnTo>
                              <a:lnTo>
                                <a:pt x="914" y="2278"/>
                              </a:lnTo>
                              <a:lnTo>
                                <a:pt x="914" y="2282"/>
                              </a:lnTo>
                              <a:lnTo>
                                <a:pt x="913" y="2286"/>
                              </a:lnTo>
                              <a:lnTo>
                                <a:pt x="913" y="2288"/>
                              </a:lnTo>
                              <a:lnTo>
                                <a:pt x="913" y="2292"/>
                              </a:lnTo>
                              <a:lnTo>
                                <a:pt x="913" y="2296"/>
                              </a:lnTo>
                              <a:lnTo>
                                <a:pt x="891" y="2320"/>
                              </a:lnTo>
                              <a:lnTo>
                                <a:pt x="866" y="2342"/>
                              </a:lnTo>
                              <a:lnTo>
                                <a:pt x="842" y="2363"/>
                              </a:lnTo>
                              <a:lnTo>
                                <a:pt x="819" y="2387"/>
                              </a:lnTo>
                              <a:lnTo>
                                <a:pt x="799" y="2412"/>
                              </a:lnTo>
                              <a:lnTo>
                                <a:pt x="781" y="2440"/>
                              </a:lnTo>
                              <a:lnTo>
                                <a:pt x="774" y="2442"/>
                              </a:lnTo>
                              <a:lnTo>
                                <a:pt x="768" y="2443"/>
                              </a:lnTo>
                              <a:lnTo>
                                <a:pt x="761" y="2444"/>
                              </a:lnTo>
                              <a:lnTo>
                                <a:pt x="753" y="2449"/>
                              </a:lnTo>
                              <a:lnTo>
                                <a:pt x="743" y="2456"/>
                              </a:lnTo>
                              <a:lnTo>
                                <a:pt x="726" y="2467"/>
                              </a:lnTo>
                              <a:lnTo>
                                <a:pt x="727" y="2507"/>
                              </a:lnTo>
                              <a:lnTo>
                                <a:pt x="728" y="2539"/>
                              </a:lnTo>
                              <a:lnTo>
                                <a:pt x="730" y="2562"/>
                              </a:lnTo>
                              <a:lnTo>
                                <a:pt x="730" y="2579"/>
                              </a:lnTo>
                              <a:lnTo>
                                <a:pt x="730" y="2591"/>
                              </a:lnTo>
                              <a:lnTo>
                                <a:pt x="730" y="2599"/>
                              </a:lnTo>
                              <a:lnTo>
                                <a:pt x="730" y="2603"/>
                              </a:lnTo>
                              <a:lnTo>
                                <a:pt x="730" y="2604"/>
                              </a:lnTo>
                              <a:lnTo>
                                <a:pt x="728" y="2605"/>
                              </a:lnTo>
                              <a:lnTo>
                                <a:pt x="731" y="2629"/>
                              </a:lnTo>
                              <a:lnTo>
                                <a:pt x="728" y="2650"/>
                              </a:lnTo>
                              <a:lnTo>
                                <a:pt x="722" y="2671"/>
                              </a:lnTo>
                              <a:lnTo>
                                <a:pt x="713" y="2690"/>
                              </a:lnTo>
                              <a:lnTo>
                                <a:pt x="705" y="2711"/>
                              </a:lnTo>
                              <a:lnTo>
                                <a:pt x="698" y="2731"/>
                              </a:lnTo>
                              <a:lnTo>
                                <a:pt x="697" y="2730"/>
                              </a:lnTo>
                              <a:lnTo>
                                <a:pt x="693" y="2726"/>
                              </a:lnTo>
                              <a:lnTo>
                                <a:pt x="686" y="2718"/>
                              </a:lnTo>
                              <a:lnTo>
                                <a:pt x="679" y="2707"/>
                              </a:lnTo>
                              <a:lnTo>
                                <a:pt x="669" y="2693"/>
                              </a:lnTo>
                              <a:lnTo>
                                <a:pt x="659" y="2673"/>
                              </a:lnTo>
                              <a:lnTo>
                                <a:pt x="648" y="2651"/>
                              </a:lnTo>
                              <a:lnTo>
                                <a:pt x="637" y="2624"/>
                              </a:lnTo>
                              <a:lnTo>
                                <a:pt x="624" y="2590"/>
                              </a:lnTo>
                              <a:lnTo>
                                <a:pt x="612" y="2552"/>
                              </a:lnTo>
                              <a:lnTo>
                                <a:pt x="600" y="2508"/>
                              </a:lnTo>
                              <a:lnTo>
                                <a:pt x="588" y="2459"/>
                              </a:lnTo>
                              <a:lnTo>
                                <a:pt x="578" y="2402"/>
                              </a:lnTo>
                              <a:lnTo>
                                <a:pt x="567" y="2340"/>
                              </a:lnTo>
                              <a:lnTo>
                                <a:pt x="559" y="2269"/>
                              </a:lnTo>
                              <a:lnTo>
                                <a:pt x="553" y="2193"/>
                              </a:lnTo>
                              <a:lnTo>
                                <a:pt x="548" y="2108"/>
                              </a:lnTo>
                              <a:lnTo>
                                <a:pt x="544" y="2125"/>
                              </a:lnTo>
                              <a:lnTo>
                                <a:pt x="540" y="2137"/>
                              </a:lnTo>
                              <a:lnTo>
                                <a:pt x="538" y="2144"/>
                              </a:lnTo>
                              <a:lnTo>
                                <a:pt x="536" y="2148"/>
                              </a:lnTo>
                              <a:lnTo>
                                <a:pt x="534" y="2151"/>
                              </a:lnTo>
                              <a:lnTo>
                                <a:pt x="533" y="2154"/>
                              </a:lnTo>
                              <a:lnTo>
                                <a:pt x="516" y="2151"/>
                              </a:lnTo>
                              <a:lnTo>
                                <a:pt x="502" y="2141"/>
                              </a:lnTo>
                              <a:lnTo>
                                <a:pt x="493" y="2125"/>
                              </a:lnTo>
                              <a:lnTo>
                                <a:pt x="485" y="2103"/>
                              </a:lnTo>
                              <a:lnTo>
                                <a:pt x="481" y="2072"/>
                              </a:lnTo>
                              <a:lnTo>
                                <a:pt x="487" y="2071"/>
                              </a:lnTo>
                              <a:lnTo>
                                <a:pt x="494" y="2070"/>
                              </a:lnTo>
                              <a:lnTo>
                                <a:pt x="499" y="2070"/>
                              </a:lnTo>
                              <a:lnTo>
                                <a:pt x="486" y="2049"/>
                              </a:lnTo>
                              <a:lnTo>
                                <a:pt x="477" y="2028"/>
                              </a:lnTo>
                              <a:lnTo>
                                <a:pt x="470" y="2004"/>
                              </a:lnTo>
                              <a:lnTo>
                                <a:pt x="464" y="1982"/>
                              </a:lnTo>
                              <a:lnTo>
                                <a:pt x="457" y="1960"/>
                              </a:lnTo>
                              <a:lnTo>
                                <a:pt x="448" y="1938"/>
                              </a:lnTo>
                              <a:lnTo>
                                <a:pt x="435" y="1918"/>
                              </a:lnTo>
                              <a:lnTo>
                                <a:pt x="417" y="1900"/>
                              </a:lnTo>
                              <a:lnTo>
                                <a:pt x="394" y="1885"/>
                              </a:lnTo>
                              <a:lnTo>
                                <a:pt x="371" y="1873"/>
                              </a:lnTo>
                              <a:lnTo>
                                <a:pt x="347" y="1862"/>
                              </a:lnTo>
                              <a:lnTo>
                                <a:pt x="325" y="1849"/>
                              </a:lnTo>
                              <a:lnTo>
                                <a:pt x="304" y="1833"/>
                              </a:lnTo>
                              <a:lnTo>
                                <a:pt x="287" y="1812"/>
                              </a:lnTo>
                              <a:lnTo>
                                <a:pt x="280" y="1796"/>
                              </a:lnTo>
                              <a:lnTo>
                                <a:pt x="279" y="1779"/>
                              </a:lnTo>
                              <a:lnTo>
                                <a:pt x="280" y="1762"/>
                              </a:lnTo>
                              <a:lnTo>
                                <a:pt x="280" y="1745"/>
                              </a:lnTo>
                              <a:lnTo>
                                <a:pt x="261" y="1743"/>
                              </a:lnTo>
                              <a:lnTo>
                                <a:pt x="245" y="1737"/>
                              </a:lnTo>
                              <a:lnTo>
                                <a:pt x="235" y="1728"/>
                              </a:lnTo>
                              <a:lnTo>
                                <a:pt x="227" y="1715"/>
                              </a:lnTo>
                              <a:lnTo>
                                <a:pt x="223" y="1701"/>
                              </a:lnTo>
                              <a:lnTo>
                                <a:pt x="220" y="1684"/>
                              </a:lnTo>
                              <a:lnTo>
                                <a:pt x="220" y="1665"/>
                              </a:lnTo>
                              <a:lnTo>
                                <a:pt x="222" y="1646"/>
                              </a:lnTo>
                              <a:lnTo>
                                <a:pt x="222" y="1625"/>
                              </a:lnTo>
                              <a:lnTo>
                                <a:pt x="223" y="1605"/>
                              </a:lnTo>
                              <a:lnTo>
                                <a:pt x="223" y="1584"/>
                              </a:lnTo>
                              <a:lnTo>
                                <a:pt x="223" y="1566"/>
                              </a:lnTo>
                              <a:lnTo>
                                <a:pt x="219" y="1549"/>
                              </a:lnTo>
                              <a:lnTo>
                                <a:pt x="214" y="1533"/>
                              </a:lnTo>
                              <a:lnTo>
                                <a:pt x="212" y="1534"/>
                              </a:lnTo>
                              <a:lnTo>
                                <a:pt x="211" y="1536"/>
                              </a:lnTo>
                              <a:lnTo>
                                <a:pt x="210" y="1540"/>
                              </a:lnTo>
                              <a:lnTo>
                                <a:pt x="207" y="1545"/>
                              </a:lnTo>
                              <a:lnTo>
                                <a:pt x="206" y="1554"/>
                              </a:lnTo>
                              <a:lnTo>
                                <a:pt x="205" y="1567"/>
                              </a:lnTo>
                              <a:lnTo>
                                <a:pt x="202" y="1584"/>
                              </a:lnTo>
                              <a:lnTo>
                                <a:pt x="199" y="1608"/>
                              </a:lnTo>
                              <a:lnTo>
                                <a:pt x="195" y="1638"/>
                              </a:lnTo>
                              <a:lnTo>
                                <a:pt x="191" y="1676"/>
                              </a:lnTo>
                              <a:lnTo>
                                <a:pt x="186" y="1722"/>
                              </a:lnTo>
                              <a:lnTo>
                                <a:pt x="191" y="1719"/>
                              </a:lnTo>
                              <a:lnTo>
                                <a:pt x="195" y="1716"/>
                              </a:lnTo>
                              <a:lnTo>
                                <a:pt x="199" y="1712"/>
                              </a:lnTo>
                              <a:lnTo>
                                <a:pt x="201" y="1733"/>
                              </a:lnTo>
                              <a:lnTo>
                                <a:pt x="198" y="1753"/>
                              </a:lnTo>
                              <a:lnTo>
                                <a:pt x="197" y="1773"/>
                              </a:lnTo>
                              <a:lnTo>
                                <a:pt x="198" y="1794"/>
                              </a:lnTo>
                              <a:lnTo>
                                <a:pt x="206" y="1813"/>
                              </a:lnTo>
                              <a:lnTo>
                                <a:pt x="211" y="1813"/>
                              </a:lnTo>
                              <a:lnTo>
                                <a:pt x="218" y="1816"/>
                              </a:lnTo>
                              <a:lnTo>
                                <a:pt x="223" y="1816"/>
                              </a:lnTo>
                              <a:lnTo>
                                <a:pt x="239" y="1803"/>
                              </a:lnTo>
                              <a:lnTo>
                                <a:pt x="249" y="1794"/>
                              </a:lnTo>
                              <a:lnTo>
                                <a:pt x="258" y="1786"/>
                              </a:lnTo>
                              <a:lnTo>
                                <a:pt x="263" y="1782"/>
                              </a:lnTo>
                              <a:lnTo>
                                <a:pt x="267" y="1778"/>
                              </a:lnTo>
                              <a:lnTo>
                                <a:pt x="270" y="1777"/>
                              </a:lnTo>
                              <a:lnTo>
                                <a:pt x="271" y="1775"/>
                              </a:lnTo>
                              <a:lnTo>
                                <a:pt x="273" y="1774"/>
                              </a:lnTo>
                              <a:lnTo>
                                <a:pt x="269" y="1796"/>
                              </a:lnTo>
                              <a:lnTo>
                                <a:pt x="266" y="1815"/>
                              </a:lnTo>
                              <a:lnTo>
                                <a:pt x="266" y="1830"/>
                              </a:lnTo>
                              <a:lnTo>
                                <a:pt x="267" y="1846"/>
                              </a:lnTo>
                              <a:lnTo>
                                <a:pt x="271" y="1862"/>
                              </a:lnTo>
                              <a:lnTo>
                                <a:pt x="279" y="1881"/>
                              </a:lnTo>
                              <a:lnTo>
                                <a:pt x="290" y="1905"/>
                              </a:lnTo>
                              <a:lnTo>
                                <a:pt x="296" y="1928"/>
                              </a:lnTo>
                              <a:lnTo>
                                <a:pt x="297" y="1951"/>
                              </a:lnTo>
                              <a:lnTo>
                                <a:pt x="294" y="1973"/>
                              </a:lnTo>
                              <a:lnTo>
                                <a:pt x="287" y="1994"/>
                              </a:lnTo>
                              <a:lnTo>
                                <a:pt x="279" y="2015"/>
                              </a:lnTo>
                              <a:lnTo>
                                <a:pt x="271" y="2036"/>
                              </a:lnTo>
                              <a:lnTo>
                                <a:pt x="263" y="2057"/>
                              </a:lnTo>
                              <a:lnTo>
                                <a:pt x="258" y="2078"/>
                              </a:lnTo>
                              <a:lnTo>
                                <a:pt x="257" y="2082"/>
                              </a:lnTo>
                              <a:lnTo>
                                <a:pt x="257" y="2084"/>
                              </a:lnTo>
                              <a:lnTo>
                                <a:pt x="256" y="2086"/>
                              </a:lnTo>
                              <a:lnTo>
                                <a:pt x="256" y="2087"/>
                              </a:lnTo>
                              <a:lnTo>
                                <a:pt x="254" y="2087"/>
                              </a:lnTo>
                              <a:lnTo>
                                <a:pt x="254" y="2087"/>
                              </a:lnTo>
                              <a:lnTo>
                                <a:pt x="253" y="2086"/>
                              </a:lnTo>
                              <a:lnTo>
                                <a:pt x="252" y="2084"/>
                              </a:lnTo>
                              <a:lnTo>
                                <a:pt x="250" y="2084"/>
                              </a:lnTo>
                              <a:lnTo>
                                <a:pt x="249" y="2083"/>
                              </a:lnTo>
                              <a:lnTo>
                                <a:pt x="248" y="2082"/>
                              </a:lnTo>
                              <a:lnTo>
                                <a:pt x="246" y="2080"/>
                              </a:lnTo>
                              <a:lnTo>
                                <a:pt x="245" y="2079"/>
                              </a:lnTo>
                              <a:lnTo>
                                <a:pt x="244" y="2083"/>
                              </a:lnTo>
                              <a:lnTo>
                                <a:pt x="244" y="2087"/>
                              </a:lnTo>
                              <a:lnTo>
                                <a:pt x="244" y="2089"/>
                              </a:lnTo>
                              <a:lnTo>
                                <a:pt x="244" y="2093"/>
                              </a:lnTo>
                              <a:lnTo>
                                <a:pt x="244" y="2097"/>
                              </a:lnTo>
                              <a:lnTo>
                                <a:pt x="244" y="2100"/>
                              </a:lnTo>
                              <a:lnTo>
                                <a:pt x="244" y="2104"/>
                              </a:lnTo>
                              <a:lnTo>
                                <a:pt x="244" y="2108"/>
                              </a:lnTo>
                              <a:lnTo>
                                <a:pt x="229" y="2118"/>
                              </a:lnTo>
                              <a:lnTo>
                                <a:pt x="218" y="2131"/>
                              </a:lnTo>
                              <a:lnTo>
                                <a:pt x="211" y="2131"/>
                              </a:lnTo>
                              <a:lnTo>
                                <a:pt x="206" y="2130"/>
                              </a:lnTo>
                              <a:lnTo>
                                <a:pt x="201" y="2133"/>
                              </a:lnTo>
                              <a:lnTo>
                                <a:pt x="194" y="2135"/>
                              </a:lnTo>
                              <a:lnTo>
                                <a:pt x="186" y="2142"/>
                              </a:lnTo>
                              <a:lnTo>
                                <a:pt x="177" y="2152"/>
                              </a:lnTo>
                              <a:lnTo>
                                <a:pt x="164" y="2165"/>
                              </a:lnTo>
                              <a:lnTo>
                                <a:pt x="159" y="2164"/>
                              </a:lnTo>
                              <a:lnTo>
                                <a:pt x="153" y="2161"/>
                              </a:lnTo>
                              <a:lnTo>
                                <a:pt x="150" y="2159"/>
                              </a:lnTo>
                              <a:lnTo>
                                <a:pt x="138" y="2168"/>
                              </a:lnTo>
                              <a:lnTo>
                                <a:pt x="125" y="2175"/>
                              </a:lnTo>
                              <a:lnTo>
                                <a:pt x="110" y="2179"/>
                              </a:lnTo>
                              <a:lnTo>
                                <a:pt x="97" y="2182"/>
                              </a:lnTo>
                              <a:lnTo>
                                <a:pt x="85" y="2190"/>
                              </a:lnTo>
                              <a:lnTo>
                                <a:pt x="91" y="2218"/>
                              </a:lnTo>
                              <a:lnTo>
                                <a:pt x="102" y="2241"/>
                              </a:lnTo>
                              <a:lnTo>
                                <a:pt x="115" y="2265"/>
                              </a:lnTo>
                              <a:lnTo>
                                <a:pt x="131" y="2287"/>
                              </a:lnTo>
                              <a:lnTo>
                                <a:pt x="147" y="2311"/>
                              </a:lnTo>
                              <a:lnTo>
                                <a:pt x="161" y="2333"/>
                              </a:lnTo>
                              <a:lnTo>
                                <a:pt x="173" y="2358"/>
                              </a:lnTo>
                              <a:lnTo>
                                <a:pt x="181" y="2384"/>
                              </a:lnTo>
                              <a:lnTo>
                                <a:pt x="185" y="2426"/>
                              </a:lnTo>
                              <a:lnTo>
                                <a:pt x="185" y="2469"/>
                              </a:lnTo>
                              <a:lnTo>
                                <a:pt x="184" y="2512"/>
                              </a:lnTo>
                              <a:lnTo>
                                <a:pt x="182" y="2554"/>
                              </a:lnTo>
                              <a:lnTo>
                                <a:pt x="185" y="2597"/>
                              </a:lnTo>
                              <a:lnTo>
                                <a:pt x="193" y="2639"/>
                              </a:lnTo>
                              <a:lnTo>
                                <a:pt x="201" y="2669"/>
                              </a:lnTo>
                              <a:lnTo>
                                <a:pt x="210" y="2696"/>
                              </a:lnTo>
                              <a:lnTo>
                                <a:pt x="219" y="2717"/>
                              </a:lnTo>
                              <a:lnTo>
                                <a:pt x="227" y="2735"/>
                              </a:lnTo>
                              <a:lnTo>
                                <a:pt x="236" y="2752"/>
                              </a:lnTo>
                              <a:lnTo>
                                <a:pt x="177" y="2628"/>
                              </a:lnTo>
                              <a:lnTo>
                                <a:pt x="150" y="2556"/>
                              </a:lnTo>
                              <a:lnTo>
                                <a:pt x="125" y="2487"/>
                              </a:lnTo>
                              <a:lnTo>
                                <a:pt x="102" y="2423"/>
                              </a:lnTo>
                              <a:lnTo>
                                <a:pt x="83" y="2360"/>
                              </a:lnTo>
                              <a:lnTo>
                                <a:pt x="66" y="2298"/>
                              </a:lnTo>
                              <a:lnTo>
                                <a:pt x="50" y="2235"/>
                              </a:lnTo>
                              <a:lnTo>
                                <a:pt x="37" y="2169"/>
                              </a:lnTo>
                              <a:lnTo>
                                <a:pt x="25" y="2103"/>
                              </a:lnTo>
                              <a:lnTo>
                                <a:pt x="16" y="2031"/>
                              </a:lnTo>
                              <a:lnTo>
                                <a:pt x="7" y="1952"/>
                              </a:lnTo>
                              <a:lnTo>
                                <a:pt x="0" y="1868"/>
                              </a:lnTo>
                              <a:lnTo>
                                <a:pt x="0" y="1816"/>
                              </a:lnTo>
                              <a:lnTo>
                                <a:pt x="0" y="1771"/>
                              </a:lnTo>
                              <a:lnTo>
                                <a:pt x="0" y="1732"/>
                              </a:lnTo>
                              <a:lnTo>
                                <a:pt x="0" y="1699"/>
                              </a:lnTo>
                              <a:lnTo>
                                <a:pt x="0" y="1671"/>
                              </a:lnTo>
                              <a:lnTo>
                                <a:pt x="2" y="1644"/>
                              </a:lnTo>
                              <a:lnTo>
                                <a:pt x="3" y="1621"/>
                              </a:lnTo>
                              <a:lnTo>
                                <a:pt x="4" y="1597"/>
                              </a:lnTo>
                              <a:lnTo>
                                <a:pt x="7" y="1572"/>
                              </a:lnTo>
                              <a:lnTo>
                                <a:pt x="9" y="1546"/>
                              </a:lnTo>
                              <a:lnTo>
                                <a:pt x="13" y="1517"/>
                              </a:lnTo>
                              <a:lnTo>
                                <a:pt x="17" y="1485"/>
                              </a:lnTo>
                              <a:lnTo>
                                <a:pt x="25" y="1434"/>
                              </a:lnTo>
                              <a:lnTo>
                                <a:pt x="33" y="1390"/>
                              </a:lnTo>
                              <a:lnTo>
                                <a:pt x="40" y="1354"/>
                              </a:lnTo>
                              <a:lnTo>
                                <a:pt x="46" y="1321"/>
                              </a:lnTo>
                              <a:lnTo>
                                <a:pt x="51" y="1294"/>
                              </a:lnTo>
                              <a:lnTo>
                                <a:pt x="57" y="1269"/>
                              </a:lnTo>
                              <a:lnTo>
                                <a:pt x="62" y="1245"/>
                              </a:lnTo>
                              <a:lnTo>
                                <a:pt x="68" y="1223"/>
                              </a:lnTo>
                              <a:lnTo>
                                <a:pt x="74" y="1199"/>
                              </a:lnTo>
                              <a:lnTo>
                                <a:pt x="81" y="1174"/>
                              </a:lnTo>
                              <a:lnTo>
                                <a:pt x="89" y="1147"/>
                              </a:lnTo>
                              <a:lnTo>
                                <a:pt x="100" y="1116"/>
                              </a:lnTo>
                              <a:lnTo>
                                <a:pt x="117" y="1070"/>
                              </a:lnTo>
                              <a:lnTo>
                                <a:pt x="131" y="1029"/>
                              </a:lnTo>
                              <a:lnTo>
                                <a:pt x="143" y="995"/>
                              </a:lnTo>
                              <a:lnTo>
                                <a:pt x="155" y="965"/>
                              </a:lnTo>
                              <a:lnTo>
                                <a:pt x="167" y="937"/>
                              </a:lnTo>
                              <a:lnTo>
                                <a:pt x="176" y="911"/>
                              </a:lnTo>
                              <a:lnTo>
                                <a:pt x="187" y="888"/>
                              </a:lnTo>
                              <a:lnTo>
                                <a:pt x="198" y="863"/>
                              </a:lnTo>
                              <a:lnTo>
                                <a:pt x="210" y="838"/>
                              </a:lnTo>
                              <a:lnTo>
                                <a:pt x="224" y="809"/>
                              </a:lnTo>
                              <a:lnTo>
                                <a:pt x="240" y="779"/>
                              </a:lnTo>
                              <a:lnTo>
                                <a:pt x="258" y="745"/>
                              </a:lnTo>
                              <a:lnTo>
                                <a:pt x="283" y="702"/>
                              </a:lnTo>
                              <a:lnTo>
                                <a:pt x="307" y="663"/>
                              </a:lnTo>
                              <a:lnTo>
                                <a:pt x="329" y="626"/>
                              </a:lnTo>
                              <a:lnTo>
                                <a:pt x="351" y="591"/>
                              </a:lnTo>
                              <a:lnTo>
                                <a:pt x="373" y="557"/>
                              </a:lnTo>
                              <a:lnTo>
                                <a:pt x="397" y="523"/>
                              </a:lnTo>
                              <a:lnTo>
                                <a:pt x="421" y="488"/>
                              </a:lnTo>
                              <a:lnTo>
                                <a:pt x="448" y="453"/>
                              </a:lnTo>
                              <a:lnTo>
                                <a:pt x="477" y="416"/>
                              </a:lnTo>
                              <a:lnTo>
                                <a:pt x="510" y="379"/>
                              </a:lnTo>
                              <a:lnTo>
                                <a:pt x="545" y="337"/>
                              </a:lnTo>
                              <a:lnTo>
                                <a:pt x="586" y="291"/>
                              </a:lnTo>
                              <a:lnTo>
                                <a:pt x="625" y="252"/>
                              </a:lnTo>
                              <a:lnTo>
                                <a:pt x="638" y="241"/>
                              </a:lnTo>
                              <a:lnTo>
                                <a:pt x="652" y="231"/>
                              </a:lnTo>
                              <a:lnTo>
                                <a:pt x="668" y="219"/>
                              </a:lnTo>
                              <a:lnTo>
                                <a:pt x="684" y="207"/>
                              </a:lnTo>
                              <a:lnTo>
                                <a:pt x="699" y="197"/>
                              </a:lnTo>
                              <a:lnTo>
                                <a:pt x="713" y="186"/>
                              </a:lnTo>
                              <a:lnTo>
                                <a:pt x="724" y="180"/>
                              </a:lnTo>
                              <a:lnTo>
                                <a:pt x="731" y="174"/>
                              </a:lnTo>
                              <a:lnTo>
                                <a:pt x="734" y="172"/>
                              </a:lnTo>
                              <a:lnTo>
                                <a:pt x="730" y="177"/>
                              </a:lnTo>
                              <a:lnTo>
                                <a:pt x="727" y="182"/>
                              </a:lnTo>
                              <a:lnTo>
                                <a:pt x="723" y="186"/>
                              </a:lnTo>
                              <a:lnTo>
                                <a:pt x="718" y="191"/>
                              </a:lnTo>
                              <a:lnTo>
                                <a:pt x="710" y="198"/>
                              </a:lnTo>
                              <a:lnTo>
                                <a:pt x="701" y="207"/>
                              </a:lnTo>
                              <a:lnTo>
                                <a:pt x="688" y="219"/>
                              </a:lnTo>
                              <a:lnTo>
                                <a:pt x="671" y="235"/>
                              </a:lnTo>
                              <a:lnTo>
                                <a:pt x="697" y="221"/>
                              </a:lnTo>
                              <a:lnTo>
                                <a:pt x="719" y="204"/>
                              </a:lnTo>
                              <a:lnTo>
                                <a:pt x="741" y="185"/>
                              </a:lnTo>
                              <a:lnTo>
                                <a:pt x="762" y="165"/>
                              </a:lnTo>
                              <a:lnTo>
                                <a:pt x="786" y="147"/>
                              </a:lnTo>
                              <a:lnTo>
                                <a:pt x="779" y="147"/>
                              </a:lnTo>
                              <a:lnTo>
                                <a:pt x="774" y="145"/>
                              </a:lnTo>
                              <a:lnTo>
                                <a:pt x="769" y="145"/>
                              </a:lnTo>
                              <a:lnTo>
                                <a:pt x="777" y="132"/>
                              </a:lnTo>
                              <a:lnTo>
                                <a:pt x="786" y="122"/>
                              </a:lnTo>
                              <a:lnTo>
                                <a:pt x="794" y="111"/>
                              </a:lnTo>
                              <a:lnTo>
                                <a:pt x="802" y="102"/>
                              </a:lnTo>
                              <a:lnTo>
                                <a:pt x="812" y="94"/>
                              </a:lnTo>
                              <a:lnTo>
                                <a:pt x="824" y="88"/>
                              </a:lnTo>
                              <a:lnTo>
                                <a:pt x="838" y="80"/>
                              </a:lnTo>
                              <a:lnTo>
                                <a:pt x="855" y="73"/>
                              </a:lnTo>
                              <a:lnTo>
                                <a:pt x="876" y="66"/>
                              </a:lnTo>
                              <a:lnTo>
                                <a:pt x="901" y="58"/>
                              </a:lnTo>
                              <a:lnTo>
                                <a:pt x="931" y="50"/>
                              </a:lnTo>
                              <a:lnTo>
                                <a:pt x="967" y="39"/>
                              </a:lnTo>
                              <a:lnTo>
                                <a:pt x="1008" y="28"/>
                              </a:lnTo>
                              <a:lnTo>
                                <a:pt x="1057" y="15"/>
                              </a:lnTo>
                              <a:lnTo>
                                <a:pt x="1061" y="12"/>
                              </a:lnTo>
                              <a:lnTo>
                                <a:pt x="1063" y="9"/>
                              </a:lnTo>
                              <a:lnTo>
                                <a:pt x="1066" y="8"/>
                              </a:lnTo>
                              <a:lnTo>
                                <a:pt x="1067" y="7"/>
                              </a:lnTo>
                              <a:lnTo>
                                <a:pt x="1067" y="7"/>
                              </a:lnTo>
                              <a:lnTo>
                                <a:pt x="1067" y="5"/>
                              </a:lnTo>
                              <a:lnTo>
                                <a:pt x="1069" y="5"/>
                              </a:lnTo>
                              <a:lnTo>
                                <a:pt x="1070" y="5"/>
                              </a:lnTo>
                              <a:lnTo>
                                <a:pt x="1071" y="4"/>
                              </a:lnTo>
                              <a:lnTo>
                                <a:pt x="1074" y="3"/>
                              </a:lnTo>
                              <a:lnTo>
                                <a:pt x="1075" y="3"/>
                              </a:lnTo>
                              <a:lnTo>
                                <a:pt x="1077" y="1"/>
                              </a:lnTo>
                              <a:lnTo>
                                <a:pt x="1079" y="1"/>
                              </a:lnTo>
                              <a:lnTo>
                                <a:pt x="1081" y="0"/>
                              </a:lnTo>
                              <a:lnTo>
                                <a:pt x="1086" y="0"/>
                              </a:lnTo>
                              <a:lnTo>
                                <a:pt x="1090" y="0"/>
                              </a:lnTo>
                              <a:lnTo>
                                <a:pt x="1092" y="0"/>
                              </a:lnTo>
                              <a:lnTo>
                                <a:pt x="1094" y="0"/>
                              </a:lnTo>
                              <a:lnTo>
                                <a:pt x="1094" y="0"/>
                              </a:lnTo>
                              <a:lnTo>
                                <a:pt x="1094" y="0"/>
                              </a:lnTo>
                              <a:lnTo>
                                <a:pt x="1094" y="0"/>
                              </a:lnTo>
                              <a:lnTo>
                                <a:pt x="1094" y="0"/>
                              </a:lnTo>
                              <a:lnTo>
                                <a:pt x="1094" y="0"/>
                              </a:lnTo>
                              <a:lnTo>
                                <a:pt x="1094" y="0"/>
                              </a:lnTo>
                              <a:lnTo>
                                <a:pt x="1094" y="0"/>
                              </a:lnTo>
                              <a:lnTo>
                                <a:pt x="1090" y="4"/>
                              </a:lnTo>
                              <a:lnTo>
                                <a:pt x="1084" y="7"/>
                              </a:lnTo>
                              <a:lnTo>
                                <a:pt x="1079" y="11"/>
                              </a:lnTo>
                              <a:lnTo>
                                <a:pt x="1086" y="9"/>
                              </a:lnTo>
                              <a:lnTo>
                                <a:pt x="1091" y="8"/>
                              </a:lnTo>
                              <a:lnTo>
                                <a:pt x="1096" y="9"/>
                              </a:lnTo>
                              <a:lnTo>
                                <a:pt x="1101" y="11"/>
                              </a:lnTo>
                              <a:lnTo>
                                <a:pt x="1111" y="15"/>
                              </a:lnTo>
                              <a:lnTo>
                                <a:pt x="1122" y="21"/>
                              </a:lnTo>
                              <a:lnTo>
                                <a:pt x="1138" y="29"/>
                              </a:lnTo>
                              <a:lnTo>
                                <a:pt x="1138" y="34"/>
                              </a:lnTo>
                              <a:lnTo>
                                <a:pt x="1137" y="41"/>
                              </a:lnTo>
                              <a:lnTo>
                                <a:pt x="1136" y="46"/>
                              </a:lnTo>
                              <a:lnTo>
                                <a:pt x="1142" y="45"/>
                              </a:lnTo>
                              <a:lnTo>
                                <a:pt x="1147" y="45"/>
                              </a:lnTo>
                              <a:lnTo>
                                <a:pt x="1153" y="43"/>
                              </a:lnTo>
                              <a:lnTo>
                                <a:pt x="1149" y="54"/>
                              </a:lnTo>
                              <a:lnTo>
                                <a:pt x="1142" y="62"/>
                              </a:lnTo>
                              <a:lnTo>
                                <a:pt x="1136" y="68"/>
                              </a:lnTo>
                              <a:lnTo>
                                <a:pt x="1122" y="76"/>
                              </a:lnTo>
                              <a:lnTo>
                                <a:pt x="1105" y="85"/>
                              </a:lnTo>
                              <a:lnTo>
                                <a:pt x="1104" y="101"/>
                              </a:lnTo>
                              <a:lnTo>
                                <a:pt x="1100" y="119"/>
                              </a:lnTo>
                              <a:lnTo>
                                <a:pt x="1092" y="139"/>
                              </a:lnTo>
                              <a:lnTo>
                                <a:pt x="1083" y="161"/>
                              </a:lnTo>
                              <a:lnTo>
                                <a:pt x="1070" y="181"/>
                              </a:lnTo>
                              <a:lnTo>
                                <a:pt x="1056" y="199"/>
                              </a:lnTo>
                              <a:lnTo>
                                <a:pt x="1040" y="214"/>
                              </a:lnTo>
                              <a:lnTo>
                                <a:pt x="1024" y="224"/>
                              </a:lnTo>
                              <a:lnTo>
                                <a:pt x="1006" y="228"/>
                              </a:lnTo>
                              <a:lnTo>
                                <a:pt x="989" y="224"/>
                              </a:lnTo>
                              <a:lnTo>
                                <a:pt x="989" y="207"/>
                              </a:lnTo>
                              <a:lnTo>
                                <a:pt x="990" y="190"/>
                              </a:lnTo>
                              <a:lnTo>
                                <a:pt x="968" y="202"/>
                              </a:lnTo>
                              <a:lnTo>
                                <a:pt x="952" y="214"/>
                              </a:lnTo>
                              <a:lnTo>
                                <a:pt x="940" y="223"/>
                              </a:lnTo>
                              <a:lnTo>
                                <a:pt x="931" y="232"/>
                              </a:lnTo>
                              <a:lnTo>
                                <a:pt x="925" y="240"/>
                              </a:lnTo>
                              <a:lnTo>
                                <a:pt x="918" y="250"/>
                              </a:lnTo>
                              <a:lnTo>
                                <a:pt x="935" y="242"/>
                              </a:lnTo>
                              <a:lnTo>
                                <a:pt x="952" y="233"/>
                              </a:lnTo>
                              <a:lnTo>
                                <a:pt x="948" y="249"/>
                              </a:lnTo>
                              <a:lnTo>
                                <a:pt x="943" y="265"/>
                              </a:lnTo>
                              <a:lnTo>
                                <a:pt x="960" y="258"/>
                              </a:lnTo>
                              <a:lnTo>
                                <a:pt x="978" y="250"/>
                              </a:lnTo>
                              <a:lnTo>
                                <a:pt x="995" y="244"/>
                              </a:lnTo>
                              <a:lnTo>
                                <a:pt x="1015" y="240"/>
                              </a:lnTo>
                              <a:lnTo>
                                <a:pt x="1016" y="245"/>
                              </a:lnTo>
                              <a:lnTo>
                                <a:pt x="1019" y="249"/>
                              </a:lnTo>
                              <a:lnTo>
                                <a:pt x="1022" y="254"/>
                              </a:lnTo>
                              <a:lnTo>
                                <a:pt x="1056" y="231"/>
                              </a:lnTo>
                              <a:lnTo>
                                <a:pt x="1090" y="206"/>
                              </a:lnTo>
                              <a:lnTo>
                                <a:pt x="1092" y="211"/>
                              </a:lnTo>
                              <a:lnTo>
                                <a:pt x="1096" y="216"/>
                              </a:lnTo>
                              <a:lnTo>
                                <a:pt x="1099" y="221"/>
                              </a:lnTo>
                              <a:lnTo>
                                <a:pt x="1087" y="229"/>
                              </a:lnTo>
                              <a:lnTo>
                                <a:pt x="1073" y="237"/>
                              </a:lnTo>
                              <a:lnTo>
                                <a:pt x="1060" y="240"/>
                              </a:lnTo>
                              <a:lnTo>
                                <a:pt x="1056" y="245"/>
                              </a:lnTo>
                              <a:lnTo>
                                <a:pt x="1053" y="249"/>
                              </a:lnTo>
                              <a:lnTo>
                                <a:pt x="1049" y="253"/>
                              </a:lnTo>
                              <a:lnTo>
                                <a:pt x="1077" y="257"/>
                              </a:lnTo>
                              <a:lnTo>
                                <a:pt x="1101" y="254"/>
                              </a:lnTo>
                              <a:lnTo>
                                <a:pt x="1128" y="252"/>
                              </a:lnTo>
                              <a:lnTo>
                                <a:pt x="1154" y="250"/>
                              </a:lnTo>
                              <a:lnTo>
                                <a:pt x="1158" y="252"/>
                              </a:lnTo>
                              <a:lnTo>
                                <a:pt x="1160" y="254"/>
                              </a:lnTo>
                              <a:lnTo>
                                <a:pt x="1160" y="255"/>
                              </a:lnTo>
                              <a:lnTo>
                                <a:pt x="1162" y="255"/>
                              </a:lnTo>
                              <a:lnTo>
                                <a:pt x="1162" y="257"/>
                              </a:lnTo>
                              <a:lnTo>
                                <a:pt x="1160" y="257"/>
                              </a:lnTo>
                              <a:lnTo>
                                <a:pt x="1159" y="258"/>
                              </a:lnTo>
                              <a:lnTo>
                                <a:pt x="1156" y="261"/>
                              </a:lnTo>
                              <a:lnTo>
                                <a:pt x="1154" y="262"/>
                              </a:lnTo>
                              <a:lnTo>
                                <a:pt x="1151" y="265"/>
                              </a:lnTo>
                              <a:lnTo>
                                <a:pt x="1149" y="266"/>
                              </a:lnTo>
                              <a:lnTo>
                                <a:pt x="1147" y="267"/>
                              </a:lnTo>
                              <a:lnTo>
                                <a:pt x="1145" y="270"/>
                              </a:lnTo>
                              <a:lnTo>
                                <a:pt x="1162" y="274"/>
                              </a:lnTo>
                              <a:lnTo>
                                <a:pt x="1175" y="275"/>
                              </a:lnTo>
                              <a:lnTo>
                                <a:pt x="1184" y="276"/>
                              </a:lnTo>
                              <a:lnTo>
                                <a:pt x="1191" y="276"/>
                              </a:lnTo>
                              <a:lnTo>
                                <a:pt x="1198" y="275"/>
                              </a:lnTo>
                              <a:lnTo>
                                <a:pt x="1206" y="272"/>
                              </a:lnTo>
                              <a:lnTo>
                                <a:pt x="1204" y="278"/>
                              </a:lnTo>
                              <a:lnTo>
                                <a:pt x="1201" y="283"/>
                              </a:lnTo>
                              <a:lnTo>
                                <a:pt x="1198" y="288"/>
                              </a:lnTo>
                              <a:lnTo>
                                <a:pt x="1214" y="283"/>
                              </a:lnTo>
                              <a:lnTo>
                                <a:pt x="1225" y="278"/>
                              </a:lnTo>
                              <a:lnTo>
                                <a:pt x="1230" y="272"/>
                              </a:lnTo>
                              <a:lnTo>
                                <a:pt x="1234" y="263"/>
                              </a:lnTo>
                              <a:lnTo>
                                <a:pt x="1236" y="249"/>
                              </a:lnTo>
                              <a:lnTo>
                                <a:pt x="1236" y="254"/>
                              </a:lnTo>
                              <a:lnTo>
                                <a:pt x="1236" y="261"/>
                              </a:lnTo>
                              <a:lnTo>
                                <a:pt x="1238" y="266"/>
                              </a:lnTo>
                              <a:lnTo>
                                <a:pt x="1240" y="269"/>
                              </a:lnTo>
                              <a:lnTo>
                                <a:pt x="1244" y="270"/>
                              </a:lnTo>
                              <a:lnTo>
                                <a:pt x="1247" y="272"/>
                              </a:lnTo>
                              <a:lnTo>
                                <a:pt x="1251" y="275"/>
                              </a:lnTo>
                              <a:lnTo>
                                <a:pt x="1255" y="276"/>
                              </a:lnTo>
                              <a:lnTo>
                                <a:pt x="1257" y="279"/>
                              </a:lnTo>
                              <a:lnTo>
                                <a:pt x="1261" y="280"/>
                              </a:lnTo>
                              <a:lnTo>
                                <a:pt x="1265" y="283"/>
                              </a:lnTo>
                              <a:lnTo>
                                <a:pt x="1265" y="301"/>
                              </a:lnTo>
                              <a:lnTo>
                                <a:pt x="1266" y="314"/>
                              </a:lnTo>
                              <a:lnTo>
                                <a:pt x="1268" y="322"/>
                              </a:lnTo>
                              <a:lnTo>
                                <a:pt x="1269" y="329"/>
                              </a:lnTo>
                              <a:lnTo>
                                <a:pt x="1273" y="335"/>
                              </a:lnTo>
                              <a:lnTo>
                                <a:pt x="1299" y="313"/>
                              </a:lnTo>
                              <a:lnTo>
                                <a:pt x="1324" y="288"/>
                              </a:lnTo>
                              <a:lnTo>
                                <a:pt x="1349" y="265"/>
                              </a:lnTo>
                              <a:lnTo>
                                <a:pt x="1375" y="242"/>
                              </a:lnTo>
                              <a:lnTo>
                                <a:pt x="1405" y="224"/>
                              </a:lnTo>
                              <a:lnTo>
                                <a:pt x="1418" y="232"/>
                              </a:lnTo>
                              <a:lnTo>
                                <a:pt x="1430" y="244"/>
                              </a:lnTo>
                              <a:lnTo>
                                <a:pt x="1396" y="278"/>
                              </a:lnTo>
                              <a:lnTo>
                                <a:pt x="1363" y="313"/>
                              </a:lnTo>
                              <a:lnTo>
                                <a:pt x="1331" y="347"/>
                              </a:lnTo>
                              <a:lnTo>
                                <a:pt x="1295" y="380"/>
                              </a:lnTo>
                              <a:lnTo>
                                <a:pt x="1257" y="409"/>
                              </a:lnTo>
                              <a:lnTo>
                                <a:pt x="1283" y="407"/>
                              </a:lnTo>
                              <a:lnTo>
                                <a:pt x="1304" y="402"/>
                              </a:lnTo>
                              <a:lnTo>
                                <a:pt x="1323" y="393"/>
                              </a:lnTo>
                              <a:lnTo>
                                <a:pt x="1340" y="380"/>
                              </a:lnTo>
                              <a:lnTo>
                                <a:pt x="1354" y="364"/>
                              </a:lnTo>
                              <a:lnTo>
                                <a:pt x="1366" y="348"/>
                              </a:lnTo>
                              <a:lnTo>
                                <a:pt x="1379" y="330"/>
                              </a:lnTo>
                              <a:lnTo>
                                <a:pt x="1391" y="312"/>
                              </a:lnTo>
                              <a:lnTo>
                                <a:pt x="1403" y="295"/>
                              </a:lnTo>
                              <a:lnTo>
                                <a:pt x="1416" y="279"/>
                              </a:lnTo>
                              <a:lnTo>
                                <a:pt x="1431" y="265"/>
                              </a:lnTo>
                              <a:lnTo>
                                <a:pt x="1448" y="253"/>
                              </a:lnTo>
                              <a:lnTo>
                                <a:pt x="1439" y="270"/>
                              </a:lnTo>
                              <a:lnTo>
                                <a:pt x="1428" y="283"/>
                              </a:lnTo>
                              <a:lnTo>
                                <a:pt x="1443" y="279"/>
                              </a:lnTo>
                              <a:lnTo>
                                <a:pt x="1460" y="275"/>
                              </a:lnTo>
                              <a:lnTo>
                                <a:pt x="1464" y="271"/>
                              </a:lnTo>
                              <a:lnTo>
                                <a:pt x="1467" y="267"/>
                              </a:lnTo>
                              <a:lnTo>
                                <a:pt x="1468" y="266"/>
                              </a:lnTo>
                              <a:lnTo>
                                <a:pt x="1469" y="265"/>
                              </a:lnTo>
                              <a:lnTo>
                                <a:pt x="1471" y="263"/>
                              </a:lnTo>
                              <a:lnTo>
                                <a:pt x="1471" y="263"/>
                              </a:lnTo>
                              <a:lnTo>
                                <a:pt x="1471" y="263"/>
                              </a:lnTo>
                              <a:lnTo>
                                <a:pt x="1472" y="263"/>
                              </a:lnTo>
                              <a:lnTo>
                                <a:pt x="1472" y="263"/>
                              </a:lnTo>
                              <a:lnTo>
                                <a:pt x="1473" y="263"/>
                              </a:lnTo>
                              <a:lnTo>
                                <a:pt x="1475" y="265"/>
                              </a:lnTo>
                              <a:lnTo>
                                <a:pt x="1476" y="265"/>
                              </a:lnTo>
                              <a:lnTo>
                                <a:pt x="1477" y="265"/>
                              </a:lnTo>
                              <a:lnTo>
                                <a:pt x="1477" y="266"/>
                              </a:lnTo>
                              <a:lnTo>
                                <a:pt x="1479" y="266"/>
                              </a:lnTo>
                              <a:lnTo>
                                <a:pt x="1484" y="265"/>
                              </a:lnTo>
                              <a:lnTo>
                                <a:pt x="1489" y="262"/>
                              </a:lnTo>
                              <a:lnTo>
                                <a:pt x="1494" y="261"/>
                              </a:lnTo>
                              <a:lnTo>
                                <a:pt x="1492" y="266"/>
                              </a:lnTo>
                              <a:lnTo>
                                <a:pt x="1489" y="271"/>
                              </a:lnTo>
                              <a:lnTo>
                                <a:pt x="1486" y="275"/>
                              </a:lnTo>
                              <a:lnTo>
                                <a:pt x="1490" y="280"/>
                              </a:lnTo>
                              <a:lnTo>
                                <a:pt x="1494" y="286"/>
                              </a:lnTo>
                              <a:lnTo>
                                <a:pt x="1498" y="291"/>
                              </a:lnTo>
                              <a:lnTo>
                                <a:pt x="1500" y="295"/>
                              </a:lnTo>
                              <a:lnTo>
                                <a:pt x="1501" y="297"/>
                              </a:lnTo>
                              <a:lnTo>
                                <a:pt x="1502" y="300"/>
                              </a:lnTo>
                              <a:lnTo>
                                <a:pt x="1502" y="300"/>
                              </a:lnTo>
                              <a:lnTo>
                                <a:pt x="1503" y="301"/>
                              </a:lnTo>
                              <a:lnTo>
                                <a:pt x="1503" y="301"/>
                              </a:lnTo>
                              <a:lnTo>
                                <a:pt x="1503" y="301"/>
                              </a:lnTo>
                              <a:lnTo>
                                <a:pt x="1505" y="300"/>
                              </a:lnTo>
                              <a:lnTo>
                                <a:pt x="1506" y="299"/>
                              </a:lnTo>
                              <a:lnTo>
                                <a:pt x="1507" y="296"/>
                              </a:lnTo>
                              <a:lnTo>
                                <a:pt x="1509" y="295"/>
                              </a:lnTo>
                              <a:lnTo>
                                <a:pt x="1509" y="293"/>
                              </a:lnTo>
                              <a:lnTo>
                                <a:pt x="1510" y="292"/>
                              </a:lnTo>
                              <a:lnTo>
                                <a:pt x="1511" y="291"/>
                              </a:lnTo>
                              <a:lnTo>
                                <a:pt x="1511" y="282"/>
                              </a:lnTo>
                              <a:lnTo>
                                <a:pt x="1511" y="275"/>
                              </a:lnTo>
                              <a:lnTo>
                                <a:pt x="1513" y="270"/>
                              </a:lnTo>
                              <a:lnTo>
                                <a:pt x="1517" y="263"/>
                              </a:lnTo>
                              <a:lnTo>
                                <a:pt x="1522" y="255"/>
                              </a:lnTo>
                              <a:lnTo>
                                <a:pt x="1532" y="246"/>
                              </a:lnTo>
                              <a:lnTo>
                                <a:pt x="1557" y="246"/>
                              </a:lnTo>
                              <a:lnTo>
                                <a:pt x="1574" y="246"/>
                              </a:lnTo>
                              <a:lnTo>
                                <a:pt x="1587" y="245"/>
                              </a:lnTo>
                              <a:lnTo>
                                <a:pt x="1595" y="244"/>
                              </a:lnTo>
                              <a:lnTo>
                                <a:pt x="1602" y="240"/>
                              </a:lnTo>
                              <a:lnTo>
                                <a:pt x="1606" y="235"/>
                              </a:lnTo>
                              <a:lnTo>
                                <a:pt x="1611" y="228"/>
                              </a:lnTo>
                              <a:lnTo>
                                <a:pt x="1612" y="225"/>
                              </a:lnTo>
                              <a:lnTo>
                                <a:pt x="1613" y="224"/>
                              </a:lnTo>
                              <a:lnTo>
                                <a:pt x="1615" y="224"/>
                              </a:lnTo>
                              <a:lnTo>
                                <a:pt x="1615" y="224"/>
                              </a:lnTo>
                              <a:lnTo>
                                <a:pt x="1616" y="224"/>
                              </a:lnTo>
                              <a:lnTo>
                                <a:pt x="1617" y="225"/>
                              </a:lnTo>
                              <a:lnTo>
                                <a:pt x="1619" y="225"/>
                              </a:lnTo>
                              <a:lnTo>
                                <a:pt x="1620" y="225"/>
                              </a:lnTo>
                              <a:lnTo>
                                <a:pt x="1621" y="227"/>
                              </a:lnTo>
                              <a:lnTo>
                                <a:pt x="1623" y="227"/>
                              </a:lnTo>
                              <a:lnTo>
                                <a:pt x="1624" y="227"/>
                              </a:lnTo>
                              <a:lnTo>
                                <a:pt x="1633" y="223"/>
                              </a:lnTo>
                              <a:lnTo>
                                <a:pt x="1647" y="219"/>
                              </a:lnTo>
                              <a:lnTo>
                                <a:pt x="1663" y="215"/>
                              </a:lnTo>
                              <a:lnTo>
                                <a:pt x="1682" y="211"/>
                              </a:lnTo>
                              <a:lnTo>
                                <a:pt x="1701" y="208"/>
                              </a:lnTo>
                              <a:lnTo>
                                <a:pt x="1720" y="207"/>
                              </a:lnTo>
                              <a:lnTo>
                                <a:pt x="1734" y="210"/>
                              </a:lnTo>
                              <a:lnTo>
                                <a:pt x="1746" y="215"/>
                              </a:lnTo>
                              <a:lnTo>
                                <a:pt x="1763" y="211"/>
                              </a:lnTo>
                              <a:lnTo>
                                <a:pt x="1775" y="208"/>
                              </a:lnTo>
                              <a:lnTo>
                                <a:pt x="1782" y="207"/>
                              </a:lnTo>
                              <a:lnTo>
                                <a:pt x="1788" y="206"/>
                              </a:lnTo>
                              <a:lnTo>
                                <a:pt x="1793" y="206"/>
                              </a:lnTo>
                              <a:lnTo>
                                <a:pt x="1798" y="207"/>
                              </a:lnTo>
                              <a:lnTo>
                                <a:pt x="1809" y="194"/>
                              </a:lnTo>
                              <a:lnTo>
                                <a:pt x="1819" y="186"/>
                              </a:lnTo>
                              <a:lnTo>
                                <a:pt x="1830" y="181"/>
                              </a:lnTo>
                              <a:lnTo>
                                <a:pt x="1840" y="177"/>
                              </a:lnTo>
                              <a:lnTo>
                                <a:pt x="1854" y="177"/>
                              </a:lnTo>
                              <a:lnTo>
                                <a:pt x="1862" y="186"/>
                              </a:lnTo>
                              <a:lnTo>
                                <a:pt x="1871" y="193"/>
                              </a:lnTo>
                              <a:lnTo>
                                <a:pt x="1883" y="197"/>
                              </a:lnTo>
                              <a:lnTo>
                                <a:pt x="1895" y="200"/>
                              </a:lnTo>
                              <a:lnTo>
                                <a:pt x="1908" y="204"/>
                              </a:lnTo>
                              <a:lnTo>
                                <a:pt x="1919" y="208"/>
                              </a:lnTo>
                              <a:lnTo>
                                <a:pt x="1929" y="214"/>
                              </a:lnTo>
                              <a:lnTo>
                                <a:pt x="1936" y="221"/>
                              </a:lnTo>
                              <a:lnTo>
                                <a:pt x="1941" y="231"/>
                              </a:lnTo>
                              <a:lnTo>
                                <a:pt x="1941" y="245"/>
                              </a:lnTo>
                              <a:lnTo>
                                <a:pt x="1941" y="246"/>
                              </a:lnTo>
                              <a:lnTo>
                                <a:pt x="1939" y="248"/>
                              </a:lnTo>
                              <a:lnTo>
                                <a:pt x="1937" y="250"/>
                              </a:lnTo>
                              <a:lnTo>
                                <a:pt x="1933" y="253"/>
                              </a:lnTo>
                              <a:lnTo>
                                <a:pt x="1928" y="257"/>
                              </a:lnTo>
                              <a:lnTo>
                                <a:pt x="1917" y="263"/>
                              </a:lnTo>
                              <a:lnTo>
                                <a:pt x="1905" y="270"/>
                              </a:lnTo>
                              <a:lnTo>
                                <a:pt x="1887" y="280"/>
                              </a:lnTo>
                              <a:lnTo>
                                <a:pt x="1866" y="292"/>
                              </a:lnTo>
                              <a:lnTo>
                                <a:pt x="1837" y="308"/>
                              </a:lnTo>
                              <a:lnTo>
                                <a:pt x="1853" y="310"/>
                              </a:lnTo>
                              <a:lnTo>
                                <a:pt x="1869" y="310"/>
                              </a:lnTo>
                              <a:lnTo>
                                <a:pt x="1871" y="305"/>
                              </a:lnTo>
                              <a:lnTo>
                                <a:pt x="1874" y="299"/>
                              </a:lnTo>
                              <a:lnTo>
                                <a:pt x="1877" y="293"/>
                              </a:lnTo>
                              <a:lnTo>
                                <a:pt x="1894" y="299"/>
                              </a:lnTo>
                              <a:lnTo>
                                <a:pt x="1909" y="304"/>
                              </a:lnTo>
                              <a:lnTo>
                                <a:pt x="1911" y="299"/>
                              </a:lnTo>
                              <a:lnTo>
                                <a:pt x="1913" y="293"/>
                              </a:lnTo>
                              <a:lnTo>
                                <a:pt x="1915" y="288"/>
                              </a:lnTo>
                              <a:lnTo>
                                <a:pt x="1916" y="287"/>
                              </a:lnTo>
                              <a:lnTo>
                                <a:pt x="1916" y="286"/>
                              </a:lnTo>
                              <a:lnTo>
                                <a:pt x="1916" y="286"/>
                              </a:lnTo>
                              <a:lnTo>
                                <a:pt x="1919" y="291"/>
                              </a:lnTo>
                              <a:lnTo>
                                <a:pt x="1921" y="296"/>
                              </a:lnTo>
                              <a:lnTo>
                                <a:pt x="1924" y="301"/>
                              </a:lnTo>
                              <a:lnTo>
                                <a:pt x="1928" y="304"/>
                              </a:lnTo>
                              <a:lnTo>
                                <a:pt x="1930" y="304"/>
                              </a:lnTo>
                              <a:lnTo>
                                <a:pt x="1933" y="304"/>
                              </a:lnTo>
                              <a:lnTo>
                                <a:pt x="1941" y="305"/>
                              </a:lnTo>
                              <a:lnTo>
                                <a:pt x="1949" y="305"/>
                              </a:lnTo>
                              <a:lnTo>
                                <a:pt x="1957" y="305"/>
                              </a:lnTo>
                              <a:lnTo>
                                <a:pt x="1966" y="305"/>
                              </a:lnTo>
                              <a:lnTo>
                                <a:pt x="1974" y="305"/>
                              </a:lnTo>
                              <a:lnTo>
                                <a:pt x="1981" y="305"/>
                              </a:lnTo>
                              <a:lnTo>
                                <a:pt x="1989" y="305"/>
                              </a:lnTo>
                              <a:lnTo>
                                <a:pt x="1993" y="310"/>
                              </a:lnTo>
                              <a:lnTo>
                                <a:pt x="1997" y="316"/>
                              </a:lnTo>
                              <a:lnTo>
                                <a:pt x="2000" y="321"/>
                              </a:lnTo>
                              <a:lnTo>
                                <a:pt x="2008" y="322"/>
                              </a:lnTo>
                              <a:lnTo>
                                <a:pt x="2014" y="324"/>
                              </a:lnTo>
                              <a:lnTo>
                                <a:pt x="2022" y="324"/>
                              </a:lnTo>
                              <a:lnTo>
                                <a:pt x="2034" y="324"/>
                              </a:lnTo>
                              <a:lnTo>
                                <a:pt x="2052" y="322"/>
                              </a:lnTo>
                              <a:lnTo>
                                <a:pt x="2061" y="310"/>
                              </a:lnTo>
                              <a:lnTo>
                                <a:pt x="2073" y="304"/>
                              </a:lnTo>
                              <a:lnTo>
                                <a:pt x="2086" y="300"/>
                              </a:lnTo>
                              <a:lnTo>
                                <a:pt x="2101" y="300"/>
                              </a:lnTo>
                              <a:lnTo>
                                <a:pt x="2114" y="303"/>
                              </a:lnTo>
                              <a:lnTo>
                                <a:pt x="2125" y="309"/>
                              </a:lnTo>
                              <a:lnTo>
                                <a:pt x="2136" y="317"/>
                              </a:lnTo>
                              <a:lnTo>
                                <a:pt x="2141" y="327"/>
                              </a:lnTo>
                              <a:lnTo>
                                <a:pt x="2148" y="347"/>
                              </a:lnTo>
                              <a:lnTo>
                                <a:pt x="2154" y="360"/>
                              </a:lnTo>
                              <a:lnTo>
                                <a:pt x="2158" y="371"/>
                              </a:lnTo>
                              <a:lnTo>
                                <a:pt x="2161" y="376"/>
                              </a:lnTo>
                              <a:lnTo>
                                <a:pt x="2165" y="380"/>
                              </a:lnTo>
                              <a:lnTo>
                                <a:pt x="2167" y="382"/>
                              </a:lnTo>
                              <a:lnTo>
                                <a:pt x="2171" y="384"/>
                              </a:lnTo>
                              <a:lnTo>
                                <a:pt x="2175" y="381"/>
                              </a:lnTo>
                              <a:lnTo>
                                <a:pt x="2180" y="377"/>
                              </a:lnTo>
                              <a:lnTo>
                                <a:pt x="2184" y="375"/>
                              </a:lnTo>
                              <a:lnTo>
                                <a:pt x="2186" y="368"/>
                              </a:lnTo>
                              <a:lnTo>
                                <a:pt x="2186" y="361"/>
                              </a:lnTo>
                              <a:lnTo>
                                <a:pt x="2187" y="355"/>
                              </a:lnTo>
                              <a:lnTo>
                                <a:pt x="2195" y="358"/>
                              </a:lnTo>
                              <a:lnTo>
                                <a:pt x="2203" y="359"/>
                              </a:lnTo>
                              <a:lnTo>
                                <a:pt x="2209" y="359"/>
                              </a:lnTo>
                              <a:lnTo>
                                <a:pt x="2220" y="358"/>
                              </a:lnTo>
                              <a:lnTo>
                                <a:pt x="2233" y="355"/>
                              </a:lnTo>
                              <a:lnTo>
                                <a:pt x="2252" y="350"/>
                              </a:lnTo>
                              <a:lnTo>
                                <a:pt x="2258" y="352"/>
                              </a:lnTo>
                              <a:lnTo>
                                <a:pt x="2262" y="356"/>
                              </a:lnTo>
                              <a:lnTo>
                                <a:pt x="2266" y="359"/>
                              </a:lnTo>
                              <a:lnTo>
                                <a:pt x="2269" y="355"/>
                              </a:lnTo>
                              <a:lnTo>
                                <a:pt x="2272" y="351"/>
                              </a:lnTo>
                              <a:lnTo>
                                <a:pt x="2276" y="347"/>
                              </a:lnTo>
                              <a:lnTo>
                                <a:pt x="2280" y="351"/>
                              </a:lnTo>
                              <a:lnTo>
                                <a:pt x="2284" y="355"/>
                              </a:lnTo>
                              <a:lnTo>
                                <a:pt x="2288" y="358"/>
                              </a:lnTo>
                              <a:lnTo>
                                <a:pt x="2289" y="347"/>
                              </a:lnTo>
                              <a:lnTo>
                                <a:pt x="2288" y="337"/>
                              </a:lnTo>
                              <a:lnTo>
                                <a:pt x="2284" y="326"/>
                              </a:lnTo>
                              <a:lnTo>
                                <a:pt x="2288" y="324"/>
                              </a:lnTo>
                              <a:lnTo>
                                <a:pt x="2293" y="320"/>
                              </a:lnTo>
                              <a:lnTo>
                                <a:pt x="2297" y="316"/>
                              </a:lnTo>
                              <a:lnTo>
                                <a:pt x="2298" y="310"/>
                              </a:lnTo>
                              <a:lnTo>
                                <a:pt x="2298" y="304"/>
                              </a:lnTo>
                              <a:lnTo>
                                <a:pt x="2298" y="299"/>
                              </a:lnTo>
                              <a:lnTo>
                                <a:pt x="2285" y="288"/>
                              </a:lnTo>
                              <a:lnTo>
                                <a:pt x="2273" y="275"/>
                              </a:lnTo>
                              <a:lnTo>
                                <a:pt x="2286" y="274"/>
                              </a:lnTo>
                              <a:lnTo>
                                <a:pt x="2301" y="275"/>
                              </a:lnTo>
                              <a:lnTo>
                                <a:pt x="2314" y="278"/>
                              </a:lnTo>
                              <a:lnTo>
                                <a:pt x="2311" y="282"/>
                              </a:lnTo>
                              <a:lnTo>
                                <a:pt x="2307" y="287"/>
                              </a:lnTo>
                              <a:lnTo>
                                <a:pt x="2305" y="292"/>
                              </a:lnTo>
                              <a:lnTo>
                                <a:pt x="2327" y="301"/>
                              </a:lnTo>
                              <a:lnTo>
                                <a:pt x="2349" y="305"/>
                              </a:lnTo>
                              <a:lnTo>
                                <a:pt x="2372" y="308"/>
                              </a:lnTo>
                              <a:lnTo>
                                <a:pt x="2391" y="308"/>
                              </a:lnTo>
                              <a:lnTo>
                                <a:pt x="2407" y="307"/>
                              </a:lnTo>
                              <a:lnTo>
                                <a:pt x="2417" y="305"/>
                              </a:lnTo>
                              <a:lnTo>
                                <a:pt x="2421" y="305"/>
                              </a:lnTo>
                              <a:lnTo>
                                <a:pt x="2436" y="318"/>
                              </a:lnTo>
                              <a:lnTo>
                                <a:pt x="2450" y="326"/>
                              </a:lnTo>
                              <a:lnTo>
                                <a:pt x="2467" y="330"/>
                              </a:lnTo>
                              <a:lnTo>
                                <a:pt x="2484" y="330"/>
                              </a:lnTo>
                              <a:lnTo>
                                <a:pt x="2501" y="327"/>
                              </a:lnTo>
                              <a:lnTo>
                                <a:pt x="2518" y="325"/>
                              </a:lnTo>
                              <a:lnTo>
                                <a:pt x="2537" y="324"/>
                              </a:lnTo>
                              <a:lnTo>
                                <a:pt x="2554" y="322"/>
                              </a:lnTo>
                              <a:lnTo>
                                <a:pt x="2569" y="326"/>
                              </a:lnTo>
                              <a:lnTo>
                                <a:pt x="2585" y="333"/>
                              </a:lnTo>
                              <a:lnTo>
                                <a:pt x="2598" y="346"/>
                              </a:lnTo>
                              <a:lnTo>
                                <a:pt x="2616" y="343"/>
                              </a:lnTo>
                              <a:lnTo>
                                <a:pt x="2633" y="338"/>
                              </a:lnTo>
                              <a:lnTo>
                                <a:pt x="2651" y="331"/>
                              </a:lnTo>
                              <a:lnTo>
                                <a:pt x="2669" y="329"/>
                              </a:lnTo>
                              <a:lnTo>
                                <a:pt x="2687" y="330"/>
                              </a:lnTo>
                              <a:lnTo>
                                <a:pt x="2688" y="320"/>
                              </a:lnTo>
                              <a:lnTo>
                                <a:pt x="2691" y="309"/>
                              </a:lnTo>
                              <a:lnTo>
                                <a:pt x="2696" y="301"/>
                              </a:lnTo>
                              <a:lnTo>
                                <a:pt x="2706" y="313"/>
                              </a:lnTo>
                              <a:lnTo>
                                <a:pt x="2713" y="321"/>
                              </a:lnTo>
                              <a:lnTo>
                                <a:pt x="2725" y="325"/>
                              </a:lnTo>
                              <a:lnTo>
                                <a:pt x="2741" y="326"/>
                              </a:lnTo>
                              <a:lnTo>
                                <a:pt x="2736" y="316"/>
                              </a:lnTo>
                              <a:lnTo>
                                <a:pt x="2728" y="307"/>
                              </a:lnTo>
                              <a:lnTo>
                                <a:pt x="2720" y="299"/>
                              </a:lnTo>
                              <a:lnTo>
                                <a:pt x="2738" y="284"/>
                              </a:lnTo>
                              <a:lnTo>
                                <a:pt x="2761" y="275"/>
                              </a:lnTo>
                              <a:lnTo>
                                <a:pt x="2787" y="269"/>
                              </a:lnTo>
                              <a:lnTo>
                                <a:pt x="2817" y="265"/>
                              </a:lnTo>
                              <a:lnTo>
                                <a:pt x="2847" y="265"/>
                              </a:lnTo>
                              <a:lnTo>
                                <a:pt x="2878" y="266"/>
                              </a:lnTo>
                              <a:lnTo>
                                <a:pt x="2910" y="269"/>
                              </a:lnTo>
                              <a:lnTo>
                                <a:pt x="2939" y="271"/>
                              </a:lnTo>
                              <a:lnTo>
                                <a:pt x="2965" y="276"/>
                              </a:lnTo>
                              <a:lnTo>
                                <a:pt x="2987" y="280"/>
                              </a:lnTo>
                              <a:lnTo>
                                <a:pt x="3004" y="283"/>
                              </a:lnTo>
                              <a:lnTo>
                                <a:pt x="3016" y="287"/>
                              </a:lnTo>
                              <a:lnTo>
                                <a:pt x="3020" y="287"/>
                              </a:lnTo>
                              <a:close/>
                            </a:path>
                          </a:pathLst>
                        </a:custGeom>
                        <a:grpFill/>
                        <a:ln w="0">
                          <a:solidFill>
                            <a:srgbClr val="FFFFFF"/>
                          </a:solidFill>
                          <a:prstDash val="solid"/>
                          <a:round/>
                          <a:headEnd/>
                          <a:tailEnd/>
                        </a:ln>
                      </p:spPr>
                      <p:txBody>
                        <a:bodyPr vert="horz" wrap="square" lIns="91440" tIns="45720" rIns="91440" bIns="45720" numCol="1" anchor="t" anchorCtr="0" compatLnSpc="1">
                          <a:prstTxWarp prst="textNoShape">
                            <a:avLst/>
                          </a:prstTxWarp>
                        </a:bodyPr>
                        <a:lstStyle/>
                        <a:p>
                          <a:pPr marL="0" marR="0" lvl="0" indent="0" defTabSz="91440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endParaRPr kumimoji="0" lang="en-US" sz="1800" b="0" i="0" u="none" strike="noStrike" kern="0" cap="none" spc="0" normalizeH="0" baseline="0" noProof="0" smtClean="0">
                            <a:ln>
                              <a:noFill/>
                            </a:ln>
                            <a:solidFill>
                              <a:prstClr val="black"/>
                            </a:solidFill>
                            <a:effectLst/>
                            <a:uLnTx/>
                            <a:uFillTx/>
                            <a:latin typeface="Calibri"/>
                            <a:ea typeface="+mn-ea"/>
                          </a:endParaRPr>
                        </a:p>
                      </p:txBody>
                    </p:sp>
                  </p:grpSp>
                </p:grpSp>
              </p:grpSp>
            </p:grpSp>
          </p:grpSp>
        </p:grpSp>
        <p:sp>
          <p:nvSpPr>
            <p:cNvPr id="255" name="Oval 254"/>
            <p:cNvSpPr/>
            <p:nvPr/>
          </p:nvSpPr>
          <p:spPr>
            <a:xfrm flipH="1">
              <a:off x="1700467" y="834309"/>
              <a:ext cx="924285" cy="855517"/>
            </a:xfrm>
            <a:prstGeom prst="ellipse">
              <a:avLst/>
            </a:prstGeom>
            <a:gradFill>
              <a:gsLst>
                <a:gs pos="0">
                  <a:srgbClr val="00B0F0">
                    <a:lumMod val="60000"/>
                    <a:lumOff val="40000"/>
                  </a:srgbClr>
                </a:gs>
                <a:gs pos="100000">
                  <a:srgbClr val="00B0F0"/>
                </a:gs>
              </a:gsLst>
              <a:lin ang="0" scaled="0"/>
            </a:gradFill>
            <a:ln w="25400" cap="flat" cmpd="sng" algn="ctr">
              <a:noFill/>
              <a:prstDash val="solid"/>
            </a:ln>
            <a:effectLst>
              <a:innerShdw blurRad="101600">
                <a:prstClr val="black"/>
              </a:innerShdw>
            </a:effec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  <p:cxnSp>
        <p:nvCxnSpPr>
          <p:cNvPr id="191" name="Straight Arrow Connector 176"/>
          <p:cNvCxnSpPr/>
          <p:nvPr/>
        </p:nvCxnSpPr>
        <p:spPr>
          <a:xfrm flipH="1">
            <a:off x="2876540" y="5174188"/>
            <a:ext cx="2484000" cy="1588"/>
          </a:xfrm>
          <a:prstGeom prst="straightConnector1">
            <a:avLst/>
          </a:prstGeom>
          <a:noFill/>
          <a:ln w="12700" cap="flat" cmpd="sng" algn="ctr">
            <a:gradFill flip="none" rotWithShape="1">
              <a:gsLst>
                <a:gs pos="0">
                  <a:srgbClr val="00B0F0"/>
                </a:gs>
                <a:gs pos="50000">
                  <a:srgbClr val="00B0F0">
                    <a:lumMod val="60000"/>
                    <a:lumOff val="40000"/>
                  </a:srgbClr>
                </a:gs>
                <a:gs pos="100000">
                  <a:srgbClr val="00B0F0">
                    <a:tint val="23500"/>
                    <a:satMod val="160000"/>
                  </a:srgbClr>
                </a:gs>
              </a:gsLst>
              <a:lin ang="8100000" scaled="1"/>
              <a:tileRect/>
            </a:gradFill>
            <a:prstDash val="solid"/>
            <a:tailEnd type="triangle"/>
          </a:ln>
          <a:effectLst/>
        </p:spPr>
      </p:cxnSp>
      <p:sp>
        <p:nvSpPr>
          <p:cNvPr id="192" name="Oval 191"/>
          <p:cNvSpPr/>
          <p:nvPr/>
        </p:nvSpPr>
        <p:spPr>
          <a:xfrm flipH="1">
            <a:off x="1775507" y="1997419"/>
            <a:ext cx="924285" cy="855517"/>
          </a:xfrm>
          <a:prstGeom prst="ellipse">
            <a:avLst/>
          </a:prstGeom>
          <a:gradFill>
            <a:gsLst>
              <a:gs pos="0">
                <a:srgbClr val="00B0F0">
                  <a:lumMod val="60000"/>
                  <a:lumOff val="40000"/>
                </a:srgbClr>
              </a:gs>
              <a:gs pos="100000">
                <a:srgbClr val="00B0F0"/>
              </a:gs>
            </a:gsLst>
            <a:lin ang="0" scaled="0"/>
          </a:gradFill>
          <a:ln w="25400" cap="flat" cmpd="sng" algn="ctr">
            <a:noFill/>
            <a:prstDash val="solid"/>
          </a:ln>
          <a:effectLst>
            <a:innerShdw blurRad="101600">
              <a:prstClr val="black"/>
            </a:innerShdw>
          </a:effec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93" name="Oval 192"/>
          <p:cNvSpPr/>
          <p:nvPr/>
        </p:nvSpPr>
        <p:spPr>
          <a:xfrm flipH="1">
            <a:off x="2085074" y="3296680"/>
            <a:ext cx="924285" cy="855517"/>
          </a:xfrm>
          <a:prstGeom prst="ellipse">
            <a:avLst/>
          </a:prstGeom>
          <a:gradFill>
            <a:gsLst>
              <a:gs pos="0">
                <a:srgbClr val="00B0F0">
                  <a:lumMod val="60000"/>
                  <a:lumOff val="40000"/>
                </a:srgbClr>
              </a:gs>
              <a:gs pos="100000">
                <a:srgbClr val="00B0F0"/>
              </a:gs>
            </a:gsLst>
            <a:lin ang="0" scaled="0"/>
          </a:gradFill>
          <a:ln w="25400" cap="flat" cmpd="sng" algn="ctr">
            <a:noFill/>
            <a:prstDash val="solid"/>
          </a:ln>
          <a:effectLst>
            <a:innerShdw blurRad="101600">
              <a:prstClr val="black"/>
            </a:innerShdw>
          </a:effec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94" name="Oval 193"/>
          <p:cNvSpPr/>
          <p:nvPr/>
        </p:nvSpPr>
        <p:spPr>
          <a:xfrm flipH="1">
            <a:off x="1691680" y="4653136"/>
            <a:ext cx="924285" cy="855517"/>
          </a:xfrm>
          <a:prstGeom prst="ellipse">
            <a:avLst/>
          </a:prstGeom>
          <a:gradFill>
            <a:gsLst>
              <a:gs pos="0">
                <a:srgbClr val="00B0F0">
                  <a:lumMod val="60000"/>
                  <a:lumOff val="40000"/>
                </a:srgbClr>
              </a:gs>
              <a:gs pos="100000">
                <a:srgbClr val="00B0F0"/>
              </a:gs>
            </a:gsLst>
            <a:lin ang="0" scaled="0"/>
          </a:gradFill>
          <a:ln w="25400" cap="flat" cmpd="sng" algn="ctr">
            <a:noFill/>
            <a:prstDash val="solid"/>
          </a:ln>
          <a:effectLst>
            <a:innerShdw blurRad="101600">
              <a:prstClr val="black"/>
            </a:innerShdw>
          </a:effec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95" name="Oval 194"/>
          <p:cNvSpPr/>
          <p:nvPr/>
        </p:nvSpPr>
        <p:spPr>
          <a:xfrm flipH="1">
            <a:off x="480013" y="5489097"/>
            <a:ext cx="924285" cy="855517"/>
          </a:xfrm>
          <a:prstGeom prst="ellipse">
            <a:avLst/>
          </a:prstGeom>
          <a:gradFill>
            <a:gsLst>
              <a:gs pos="0">
                <a:srgbClr val="00B0F0">
                  <a:lumMod val="60000"/>
                  <a:lumOff val="40000"/>
                </a:srgbClr>
              </a:gs>
              <a:gs pos="100000">
                <a:srgbClr val="00B0F0"/>
              </a:gs>
            </a:gsLst>
            <a:lin ang="0" scaled="0"/>
          </a:gradFill>
          <a:ln w="25400" cap="flat" cmpd="sng" algn="ctr">
            <a:noFill/>
            <a:prstDash val="solid"/>
          </a:ln>
          <a:effectLst>
            <a:innerShdw blurRad="101600">
              <a:prstClr val="black"/>
            </a:innerShdw>
          </a:effec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grpSp>
        <p:nvGrpSpPr>
          <p:cNvPr id="196" name="Grup 195"/>
          <p:cNvGrpSpPr/>
          <p:nvPr/>
        </p:nvGrpSpPr>
        <p:grpSpPr>
          <a:xfrm>
            <a:off x="5806711" y="1687680"/>
            <a:ext cx="3157777" cy="3752477"/>
            <a:chOff x="5292081" y="1988840"/>
            <a:chExt cx="3672408" cy="3752477"/>
          </a:xfrm>
        </p:grpSpPr>
        <p:grpSp>
          <p:nvGrpSpPr>
            <p:cNvPr id="197" name="Grup 196"/>
            <p:cNvGrpSpPr/>
            <p:nvPr/>
          </p:nvGrpSpPr>
          <p:grpSpPr>
            <a:xfrm>
              <a:off x="5292081" y="1988840"/>
              <a:ext cx="3672408" cy="3752477"/>
              <a:chOff x="3059832" y="1772816"/>
              <a:chExt cx="5472608" cy="1872208"/>
            </a:xfrm>
          </p:grpSpPr>
          <p:cxnSp>
            <p:nvCxnSpPr>
              <p:cNvPr id="199" name="Düz Bağlayıcı 198"/>
              <p:cNvCxnSpPr/>
              <p:nvPr/>
            </p:nvCxnSpPr>
            <p:spPr>
              <a:xfrm>
                <a:off x="3059832" y="1772816"/>
                <a:ext cx="5472608" cy="0"/>
              </a:xfrm>
              <a:prstGeom prst="line">
                <a:avLst/>
              </a:prstGeom>
              <a:ln w="22225">
                <a:solidFill>
                  <a:schemeClr val="accent6">
                    <a:lumMod val="75000"/>
                  </a:schemeClr>
                </a:solidFill>
                <a:prstDash val="lg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36" name="Düz Bağlayıcı 235"/>
              <p:cNvCxnSpPr/>
              <p:nvPr/>
            </p:nvCxnSpPr>
            <p:spPr>
              <a:xfrm>
                <a:off x="3059832" y="3645024"/>
                <a:ext cx="5472608" cy="0"/>
              </a:xfrm>
              <a:prstGeom prst="line">
                <a:avLst/>
              </a:prstGeom>
              <a:ln w="22225">
                <a:solidFill>
                  <a:schemeClr val="accent6">
                    <a:lumMod val="75000"/>
                  </a:schemeClr>
                </a:solidFill>
                <a:prstDash val="lg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1" name="Düz Bağlayıcı 250"/>
              <p:cNvCxnSpPr/>
              <p:nvPr/>
            </p:nvCxnSpPr>
            <p:spPr>
              <a:xfrm flipV="1">
                <a:off x="8532440" y="1772816"/>
                <a:ext cx="0" cy="1872208"/>
              </a:xfrm>
              <a:prstGeom prst="line">
                <a:avLst/>
              </a:prstGeom>
              <a:ln w="22225">
                <a:solidFill>
                  <a:schemeClr val="accent6">
                    <a:lumMod val="75000"/>
                  </a:schemeClr>
                </a:solidFill>
                <a:prstDash val="lg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2" name="Düz Bağlayıcı 251"/>
              <p:cNvCxnSpPr/>
              <p:nvPr/>
            </p:nvCxnSpPr>
            <p:spPr>
              <a:xfrm flipV="1">
                <a:off x="3059832" y="1772816"/>
                <a:ext cx="0" cy="1872208"/>
              </a:xfrm>
              <a:prstGeom prst="line">
                <a:avLst/>
              </a:prstGeom>
              <a:ln w="22225">
                <a:solidFill>
                  <a:schemeClr val="accent6">
                    <a:lumMod val="75000"/>
                  </a:schemeClr>
                </a:solidFill>
                <a:prstDash val="lg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sp>
          <p:nvSpPr>
            <p:cNvPr id="198" name="Çapraz Köşesi Kesik Dikdörtgen 197"/>
            <p:cNvSpPr/>
            <p:nvPr/>
          </p:nvSpPr>
          <p:spPr>
            <a:xfrm>
              <a:off x="5292081" y="2041683"/>
              <a:ext cx="3672408" cy="3691573"/>
            </a:xfrm>
            <a:prstGeom prst="snip2DiagRect">
              <a:avLst/>
            </a:prstGeom>
            <a:solidFill>
              <a:srgbClr val="FFFFFF">
                <a:lumMod val="85000"/>
                <a:alpha val="31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</a:pPr>
              <a:endParaRPr lang="tr-TR" kern="0" dirty="0">
                <a:solidFill>
                  <a:prstClr val="white"/>
                </a:solidFill>
                <a:latin typeface="Calibri"/>
                <a:ea typeface="MS PGothic" pitchFamily="34" charset="-128"/>
              </a:endParaRPr>
            </a:p>
          </p:txBody>
        </p:sp>
      </p:grpSp>
      <p:sp>
        <p:nvSpPr>
          <p:cNvPr id="253" name="Dikdörtgen 252"/>
          <p:cNvSpPr/>
          <p:nvPr/>
        </p:nvSpPr>
        <p:spPr>
          <a:xfrm>
            <a:off x="5861346" y="2386623"/>
            <a:ext cx="3103141" cy="255454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lvl="0" indent="-285750" algn="ctr">
              <a:buFont typeface="Arial" panose="020B0604020202020204" pitchFamily="34" charset="0"/>
              <a:buChar char="•"/>
            </a:pPr>
            <a:r>
              <a:rPr lang="tr-TR" sz="1600" b="1" dirty="0">
                <a:latin typeface="Futura Bk BT" panose="020B0502020204020303" pitchFamily="34" charset="0"/>
                <a:cs typeface="Arial" pitchFamily="34" charset="0"/>
              </a:rPr>
              <a:t>B</a:t>
            </a:r>
            <a:r>
              <a:rPr lang="en-US" sz="1600" b="1" dirty="0" err="1">
                <a:latin typeface="Futura Bk BT" panose="020B0502020204020303" pitchFamily="34" charset="0"/>
                <a:cs typeface="Arial" pitchFamily="34" charset="0"/>
              </a:rPr>
              <a:t>aşvuru</a:t>
            </a:r>
            <a:r>
              <a:rPr lang="en-US" sz="1600" b="1" dirty="0">
                <a:latin typeface="Futura Bk BT" panose="020B0502020204020303" pitchFamily="34" charset="0"/>
                <a:cs typeface="Arial" pitchFamily="34" charset="0"/>
              </a:rPr>
              <a:t> </a:t>
            </a:r>
            <a:r>
              <a:rPr lang="tr-TR" sz="1600" b="1" dirty="0">
                <a:latin typeface="Futura Bk BT" panose="020B0502020204020303" pitchFamily="34" charset="0"/>
                <a:cs typeface="Arial" pitchFamily="34" charset="0"/>
              </a:rPr>
              <a:t>f</a:t>
            </a:r>
            <a:r>
              <a:rPr lang="en-US" sz="1600" b="1" dirty="0" err="1" smtClean="0">
                <a:latin typeface="Futura Bk BT" panose="020B0502020204020303" pitchFamily="34" charset="0"/>
                <a:cs typeface="Arial" pitchFamily="34" charset="0"/>
              </a:rPr>
              <a:t>ormu</a:t>
            </a:r>
            <a:endParaRPr lang="tr-TR" sz="1600" b="1" dirty="0" smtClean="0">
              <a:latin typeface="Futura Bk BT" panose="020B0502020204020303" pitchFamily="34" charset="0"/>
              <a:cs typeface="Arial" pitchFamily="34" charset="0"/>
            </a:endParaRPr>
          </a:p>
          <a:p>
            <a:pPr marL="285750" lvl="0" indent="-285750" algn="ctr">
              <a:buFont typeface="Arial" panose="020B0604020202020204" pitchFamily="34" charset="0"/>
              <a:buChar char="•"/>
            </a:pPr>
            <a:endParaRPr lang="tr-TR" sz="1600" b="1" dirty="0">
              <a:latin typeface="Futura Bk BT" panose="020B0502020204020303" pitchFamily="34" charset="0"/>
              <a:cs typeface="Arial" pitchFamily="34" charset="0"/>
            </a:endParaRPr>
          </a:p>
          <a:p>
            <a:pPr marL="285750" lvl="0" indent="-285750" algn="ctr">
              <a:buFont typeface="Arial" panose="020B0604020202020204" pitchFamily="34" charset="0"/>
              <a:buChar char="•"/>
            </a:pPr>
            <a:r>
              <a:rPr lang="tr-TR" sz="1600" b="1" dirty="0" err="1">
                <a:latin typeface="Futura Bk BT" panose="020B0502020204020303" pitchFamily="34" charset="0"/>
                <a:cs typeface="Arial" pitchFamily="34" charset="0"/>
              </a:rPr>
              <a:t>COST’un</a:t>
            </a:r>
            <a:r>
              <a:rPr lang="tr-TR" sz="1600" b="1" dirty="0">
                <a:latin typeface="Futura Bk BT" panose="020B0502020204020303" pitchFamily="34" charset="0"/>
                <a:cs typeface="Arial" pitchFamily="34" charset="0"/>
              </a:rPr>
              <a:t> ilgili birimi tarafından onaylanmış Ortak Niyet </a:t>
            </a:r>
            <a:r>
              <a:rPr lang="tr-TR" sz="1600" b="1" dirty="0" smtClean="0">
                <a:latin typeface="Futura Bk BT" panose="020B0502020204020303" pitchFamily="34" charset="0"/>
                <a:cs typeface="Arial" pitchFamily="34" charset="0"/>
              </a:rPr>
              <a:t>Beyanı</a:t>
            </a:r>
          </a:p>
          <a:p>
            <a:pPr marL="285750" lvl="0" indent="-285750" algn="ctr">
              <a:buFont typeface="Arial" panose="020B0604020202020204" pitchFamily="34" charset="0"/>
              <a:buChar char="•"/>
            </a:pPr>
            <a:endParaRPr lang="tr-TR" sz="1600" b="1" dirty="0">
              <a:latin typeface="Futura Bk BT" panose="020B0502020204020303" pitchFamily="34" charset="0"/>
              <a:cs typeface="Arial" pitchFamily="34" charset="0"/>
            </a:endParaRPr>
          </a:p>
          <a:p>
            <a:pPr marL="285750" lvl="0" indent="-285750" algn="ctr">
              <a:buFont typeface="Arial" panose="020B0604020202020204" pitchFamily="34" charset="0"/>
              <a:buChar char="•"/>
            </a:pPr>
            <a:r>
              <a:rPr lang="tr-TR" sz="1600" b="1" dirty="0">
                <a:latin typeface="Futura Bk BT" panose="020B0502020204020303" pitchFamily="34" charset="0"/>
                <a:cs typeface="Arial" pitchFamily="34" charset="0"/>
              </a:rPr>
              <a:t>Türkiye’deki tüzel kişilik ile COST arasında imzalanan aksiyonun </a:t>
            </a:r>
            <a:r>
              <a:rPr lang="tr-TR" sz="1600" b="1" dirty="0" smtClean="0">
                <a:latin typeface="Futura Bk BT" panose="020B0502020204020303" pitchFamily="34" charset="0"/>
                <a:cs typeface="Arial" pitchFamily="34" charset="0"/>
              </a:rPr>
              <a:t>Kontratı</a:t>
            </a:r>
          </a:p>
          <a:p>
            <a:pPr lvl="0" algn="ctr"/>
            <a:endParaRPr lang="tr-TR" sz="1600" b="1" dirty="0">
              <a:latin typeface="Futura Bk BT" panose="020B0502020204020303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5576651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İçerik Yer Tutucusu 2"/>
          <p:cNvSpPr>
            <a:spLocks noGrp="1"/>
          </p:cNvSpPr>
          <p:nvPr>
            <p:ph idx="1"/>
          </p:nvPr>
        </p:nvSpPr>
        <p:spPr>
          <a:xfrm>
            <a:off x="683568" y="1124744"/>
            <a:ext cx="8136904" cy="5112568"/>
          </a:xfrm>
        </p:spPr>
        <p:txBody>
          <a:bodyPr>
            <a:normAutofit fontScale="77500" lnSpcReduction="20000"/>
          </a:bodyPr>
          <a:lstStyle/>
          <a:p>
            <a:pPr marL="0" indent="0" algn="ctr">
              <a:buNone/>
            </a:pPr>
            <a:endParaRPr lang="tr-TR" sz="3600" b="1" dirty="0" smtClean="0">
              <a:solidFill>
                <a:schemeClr val="tx2"/>
              </a:solidFill>
            </a:endParaRPr>
          </a:p>
          <a:p>
            <a:pPr marL="0" indent="0" algn="ctr">
              <a:buNone/>
            </a:pPr>
            <a:endParaRPr lang="tr-TR" sz="3600" b="1" dirty="0">
              <a:solidFill>
                <a:schemeClr val="tx2"/>
              </a:solidFill>
            </a:endParaRPr>
          </a:p>
          <a:p>
            <a:pPr marL="0" indent="0" algn="ctr">
              <a:buNone/>
            </a:pPr>
            <a:endParaRPr lang="tr-TR" sz="3600" b="1" dirty="0" smtClean="0">
              <a:solidFill>
                <a:schemeClr val="tx2"/>
              </a:solidFill>
            </a:endParaRPr>
          </a:p>
          <a:p>
            <a:pPr marL="0" indent="0" algn="ctr">
              <a:buNone/>
            </a:pPr>
            <a:r>
              <a:rPr lang="tr-TR" sz="3600" b="1" dirty="0" smtClean="0">
                <a:solidFill>
                  <a:schemeClr val="tx2"/>
                </a:solidFill>
              </a:rPr>
              <a:t>İlginiz için teşekkürler..</a:t>
            </a:r>
          </a:p>
          <a:p>
            <a:pPr marL="0" indent="0" algn="ctr">
              <a:buNone/>
            </a:pPr>
            <a:endParaRPr lang="tr-TR" sz="3600" b="1" dirty="0">
              <a:solidFill>
                <a:schemeClr val="tx2"/>
              </a:solidFill>
            </a:endParaRPr>
          </a:p>
          <a:p>
            <a:pPr marL="0" indent="0" algn="ctr">
              <a:buNone/>
            </a:pPr>
            <a:endParaRPr lang="tr-TR" sz="2400" b="1" dirty="0" smtClean="0">
              <a:solidFill>
                <a:schemeClr val="tx2"/>
              </a:solidFill>
            </a:endParaRPr>
          </a:p>
          <a:p>
            <a:pPr marL="0" indent="0" algn="ctr">
              <a:buNone/>
            </a:pPr>
            <a:endParaRPr lang="tr-TR" sz="2400" b="1" dirty="0">
              <a:solidFill>
                <a:schemeClr val="tx2"/>
              </a:solidFill>
            </a:endParaRPr>
          </a:p>
          <a:p>
            <a:pPr marL="0" indent="0" algn="ctr">
              <a:buNone/>
            </a:pPr>
            <a:r>
              <a:rPr lang="tr-TR" sz="2400" b="1" smtClean="0">
                <a:solidFill>
                  <a:schemeClr val="tx2"/>
                </a:solidFill>
              </a:rPr>
              <a:t>İletişim İçin:</a:t>
            </a:r>
            <a:endParaRPr lang="tr-TR" sz="2400" b="1" dirty="0" smtClean="0">
              <a:solidFill>
                <a:schemeClr val="tx2"/>
              </a:solidFill>
            </a:endParaRPr>
          </a:p>
          <a:p>
            <a:pPr marL="0" indent="0" algn="ctr">
              <a:buNone/>
            </a:pPr>
            <a:endParaRPr lang="tr-TR" sz="2400" b="1" dirty="0" smtClean="0">
              <a:solidFill>
                <a:schemeClr val="tx2"/>
              </a:solidFill>
            </a:endParaRPr>
          </a:p>
          <a:p>
            <a:pPr marL="0" indent="0" algn="ctr">
              <a:buNone/>
            </a:pPr>
            <a:r>
              <a:rPr lang="tr-TR" sz="2400" b="1" dirty="0" smtClean="0">
                <a:solidFill>
                  <a:schemeClr val="tx2"/>
                </a:solidFill>
              </a:rPr>
              <a:t>Ebru İMAMOĞLU</a:t>
            </a:r>
          </a:p>
          <a:p>
            <a:pPr marL="0" indent="0" algn="ctr">
              <a:buNone/>
            </a:pPr>
            <a:r>
              <a:rPr lang="tr-TR" sz="2400" dirty="0" smtClean="0">
                <a:solidFill>
                  <a:schemeClr val="tx2"/>
                </a:solidFill>
              </a:rPr>
              <a:t>TÜBİTAK </a:t>
            </a:r>
            <a:r>
              <a:rPr lang="tr-TR" sz="2400" dirty="0">
                <a:solidFill>
                  <a:schemeClr val="tx2"/>
                </a:solidFill>
              </a:rPr>
              <a:t>Uluslararası İşbirliklerine Katılımı Özendirmeye Yönelik Destek ve Ödül </a:t>
            </a:r>
            <a:r>
              <a:rPr lang="tr-TR" sz="2400" dirty="0" smtClean="0">
                <a:solidFill>
                  <a:schemeClr val="tx2"/>
                </a:solidFill>
              </a:rPr>
              <a:t>Programları Sorumlusu</a:t>
            </a:r>
          </a:p>
          <a:p>
            <a:pPr marL="0" indent="0" algn="ctr">
              <a:buNone/>
            </a:pPr>
            <a:endParaRPr lang="tr-TR" sz="3600" b="1" dirty="0">
              <a:solidFill>
                <a:schemeClr val="tx2"/>
              </a:solidFill>
              <a:hlinkClick r:id="rId2"/>
            </a:endParaRPr>
          </a:p>
          <a:p>
            <a:pPr marL="0" indent="0" algn="ctr">
              <a:buNone/>
            </a:pPr>
            <a:r>
              <a:rPr lang="tr-TR" sz="2200" b="1" dirty="0" smtClean="0">
                <a:solidFill>
                  <a:schemeClr val="tx2"/>
                </a:solidFill>
                <a:hlinkClick r:id="rId2"/>
              </a:rPr>
              <a:t>ebru.imamoglu@tubitak.gov.tr</a:t>
            </a:r>
            <a:endParaRPr lang="tr-TR" sz="2200" b="1" dirty="0" smtClean="0">
              <a:solidFill>
                <a:schemeClr val="tx2"/>
              </a:solidFill>
            </a:endParaRPr>
          </a:p>
          <a:p>
            <a:pPr marL="0" indent="0" algn="ctr">
              <a:buNone/>
            </a:pPr>
            <a:r>
              <a:rPr lang="tr-TR" sz="2200" b="1" dirty="0" smtClean="0">
                <a:solidFill>
                  <a:schemeClr val="tx2"/>
                </a:solidFill>
              </a:rPr>
              <a:t>Tel: (312) 468 53 00 – 1123 </a:t>
            </a:r>
          </a:p>
          <a:p>
            <a:pPr marL="0" indent="0" algn="ctr">
              <a:buNone/>
            </a:pPr>
            <a:endParaRPr lang="tr-TR" sz="3600" b="1" dirty="0" smtClean="0">
              <a:solidFill>
                <a:schemeClr val="tx2"/>
              </a:solidFill>
            </a:endParaRPr>
          </a:p>
          <a:p>
            <a:pPr marL="0" indent="0" algn="ctr">
              <a:buNone/>
            </a:pPr>
            <a:endParaRPr lang="tr-TR" sz="1200" dirty="0">
              <a:solidFill>
                <a:schemeClr val="tx2"/>
              </a:solidFill>
            </a:endParaRPr>
          </a:p>
        </p:txBody>
      </p:sp>
      <p:sp>
        <p:nvSpPr>
          <p:cNvPr id="4" name="Slayt Numarası Yer Tutucusu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70829CF2-FECE-4C36-BCB8-C9900057E37C}" type="slidenum">
              <a:rPr lang="en-US" smtClean="0"/>
              <a:pPr>
                <a:defRPr/>
              </a:pPr>
              <a:t>2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510239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9" name="Düz Bağlayıcı 28"/>
          <p:cNvCxnSpPr/>
          <p:nvPr/>
        </p:nvCxnSpPr>
        <p:spPr>
          <a:xfrm>
            <a:off x="6570407" y="2242038"/>
            <a:ext cx="36004" cy="2767578"/>
          </a:xfrm>
          <a:prstGeom prst="line">
            <a:avLst/>
          </a:prstGeom>
          <a:ln w="25400"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Snip Diagonal Corner Rectangle 51"/>
          <p:cNvSpPr/>
          <p:nvPr/>
        </p:nvSpPr>
        <p:spPr>
          <a:xfrm>
            <a:off x="641725" y="992367"/>
            <a:ext cx="3816424" cy="5616625"/>
          </a:xfrm>
          <a:prstGeom prst="snip2DiagRect">
            <a:avLst>
              <a:gd name="adj1" fmla="val 0"/>
              <a:gd name="adj2" fmla="val 6872"/>
            </a:avLst>
          </a:prstGeom>
          <a:solidFill>
            <a:schemeClr val="bg2">
              <a:lumMod val="75000"/>
              <a:alpha val="35000"/>
            </a:schemeClr>
          </a:solidFill>
          <a:ln>
            <a:noFill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216354" tIns="189034" rIns="216354" bIns="189034" numCol="1" spcCol="127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711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endParaRPr lang="tr-TR" b="1" dirty="0">
              <a:solidFill>
                <a:prstClr val="white"/>
              </a:solidFill>
              <a:latin typeface="Futura Bk BT" pitchFamily="34" charset="0"/>
            </a:endParaRPr>
          </a:p>
        </p:txBody>
      </p:sp>
      <p:cxnSp>
        <p:nvCxnSpPr>
          <p:cNvPr id="18" name="Düz Bağlayıcı 17"/>
          <p:cNvCxnSpPr/>
          <p:nvPr/>
        </p:nvCxnSpPr>
        <p:spPr>
          <a:xfrm>
            <a:off x="2432230" y="2089638"/>
            <a:ext cx="36004" cy="3493480"/>
          </a:xfrm>
          <a:prstGeom prst="line">
            <a:avLst/>
          </a:prstGeom>
          <a:ln w="25400"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Başlık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tr-TR" sz="2400" dirty="0" smtClean="0"/>
              <a:t>Destek ve Ödüller</a:t>
            </a:r>
            <a:endParaRPr lang="tr-TR" sz="2400" dirty="0"/>
          </a:p>
        </p:txBody>
      </p:sp>
      <p:sp>
        <p:nvSpPr>
          <p:cNvPr id="4" name="Slayt Numarası Yer Tutucusu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41D7ED6A-D549-40C0-9D8C-C55F5275B6CF}" type="slidenum">
              <a:rPr lang="en-US" altLang="tr-TR" smtClean="0"/>
              <a:pPr>
                <a:defRPr/>
              </a:pPr>
              <a:t>3</a:t>
            </a:fld>
            <a:endParaRPr lang="en-US" altLang="tr-TR"/>
          </a:p>
        </p:txBody>
      </p:sp>
      <p:sp>
        <p:nvSpPr>
          <p:cNvPr id="5" name="Round Same Side Corner Rectangle 12"/>
          <p:cNvSpPr/>
          <p:nvPr/>
        </p:nvSpPr>
        <p:spPr>
          <a:xfrm>
            <a:off x="1048463" y="1279727"/>
            <a:ext cx="2628662" cy="809911"/>
          </a:xfrm>
          <a:prstGeom prst="round2SameRect">
            <a:avLst/>
          </a:prstGeom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lIns="112576" tIns="112576" rIns="112576" bIns="112576" spcCol="1270" anchor="ctr"/>
          <a:lstStyle/>
          <a:p>
            <a:pPr algn="ctr" defTabSz="755650">
              <a:lnSpc>
                <a:spcPct val="90000"/>
              </a:lnSpc>
              <a:spcAft>
                <a:spcPct val="35000"/>
              </a:spcAft>
            </a:pPr>
            <a:r>
              <a:rPr lang="tr-TR" sz="2800" b="1" dirty="0" smtClean="0">
                <a:solidFill>
                  <a:schemeClr val="tx1"/>
                </a:solidFill>
                <a:latin typeface="Futura Bk BT" pitchFamily="34" charset="0"/>
              </a:rPr>
              <a:t>Destekler</a:t>
            </a:r>
            <a:endParaRPr lang="tr-TR" sz="2800" b="1" dirty="0">
              <a:solidFill>
                <a:schemeClr val="tx1"/>
              </a:solidFill>
              <a:latin typeface="Futura Bk BT" pitchFamily="34" charset="0"/>
            </a:endParaRPr>
          </a:p>
        </p:txBody>
      </p:sp>
      <p:sp>
        <p:nvSpPr>
          <p:cNvPr id="6" name="Rounded Rectangle 3"/>
          <p:cNvSpPr/>
          <p:nvPr/>
        </p:nvSpPr>
        <p:spPr>
          <a:xfrm>
            <a:off x="1259632" y="2483740"/>
            <a:ext cx="2340000" cy="612000"/>
          </a:xfrm>
          <a:prstGeom prst="roundRect">
            <a:avLst>
              <a:gd name="adj" fmla="val 21930"/>
            </a:avLst>
          </a:prstGeom>
          <a:solidFill>
            <a:sysClr val="window" lastClr="FFFFFF"/>
          </a:solidFill>
          <a:ln w="25400" cap="flat" cmpd="sng" algn="ctr">
            <a:solidFill>
              <a:srgbClr val="00B0F0"/>
            </a:solidFill>
            <a:prstDash val="solid"/>
            <a:miter lim="800000"/>
          </a:ln>
          <a:effectLst>
            <a:innerShdw blurRad="114300">
              <a:srgbClr val="00B0F0">
                <a:lumMod val="75000"/>
              </a:srgbClr>
            </a:innerShdw>
          </a:effec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Rounded Rectangle 35"/>
          <p:cNvSpPr/>
          <p:nvPr/>
        </p:nvSpPr>
        <p:spPr>
          <a:xfrm>
            <a:off x="1314671" y="3563620"/>
            <a:ext cx="2340000" cy="612000"/>
          </a:xfrm>
          <a:prstGeom prst="roundRect">
            <a:avLst>
              <a:gd name="adj" fmla="val 21930"/>
            </a:avLst>
          </a:prstGeom>
          <a:solidFill>
            <a:sysClr val="window" lastClr="FFFFFF"/>
          </a:solidFill>
          <a:ln w="25400" cap="flat" cmpd="sng" algn="ctr">
            <a:solidFill>
              <a:srgbClr val="76BE11"/>
            </a:solidFill>
            <a:prstDash val="solid"/>
            <a:miter lim="800000"/>
          </a:ln>
          <a:effectLst>
            <a:innerShdw blurRad="114300">
              <a:srgbClr val="76BE11">
                <a:lumMod val="75000"/>
              </a:srgbClr>
            </a:innerShdw>
          </a:effec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Rounded Rectangle 36"/>
          <p:cNvSpPr/>
          <p:nvPr/>
        </p:nvSpPr>
        <p:spPr>
          <a:xfrm>
            <a:off x="1314671" y="4653136"/>
            <a:ext cx="2340000" cy="612000"/>
          </a:xfrm>
          <a:prstGeom prst="roundRect">
            <a:avLst>
              <a:gd name="adj" fmla="val 21930"/>
            </a:avLst>
          </a:prstGeom>
          <a:solidFill>
            <a:sysClr val="window" lastClr="FFFFFF"/>
          </a:solidFill>
          <a:ln w="25400" cap="flat" cmpd="sng" algn="ctr">
            <a:solidFill>
              <a:srgbClr val="E05251"/>
            </a:solidFill>
            <a:prstDash val="solid"/>
            <a:miter lim="800000"/>
          </a:ln>
          <a:effectLst>
            <a:innerShdw blurRad="114300">
              <a:srgbClr val="E05251">
                <a:lumMod val="75000"/>
              </a:srgbClr>
            </a:innerShdw>
          </a:effec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" name="Metin kutusu 9"/>
          <p:cNvSpPr txBox="1"/>
          <p:nvPr/>
        </p:nvSpPr>
        <p:spPr>
          <a:xfrm>
            <a:off x="1581566" y="2615426"/>
            <a:ext cx="180621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tr-TR" sz="1600" b="1" dirty="0" smtClean="0">
                <a:latin typeface="Futura Bk BT" panose="020B0502020204020303" pitchFamily="34" charset="0"/>
              </a:rPr>
              <a:t>Seyahat Desteği</a:t>
            </a:r>
            <a:endParaRPr lang="tr-TR" sz="1600" b="1" dirty="0">
              <a:latin typeface="Futura Bk BT" panose="020B0502020204020303" pitchFamily="34" charset="0"/>
            </a:endParaRPr>
          </a:p>
        </p:txBody>
      </p:sp>
      <p:sp>
        <p:nvSpPr>
          <p:cNvPr id="12" name="Metin kutusu 11"/>
          <p:cNvSpPr txBox="1"/>
          <p:nvPr/>
        </p:nvSpPr>
        <p:spPr>
          <a:xfrm>
            <a:off x="1565129" y="3590845"/>
            <a:ext cx="180621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r-TR" sz="1600" b="1" dirty="0" smtClean="0">
                <a:latin typeface="Futura Bk BT" panose="020B0502020204020303" pitchFamily="34" charset="0"/>
              </a:rPr>
              <a:t>Koordinatör Olma Destekleri</a:t>
            </a:r>
            <a:endParaRPr lang="tr-TR" sz="1600" b="1" dirty="0">
              <a:latin typeface="Futura Bk BT" panose="020B0502020204020303" pitchFamily="34" charset="0"/>
            </a:endParaRPr>
          </a:p>
        </p:txBody>
      </p:sp>
      <p:sp>
        <p:nvSpPr>
          <p:cNvPr id="24" name="Snip Diagonal Corner Rectangle 51"/>
          <p:cNvSpPr/>
          <p:nvPr/>
        </p:nvSpPr>
        <p:spPr>
          <a:xfrm>
            <a:off x="4860032" y="1061307"/>
            <a:ext cx="3816424" cy="5616625"/>
          </a:xfrm>
          <a:prstGeom prst="snip2DiagRect">
            <a:avLst>
              <a:gd name="adj1" fmla="val 0"/>
              <a:gd name="adj2" fmla="val 6872"/>
            </a:avLst>
          </a:prstGeom>
          <a:solidFill>
            <a:schemeClr val="bg2">
              <a:lumMod val="75000"/>
              <a:alpha val="35000"/>
            </a:schemeClr>
          </a:solidFill>
          <a:ln>
            <a:noFill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216354" tIns="189034" rIns="216354" bIns="189034" numCol="1" spcCol="127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711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endParaRPr lang="tr-TR" b="1" dirty="0">
              <a:solidFill>
                <a:prstClr val="white"/>
              </a:solidFill>
              <a:latin typeface="Futura Bk BT" pitchFamily="34" charset="0"/>
            </a:endParaRPr>
          </a:p>
        </p:txBody>
      </p:sp>
      <p:sp>
        <p:nvSpPr>
          <p:cNvPr id="25" name="Round Same Side Corner Rectangle 12"/>
          <p:cNvSpPr/>
          <p:nvPr/>
        </p:nvSpPr>
        <p:spPr>
          <a:xfrm>
            <a:off x="5292080" y="1279727"/>
            <a:ext cx="2628662" cy="809911"/>
          </a:xfrm>
          <a:prstGeom prst="round2SameRect">
            <a:avLst/>
          </a:prstGeom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lIns="112576" tIns="112576" rIns="112576" bIns="112576" spcCol="1270" anchor="ctr"/>
          <a:lstStyle/>
          <a:p>
            <a:pPr algn="ctr" defTabSz="755650">
              <a:lnSpc>
                <a:spcPct val="90000"/>
              </a:lnSpc>
              <a:spcAft>
                <a:spcPct val="35000"/>
              </a:spcAft>
            </a:pPr>
            <a:r>
              <a:rPr lang="tr-TR" sz="2800" b="1" dirty="0" smtClean="0">
                <a:solidFill>
                  <a:schemeClr val="tx1"/>
                </a:solidFill>
                <a:latin typeface="Futura Bk BT" pitchFamily="34" charset="0"/>
              </a:rPr>
              <a:t>Ödüller</a:t>
            </a:r>
            <a:endParaRPr lang="tr-TR" sz="2800" b="1" dirty="0">
              <a:solidFill>
                <a:schemeClr val="tx1"/>
              </a:solidFill>
              <a:latin typeface="Futura Bk BT" pitchFamily="34" charset="0"/>
            </a:endParaRPr>
          </a:p>
        </p:txBody>
      </p:sp>
      <p:sp>
        <p:nvSpPr>
          <p:cNvPr id="26" name="Rounded Rectangle 3"/>
          <p:cNvSpPr/>
          <p:nvPr/>
        </p:nvSpPr>
        <p:spPr>
          <a:xfrm>
            <a:off x="5436411" y="2487891"/>
            <a:ext cx="2340000" cy="612000"/>
          </a:xfrm>
          <a:prstGeom prst="roundRect">
            <a:avLst>
              <a:gd name="adj" fmla="val 21930"/>
            </a:avLst>
          </a:prstGeom>
          <a:solidFill>
            <a:sysClr val="window" lastClr="FFFFFF"/>
          </a:solidFill>
          <a:ln w="25400" cap="flat" cmpd="sng" algn="ctr">
            <a:solidFill>
              <a:srgbClr val="00B0F0"/>
            </a:solidFill>
            <a:prstDash val="solid"/>
            <a:miter lim="800000"/>
          </a:ln>
          <a:effectLst>
            <a:innerShdw blurRad="114300">
              <a:srgbClr val="00B0F0">
                <a:lumMod val="75000"/>
              </a:srgbClr>
            </a:innerShdw>
          </a:effectLst>
        </p:spPr>
        <p:txBody>
          <a:bodyPr rtlCol="0" anchor="ctr"/>
          <a:lstStyle/>
          <a:p>
            <a:pPr marL="0" marR="0" lvl="0" indent="0" algn="ctr" defTabSz="914400" eaLnBrk="1" latinLnBrk="0" hangingPunct="1">
              <a:lnSpc>
                <a:spcPct val="100000"/>
              </a:lnSpc>
              <a:buClrTx/>
              <a:buSzTx/>
              <a:buFontTx/>
              <a:buNone/>
              <a:tabLst/>
              <a:defRPr/>
            </a:pPr>
            <a:r>
              <a:rPr lang="tr-TR" sz="1600" b="1" dirty="0">
                <a:latin typeface="Futura Bk BT" panose="020B0502020204020303" pitchFamily="34" charset="0"/>
              </a:rPr>
              <a:t>Başarı Ödülü</a:t>
            </a:r>
            <a:endParaRPr lang="en-US" sz="1600" b="1" dirty="0">
              <a:latin typeface="Futura Bk BT" panose="020B0502020204020303" pitchFamily="34" charset="0"/>
            </a:endParaRPr>
          </a:p>
        </p:txBody>
      </p:sp>
      <p:sp>
        <p:nvSpPr>
          <p:cNvPr id="27" name="Rounded Rectangle 35"/>
          <p:cNvSpPr/>
          <p:nvPr/>
        </p:nvSpPr>
        <p:spPr>
          <a:xfrm>
            <a:off x="5400407" y="3556561"/>
            <a:ext cx="2340000" cy="612000"/>
          </a:xfrm>
          <a:prstGeom prst="roundRect">
            <a:avLst>
              <a:gd name="adj" fmla="val 21930"/>
            </a:avLst>
          </a:prstGeom>
          <a:solidFill>
            <a:sysClr val="window" lastClr="FFFFFF"/>
          </a:solidFill>
          <a:ln w="25400" cap="flat" cmpd="sng" algn="ctr">
            <a:solidFill>
              <a:srgbClr val="76BE11"/>
            </a:solidFill>
            <a:prstDash val="solid"/>
            <a:miter lim="800000"/>
          </a:ln>
          <a:effectLst>
            <a:innerShdw blurRad="114300">
              <a:srgbClr val="76BE11">
                <a:lumMod val="75000"/>
              </a:srgbClr>
            </a:innerShdw>
          </a:effec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tr-TR" sz="1800" b="1" i="0" u="none" strike="noStrike" kern="0" cap="none" spc="0" normalizeH="0" baseline="0" noProof="0" dirty="0" smtClean="0">
                <a:ln>
                  <a:noFill/>
                </a:ln>
                <a:effectLst/>
                <a:uLnTx/>
                <a:uFillTx/>
                <a:latin typeface="Calibri" panose="020F0502020204030204"/>
                <a:ea typeface="+mn-ea"/>
              </a:rPr>
              <a:t>Eşik </a:t>
            </a:r>
          </a:p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tr-TR" b="1" kern="0" noProof="0" dirty="0" smtClean="0">
                <a:latin typeface="Calibri" panose="020F0502020204030204"/>
                <a:ea typeface="+mn-ea"/>
              </a:rPr>
              <a:t>Üstü Ödülü</a:t>
            </a:r>
            <a:endParaRPr kumimoji="0" lang="en-US" sz="1800" b="1" i="0" u="none" strike="noStrike" kern="0" cap="none" spc="0" normalizeH="0" baseline="0" noProof="0" dirty="0" smtClean="0">
              <a:ln>
                <a:noFill/>
              </a:ln>
              <a:effectLst/>
              <a:uLnTx/>
              <a:uFillTx/>
              <a:latin typeface="Calibri" panose="020F0502020204030204"/>
              <a:ea typeface="+mn-ea"/>
            </a:endParaRPr>
          </a:p>
        </p:txBody>
      </p:sp>
      <p:sp>
        <p:nvSpPr>
          <p:cNvPr id="28" name="Rounded Rectangle 36"/>
          <p:cNvSpPr/>
          <p:nvPr/>
        </p:nvSpPr>
        <p:spPr>
          <a:xfrm>
            <a:off x="5466585" y="4651894"/>
            <a:ext cx="2340000" cy="612000"/>
          </a:xfrm>
          <a:prstGeom prst="roundRect">
            <a:avLst>
              <a:gd name="adj" fmla="val 21930"/>
            </a:avLst>
          </a:prstGeom>
          <a:solidFill>
            <a:sysClr val="window" lastClr="FFFFFF"/>
          </a:solidFill>
          <a:ln w="25400" cap="flat" cmpd="sng" algn="ctr">
            <a:solidFill>
              <a:srgbClr val="E05251"/>
            </a:solidFill>
            <a:prstDash val="solid"/>
            <a:miter lim="800000"/>
          </a:ln>
          <a:effectLst>
            <a:innerShdw blurRad="114300">
              <a:srgbClr val="E05251">
                <a:lumMod val="75000"/>
              </a:srgbClr>
            </a:innerShdw>
          </a:effectLst>
        </p:spPr>
        <p:txBody>
          <a:bodyPr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tr-TR" b="1" kern="0" dirty="0">
                <a:latin typeface="Calibri" panose="020F0502020204030204"/>
                <a:ea typeface="+mn-ea"/>
              </a:rPr>
              <a:t>COST Ödülü</a:t>
            </a:r>
            <a:endParaRPr lang="en-US" b="1" kern="0" dirty="0">
              <a:latin typeface="Calibri" panose="020F0502020204030204"/>
              <a:ea typeface="+mn-ea"/>
            </a:endParaRPr>
          </a:p>
        </p:txBody>
      </p:sp>
      <p:sp>
        <p:nvSpPr>
          <p:cNvPr id="30" name="Metin kutusu 29"/>
          <p:cNvSpPr txBox="1"/>
          <p:nvPr/>
        </p:nvSpPr>
        <p:spPr>
          <a:xfrm>
            <a:off x="1314671" y="4679119"/>
            <a:ext cx="226714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r-TR" sz="1600" b="1" dirty="0" smtClean="0">
                <a:latin typeface="Futura Bk BT" panose="020B0502020204020303" pitchFamily="34" charset="0"/>
              </a:rPr>
              <a:t>ERC Baş Araştırmacı Geliştirme Programı</a:t>
            </a:r>
            <a:endParaRPr lang="tr-TR" sz="1600" b="1" dirty="0">
              <a:latin typeface="Futura Bk BT" panose="020B0502020204020303" pitchFamily="34" charset="0"/>
            </a:endParaRPr>
          </a:p>
        </p:txBody>
      </p:sp>
      <p:sp>
        <p:nvSpPr>
          <p:cNvPr id="20" name="Rounded Rectangle 36"/>
          <p:cNvSpPr/>
          <p:nvPr/>
        </p:nvSpPr>
        <p:spPr>
          <a:xfrm>
            <a:off x="1314671" y="5583118"/>
            <a:ext cx="2405266" cy="861774"/>
          </a:xfrm>
          <a:prstGeom prst="roundRect">
            <a:avLst>
              <a:gd name="adj" fmla="val 21930"/>
            </a:avLst>
          </a:prstGeom>
          <a:ln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" name="Metin kutusu 18"/>
          <p:cNvSpPr txBox="1"/>
          <p:nvPr/>
        </p:nvSpPr>
        <p:spPr>
          <a:xfrm>
            <a:off x="1379937" y="5583118"/>
            <a:ext cx="2274734" cy="86177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r-TR" sz="1600" b="1" dirty="0" smtClean="0">
                <a:latin typeface="Futura Bk BT" panose="020B0502020204020303" pitchFamily="34" charset="0"/>
              </a:rPr>
              <a:t>MSCA Ön Değerlendirme Destek Programı.</a:t>
            </a:r>
            <a:endParaRPr lang="tr-TR" sz="1600" b="1" dirty="0">
              <a:latin typeface="Futura Bk BT" panose="020B05020202040203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853885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ayt Numarası Yer Tutucusu 3"/>
          <p:cNvSpPr>
            <a:spLocks noGrp="1"/>
          </p:cNvSpPr>
          <p:nvPr>
            <p:ph type="sldNum" sz="quarter" idx="12"/>
          </p:nvPr>
        </p:nvSpPr>
        <p:spPr>
          <a:xfrm>
            <a:off x="6830888" y="6453336"/>
            <a:ext cx="2133600" cy="365125"/>
          </a:xfrm>
        </p:spPr>
        <p:txBody>
          <a:bodyPr/>
          <a:lstStyle/>
          <a:p>
            <a:pPr>
              <a:defRPr/>
            </a:pPr>
            <a:fld id="{41D7ED6A-D549-40C0-9D8C-C55F5275B6CF}" type="slidenum">
              <a:rPr lang="en-US" altLang="tr-TR" smtClean="0"/>
              <a:pPr>
                <a:defRPr/>
              </a:pPr>
              <a:t>4</a:t>
            </a:fld>
            <a:endParaRPr lang="en-US" altLang="tr-TR"/>
          </a:p>
        </p:txBody>
      </p:sp>
      <p:grpSp>
        <p:nvGrpSpPr>
          <p:cNvPr id="272" name="Group 43"/>
          <p:cNvGrpSpPr/>
          <p:nvPr/>
        </p:nvGrpSpPr>
        <p:grpSpPr>
          <a:xfrm>
            <a:off x="36190" y="2959770"/>
            <a:ext cx="9158421" cy="1901668"/>
            <a:chOff x="-14422" y="1706690"/>
            <a:chExt cx="9158421" cy="1901668"/>
          </a:xfrm>
        </p:grpSpPr>
        <p:sp>
          <p:nvSpPr>
            <p:cNvPr id="273" name="Freeform 44"/>
            <p:cNvSpPr/>
            <p:nvPr/>
          </p:nvSpPr>
          <p:spPr>
            <a:xfrm rot="21599921" flipV="1">
              <a:off x="6895488" y="2303239"/>
              <a:ext cx="2248511" cy="714622"/>
            </a:xfrm>
            <a:custGeom>
              <a:avLst/>
              <a:gdLst>
                <a:gd name="connsiteX0" fmla="*/ 2897680 w 2897680"/>
                <a:gd name="connsiteY0" fmla="*/ 0 h 528034"/>
                <a:gd name="connsiteX1" fmla="*/ 2888463 w 2897680"/>
                <a:gd name="connsiteY1" fmla="*/ 528034 h 528034"/>
                <a:gd name="connsiteX2" fmla="*/ 0 w 2897680"/>
                <a:gd name="connsiteY2" fmla="*/ 528034 h 528034"/>
                <a:gd name="connsiteX3" fmla="*/ 0 w 2897680"/>
                <a:gd name="connsiteY3" fmla="*/ 0 h 528034"/>
                <a:gd name="connsiteX0" fmla="*/ 2897680 w 2897680"/>
                <a:gd name="connsiteY0" fmla="*/ 0 h 528034"/>
                <a:gd name="connsiteX1" fmla="*/ 2895198 w 2897680"/>
                <a:gd name="connsiteY1" fmla="*/ 528034 h 528034"/>
                <a:gd name="connsiteX2" fmla="*/ 0 w 2897680"/>
                <a:gd name="connsiteY2" fmla="*/ 528034 h 528034"/>
                <a:gd name="connsiteX3" fmla="*/ 0 w 2897680"/>
                <a:gd name="connsiteY3" fmla="*/ 0 h 528034"/>
                <a:gd name="connsiteX4" fmla="*/ 2897680 w 2897680"/>
                <a:gd name="connsiteY4" fmla="*/ 0 h 528034"/>
                <a:gd name="connsiteX0" fmla="*/ 2897680 w 2900357"/>
                <a:gd name="connsiteY0" fmla="*/ 0 h 528034"/>
                <a:gd name="connsiteX1" fmla="*/ 2900250 w 2900357"/>
                <a:gd name="connsiteY1" fmla="*/ 526349 h 528034"/>
                <a:gd name="connsiteX2" fmla="*/ 0 w 2900357"/>
                <a:gd name="connsiteY2" fmla="*/ 528034 h 528034"/>
                <a:gd name="connsiteX3" fmla="*/ 0 w 2900357"/>
                <a:gd name="connsiteY3" fmla="*/ 0 h 528034"/>
                <a:gd name="connsiteX4" fmla="*/ 2897680 w 2900357"/>
                <a:gd name="connsiteY4" fmla="*/ 0 h 528034"/>
                <a:gd name="connsiteX0" fmla="*/ 2900031 w 2900466"/>
                <a:gd name="connsiteY0" fmla="*/ 2351 h 528034"/>
                <a:gd name="connsiteX1" fmla="*/ 2900250 w 2900466"/>
                <a:gd name="connsiteY1" fmla="*/ 526349 h 528034"/>
                <a:gd name="connsiteX2" fmla="*/ 0 w 2900466"/>
                <a:gd name="connsiteY2" fmla="*/ 528034 h 528034"/>
                <a:gd name="connsiteX3" fmla="*/ 0 w 2900466"/>
                <a:gd name="connsiteY3" fmla="*/ 0 h 528034"/>
                <a:gd name="connsiteX4" fmla="*/ 2900031 w 2900466"/>
                <a:gd name="connsiteY4" fmla="*/ 2351 h 528034"/>
                <a:gd name="connsiteX0" fmla="*/ 3271586 w 3272021"/>
                <a:gd name="connsiteY0" fmla="*/ 2351 h 528034"/>
                <a:gd name="connsiteX1" fmla="*/ 3271805 w 3272021"/>
                <a:gd name="connsiteY1" fmla="*/ 526349 h 528034"/>
                <a:gd name="connsiteX2" fmla="*/ 371555 w 3272021"/>
                <a:gd name="connsiteY2" fmla="*/ 528034 h 528034"/>
                <a:gd name="connsiteX3" fmla="*/ 0 w 3272021"/>
                <a:gd name="connsiteY3" fmla="*/ 0 h 528034"/>
                <a:gd name="connsiteX4" fmla="*/ 3271586 w 3272021"/>
                <a:gd name="connsiteY4" fmla="*/ 2351 h 528034"/>
                <a:gd name="connsiteX0" fmla="*/ 3271586 w 3272021"/>
                <a:gd name="connsiteY0" fmla="*/ 2351 h 529856"/>
                <a:gd name="connsiteX1" fmla="*/ 3271805 w 3272021"/>
                <a:gd name="connsiteY1" fmla="*/ 526349 h 529856"/>
                <a:gd name="connsiteX2" fmla="*/ 45534 w 3272021"/>
                <a:gd name="connsiteY2" fmla="*/ 529856 h 529856"/>
                <a:gd name="connsiteX3" fmla="*/ 0 w 3272021"/>
                <a:gd name="connsiteY3" fmla="*/ 0 h 529856"/>
                <a:gd name="connsiteX4" fmla="*/ 3271586 w 3272021"/>
                <a:gd name="connsiteY4" fmla="*/ 2351 h 529856"/>
                <a:gd name="connsiteX0" fmla="*/ 3437328 w 3437763"/>
                <a:gd name="connsiteY0" fmla="*/ 4173 h 531678"/>
                <a:gd name="connsiteX1" fmla="*/ 3437547 w 3437763"/>
                <a:gd name="connsiteY1" fmla="*/ 528171 h 531678"/>
                <a:gd name="connsiteX2" fmla="*/ 211276 w 3437763"/>
                <a:gd name="connsiteY2" fmla="*/ 531678 h 531678"/>
                <a:gd name="connsiteX3" fmla="*/ 0 w 3437763"/>
                <a:gd name="connsiteY3" fmla="*/ 0 h 531678"/>
                <a:gd name="connsiteX4" fmla="*/ 3437328 w 3437763"/>
                <a:gd name="connsiteY4" fmla="*/ 4173 h 531678"/>
                <a:gd name="connsiteX0" fmla="*/ 3437328 w 3437763"/>
                <a:gd name="connsiteY0" fmla="*/ 4173 h 531678"/>
                <a:gd name="connsiteX1" fmla="*/ 3437547 w 3437763"/>
                <a:gd name="connsiteY1" fmla="*/ 528171 h 531678"/>
                <a:gd name="connsiteX2" fmla="*/ 156635 w 3437763"/>
                <a:gd name="connsiteY2" fmla="*/ 531678 h 531678"/>
                <a:gd name="connsiteX3" fmla="*/ 0 w 3437763"/>
                <a:gd name="connsiteY3" fmla="*/ 0 h 531678"/>
                <a:gd name="connsiteX4" fmla="*/ 3437328 w 3437763"/>
                <a:gd name="connsiteY4" fmla="*/ 4173 h 531678"/>
                <a:gd name="connsiteX0" fmla="*/ 3280692 w 3281127"/>
                <a:gd name="connsiteY0" fmla="*/ 5622 h 533127"/>
                <a:gd name="connsiteX1" fmla="*/ 3280911 w 3281127"/>
                <a:gd name="connsiteY1" fmla="*/ 529620 h 533127"/>
                <a:gd name="connsiteX2" fmla="*/ -1 w 3281127"/>
                <a:gd name="connsiteY2" fmla="*/ 533127 h 533127"/>
                <a:gd name="connsiteX3" fmla="*/ 24672 w 3281127"/>
                <a:gd name="connsiteY3" fmla="*/ 0 h 533127"/>
                <a:gd name="connsiteX4" fmla="*/ 3280692 w 3281127"/>
                <a:gd name="connsiteY4" fmla="*/ 5622 h 533127"/>
                <a:gd name="connsiteX0" fmla="*/ 3256020 w 3256455"/>
                <a:gd name="connsiteY0" fmla="*/ 5622 h 535551"/>
                <a:gd name="connsiteX1" fmla="*/ 3256239 w 3256455"/>
                <a:gd name="connsiteY1" fmla="*/ 529620 h 535551"/>
                <a:gd name="connsiteX2" fmla="*/ 5217 w 3256455"/>
                <a:gd name="connsiteY2" fmla="*/ 535551 h 535551"/>
                <a:gd name="connsiteX3" fmla="*/ 0 w 3256455"/>
                <a:gd name="connsiteY3" fmla="*/ 0 h 535551"/>
                <a:gd name="connsiteX4" fmla="*/ 3256020 w 3256455"/>
                <a:gd name="connsiteY4" fmla="*/ 5622 h 53555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56455" h="535551">
                  <a:moveTo>
                    <a:pt x="3256020" y="5622"/>
                  </a:moveTo>
                  <a:cubicBezTo>
                    <a:pt x="3255193" y="181633"/>
                    <a:pt x="3257066" y="353609"/>
                    <a:pt x="3256239" y="529620"/>
                  </a:cubicBezTo>
                  <a:lnTo>
                    <a:pt x="5217" y="535551"/>
                  </a:lnTo>
                  <a:lnTo>
                    <a:pt x="0" y="0"/>
                  </a:lnTo>
                  <a:lnTo>
                    <a:pt x="3256020" y="5622"/>
                  </a:lnTo>
                  <a:close/>
                </a:path>
              </a:pathLst>
            </a:custGeom>
            <a:gradFill>
              <a:gsLst>
                <a:gs pos="21000">
                  <a:srgbClr val="FFFFFF"/>
                </a:gs>
                <a:gs pos="80000">
                  <a:sysClr val="window" lastClr="FFFFFF">
                    <a:lumMod val="85000"/>
                  </a:sysClr>
                </a:gs>
                <a:gs pos="93000">
                  <a:sysClr val="window" lastClr="FFFFFF">
                    <a:lumMod val="95000"/>
                  </a:sysClr>
                </a:gs>
                <a:gs pos="100000">
                  <a:sysClr val="window" lastClr="FFFFFF">
                    <a:lumMod val="75000"/>
                  </a:sysClr>
                </a:gs>
              </a:gsLst>
              <a:lin ang="0" scaled="0"/>
            </a:gradFill>
            <a:ln w="12700" cap="flat" cmpd="sng" algn="ctr">
              <a:noFill/>
              <a:prstDash val="solid"/>
              <a:miter lim="800000"/>
            </a:ln>
            <a:effectLst>
              <a:outerShdw blurRad="76200" sx="101000" sy="101000" algn="ctr" rotWithShape="0">
                <a:prstClr val="black">
                  <a:alpha val="25000"/>
                </a:prstClr>
              </a:outerShdw>
            </a:effec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  <a:cs typeface="+mn-cs"/>
              </a:endParaRPr>
            </a:p>
          </p:txBody>
        </p:sp>
        <p:sp>
          <p:nvSpPr>
            <p:cNvPr id="274" name="Freeform 45"/>
            <p:cNvSpPr/>
            <p:nvPr/>
          </p:nvSpPr>
          <p:spPr>
            <a:xfrm rot="21599921" flipV="1">
              <a:off x="6884606" y="2357659"/>
              <a:ext cx="2254032" cy="588236"/>
            </a:xfrm>
            <a:custGeom>
              <a:avLst/>
              <a:gdLst>
                <a:gd name="connsiteX0" fmla="*/ 2732304 w 2732304"/>
                <a:gd name="connsiteY0" fmla="*/ 0 h 528034"/>
                <a:gd name="connsiteX1" fmla="*/ 2732304 w 2732304"/>
                <a:gd name="connsiteY1" fmla="*/ 528034 h 528034"/>
                <a:gd name="connsiteX2" fmla="*/ 0 w 2732304"/>
                <a:gd name="connsiteY2" fmla="*/ 528034 h 528034"/>
                <a:gd name="connsiteX3" fmla="*/ 9217 w 2732304"/>
                <a:gd name="connsiteY3" fmla="*/ 0 h 528034"/>
                <a:gd name="connsiteX0" fmla="*/ 2766428 w 2766428"/>
                <a:gd name="connsiteY0" fmla="*/ 1683 h 529717"/>
                <a:gd name="connsiteX1" fmla="*/ 2766428 w 2766428"/>
                <a:gd name="connsiteY1" fmla="*/ 529717 h 529717"/>
                <a:gd name="connsiteX2" fmla="*/ 34124 w 2766428"/>
                <a:gd name="connsiteY2" fmla="*/ 529717 h 529717"/>
                <a:gd name="connsiteX3" fmla="*/ 0 w 2766428"/>
                <a:gd name="connsiteY3" fmla="*/ 0 h 529717"/>
                <a:gd name="connsiteX4" fmla="*/ 2766428 w 2766428"/>
                <a:gd name="connsiteY4" fmla="*/ 1683 h 529717"/>
                <a:gd name="connsiteX0" fmla="*/ 2769667 w 2769667"/>
                <a:gd name="connsiteY0" fmla="*/ 1683 h 529717"/>
                <a:gd name="connsiteX1" fmla="*/ 2769667 w 2769667"/>
                <a:gd name="connsiteY1" fmla="*/ 529717 h 529717"/>
                <a:gd name="connsiteX2" fmla="*/ 0 w 2769667"/>
                <a:gd name="connsiteY2" fmla="*/ 524665 h 529717"/>
                <a:gd name="connsiteX3" fmla="*/ 3239 w 2769667"/>
                <a:gd name="connsiteY3" fmla="*/ 0 h 529717"/>
                <a:gd name="connsiteX4" fmla="*/ 2769667 w 2769667"/>
                <a:gd name="connsiteY4" fmla="*/ 1683 h 529717"/>
                <a:gd name="connsiteX0" fmla="*/ 2768468 w 2768468"/>
                <a:gd name="connsiteY0" fmla="*/ 1683 h 529717"/>
                <a:gd name="connsiteX1" fmla="*/ 2768468 w 2768468"/>
                <a:gd name="connsiteY1" fmla="*/ 529717 h 529717"/>
                <a:gd name="connsiteX2" fmla="*/ 0 w 2768468"/>
                <a:gd name="connsiteY2" fmla="*/ 523000 h 529717"/>
                <a:gd name="connsiteX3" fmla="*/ 2040 w 2768468"/>
                <a:gd name="connsiteY3" fmla="*/ 0 h 529717"/>
                <a:gd name="connsiteX4" fmla="*/ 2768468 w 2768468"/>
                <a:gd name="connsiteY4" fmla="*/ 1683 h 5297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768468" h="529717">
                  <a:moveTo>
                    <a:pt x="2768468" y="1683"/>
                  </a:moveTo>
                  <a:lnTo>
                    <a:pt x="2768468" y="529717"/>
                  </a:lnTo>
                  <a:lnTo>
                    <a:pt x="0" y="523000"/>
                  </a:lnTo>
                  <a:cubicBezTo>
                    <a:pt x="1080" y="348112"/>
                    <a:pt x="960" y="174888"/>
                    <a:pt x="2040" y="0"/>
                  </a:cubicBezTo>
                  <a:lnTo>
                    <a:pt x="2768468" y="1683"/>
                  </a:lnTo>
                  <a:close/>
                </a:path>
              </a:pathLst>
            </a:custGeom>
            <a:gradFill>
              <a:gsLst>
                <a:gs pos="0">
                  <a:srgbClr val="0066FF">
                    <a:lumMod val="20000"/>
                    <a:lumOff val="80000"/>
                  </a:srgbClr>
                </a:gs>
                <a:gs pos="80000">
                  <a:srgbClr val="0066FF"/>
                </a:gs>
                <a:gs pos="93000">
                  <a:srgbClr val="0066FF">
                    <a:lumMod val="60000"/>
                    <a:lumOff val="40000"/>
                  </a:srgbClr>
                </a:gs>
                <a:gs pos="100000">
                  <a:srgbClr val="0066FF">
                    <a:lumMod val="75000"/>
                  </a:srgbClr>
                </a:gs>
              </a:gsLst>
              <a:lin ang="0" scaled="0"/>
            </a:gradFill>
            <a:ln w="12700" cap="flat" cmpd="sng" algn="ctr">
              <a:noFill/>
              <a:prstDash val="solid"/>
              <a:miter lim="800000"/>
            </a:ln>
            <a:effectLst>
              <a:outerShdw blurRad="76200" sx="101000" sy="101000" algn="ctr" rotWithShape="0">
                <a:prstClr val="black">
                  <a:alpha val="25000"/>
                </a:prstClr>
              </a:outerShdw>
            </a:effec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  <a:cs typeface="+mn-cs"/>
              </a:endParaRPr>
            </a:p>
          </p:txBody>
        </p:sp>
        <p:pic>
          <p:nvPicPr>
            <p:cNvPr id="292" name="Picture 72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498" t="13054" r="5135" b="17855"/>
            <a:stretch/>
          </p:blipFill>
          <p:spPr>
            <a:xfrm rot="16199921">
              <a:off x="6061255" y="2538133"/>
              <a:ext cx="1638299" cy="357059"/>
            </a:xfrm>
            <a:prstGeom prst="rect">
              <a:avLst/>
            </a:prstGeom>
          </p:spPr>
        </p:pic>
        <p:sp>
          <p:nvSpPr>
            <p:cNvPr id="276" name="Freeform 47"/>
            <p:cNvSpPr/>
            <p:nvPr/>
          </p:nvSpPr>
          <p:spPr>
            <a:xfrm rot="21599921" flipV="1">
              <a:off x="4856956" y="2307399"/>
              <a:ext cx="2036484" cy="714622"/>
            </a:xfrm>
            <a:custGeom>
              <a:avLst/>
              <a:gdLst>
                <a:gd name="connsiteX0" fmla="*/ 2897680 w 2897680"/>
                <a:gd name="connsiteY0" fmla="*/ 0 h 528034"/>
                <a:gd name="connsiteX1" fmla="*/ 2888463 w 2897680"/>
                <a:gd name="connsiteY1" fmla="*/ 528034 h 528034"/>
                <a:gd name="connsiteX2" fmla="*/ 0 w 2897680"/>
                <a:gd name="connsiteY2" fmla="*/ 528034 h 528034"/>
                <a:gd name="connsiteX3" fmla="*/ 0 w 2897680"/>
                <a:gd name="connsiteY3" fmla="*/ 0 h 528034"/>
                <a:gd name="connsiteX0" fmla="*/ 2897680 w 2897680"/>
                <a:gd name="connsiteY0" fmla="*/ 0 h 528034"/>
                <a:gd name="connsiteX1" fmla="*/ 2895198 w 2897680"/>
                <a:gd name="connsiteY1" fmla="*/ 528034 h 528034"/>
                <a:gd name="connsiteX2" fmla="*/ 0 w 2897680"/>
                <a:gd name="connsiteY2" fmla="*/ 528034 h 528034"/>
                <a:gd name="connsiteX3" fmla="*/ 0 w 2897680"/>
                <a:gd name="connsiteY3" fmla="*/ 0 h 528034"/>
                <a:gd name="connsiteX4" fmla="*/ 2897680 w 2897680"/>
                <a:gd name="connsiteY4" fmla="*/ 0 h 528034"/>
                <a:gd name="connsiteX0" fmla="*/ 2897680 w 2900357"/>
                <a:gd name="connsiteY0" fmla="*/ 0 h 528034"/>
                <a:gd name="connsiteX1" fmla="*/ 2900250 w 2900357"/>
                <a:gd name="connsiteY1" fmla="*/ 526349 h 528034"/>
                <a:gd name="connsiteX2" fmla="*/ 0 w 2900357"/>
                <a:gd name="connsiteY2" fmla="*/ 528034 h 528034"/>
                <a:gd name="connsiteX3" fmla="*/ 0 w 2900357"/>
                <a:gd name="connsiteY3" fmla="*/ 0 h 528034"/>
                <a:gd name="connsiteX4" fmla="*/ 2897680 w 2900357"/>
                <a:gd name="connsiteY4" fmla="*/ 0 h 528034"/>
                <a:gd name="connsiteX0" fmla="*/ 2900031 w 2900466"/>
                <a:gd name="connsiteY0" fmla="*/ 2351 h 528034"/>
                <a:gd name="connsiteX1" fmla="*/ 2900250 w 2900466"/>
                <a:gd name="connsiteY1" fmla="*/ 526349 h 528034"/>
                <a:gd name="connsiteX2" fmla="*/ 0 w 2900466"/>
                <a:gd name="connsiteY2" fmla="*/ 528034 h 528034"/>
                <a:gd name="connsiteX3" fmla="*/ 0 w 2900466"/>
                <a:gd name="connsiteY3" fmla="*/ 0 h 528034"/>
                <a:gd name="connsiteX4" fmla="*/ 2900031 w 2900466"/>
                <a:gd name="connsiteY4" fmla="*/ 2351 h 528034"/>
                <a:gd name="connsiteX0" fmla="*/ 3271586 w 3272021"/>
                <a:gd name="connsiteY0" fmla="*/ 2351 h 528034"/>
                <a:gd name="connsiteX1" fmla="*/ 3271805 w 3272021"/>
                <a:gd name="connsiteY1" fmla="*/ 526349 h 528034"/>
                <a:gd name="connsiteX2" fmla="*/ 371555 w 3272021"/>
                <a:gd name="connsiteY2" fmla="*/ 528034 h 528034"/>
                <a:gd name="connsiteX3" fmla="*/ 0 w 3272021"/>
                <a:gd name="connsiteY3" fmla="*/ 0 h 528034"/>
                <a:gd name="connsiteX4" fmla="*/ 3271586 w 3272021"/>
                <a:gd name="connsiteY4" fmla="*/ 2351 h 528034"/>
                <a:gd name="connsiteX0" fmla="*/ 3271586 w 3272021"/>
                <a:gd name="connsiteY0" fmla="*/ 2351 h 529856"/>
                <a:gd name="connsiteX1" fmla="*/ 3271805 w 3272021"/>
                <a:gd name="connsiteY1" fmla="*/ 526349 h 529856"/>
                <a:gd name="connsiteX2" fmla="*/ 45534 w 3272021"/>
                <a:gd name="connsiteY2" fmla="*/ 529856 h 529856"/>
                <a:gd name="connsiteX3" fmla="*/ 0 w 3272021"/>
                <a:gd name="connsiteY3" fmla="*/ 0 h 529856"/>
                <a:gd name="connsiteX4" fmla="*/ 3271586 w 3272021"/>
                <a:gd name="connsiteY4" fmla="*/ 2351 h 529856"/>
                <a:gd name="connsiteX0" fmla="*/ 3437328 w 3437763"/>
                <a:gd name="connsiteY0" fmla="*/ 4173 h 531678"/>
                <a:gd name="connsiteX1" fmla="*/ 3437547 w 3437763"/>
                <a:gd name="connsiteY1" fmla="*/ 528171 h 531678"/>
                <a:gd name="connsiteX2" fmla="*/ 211276 w 3437763"/>
                <a:gd name="connsiteY2" fmla="*/ 531678 h 531678"/>
                <a:gd name="connsiteX3" fmla="*/ 0 w 3437763"/>
                <a:gd name="connsiteY3" fmla="*/ 0 h 531678"/>
                <a:gd name="connsiteX4" fmla="*/ 3437328 w 3437763"/>
                <a:gd name="connsiteY4" fmla="*/ 4173 h 531678"/>
                <a:gd name="connsiteX0" fmla="*/ 3437328 w 3437763"/>
                <a:gd name="connsiteY0" fmla="*/ 4173 h 531678"/>
                <a:gd name="connsiteX1" fmla="*/ 3437547 w 3437763"/>
                <a:gd name="connsiteY1" fmla="*/ 528171 h 531678"/>
                <a:gd name="connsiteX2" fmla="*/ 156635 w 3437763"/>
                <a:gd name="connsiteY2" fmla="*/ 531678 h 531678"/>
                <a:gd name="connsiteX3" fmla="*/ 0 w 3437763"/>
                <a:gd name="connsiteY3" fmla="*/ 0 h 531678"/>
                <a:gd name="connsiteX4" fmla="*/ 3437328 w 3437763"/>
                <a:gd name="connsiteY4" fmla="*/ 4173 h 531678"/>
                <a:gd name="connsiteX0" fmla="*/ 3280692 w 3281127"/>
                <a:gd name="connsiteY0" fmla="*/ 5622 h 533127"/>
                <a:gd name="connsiteX1" fmla="*/ 3280911 w 3281127"/>
                <a:gd name="connsiteY1" fmla="*/ 529620 h 533127"/>
                <a:gd name="connsiteX2" fmla="*/ -1 w 3281127"/>
                <a:gd name="connsiteY2" fmla="*/ 533127 h 533127"/>
                <a:gd name="connsiteX3" fmla="*/ 24672 w 3281127"/>
                <a:gd name="connsiteY3" fmla="*/ 0 h 533127"/>
                <a:gd name="connsiteX4" fmla="*/ 3280692 w 3281127"/>
                <a:gd name="connsiteY4" fmla="*/ 5622 h 533127"/>
                <a:gd name="connsiteX0" fmla="*/ 3256020 w 3256455"/>
                <a:gd name="connsiteY0" fmla="*/ 5622 h 535551"/>
                <a:gd name="connsiteX1" fmla="*/ 3256239 w 3256455"/>
                <a:gd name="connsiteY1" fmla="*/ 529620 h 535551"/>
                <a:gd name="connsiteX2" fmla="*/ 5217 w 3256455"/>
                <a:gd name="connsiteY2" fmla="*/ 535551 h 535551"/>
                <a:gd name="connsiteX3" fmla="*/ 0 w 3256455"/>
                <a:gd name="connsiteY3" fmla="*/ 0 h 535551"/>
                <a:gd name="connsiteX4" fmla="*/ 3256020 w 3256455"/>
                <a:gd name="connsiteY4" fmla="*/ 5622 h 53555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56455" h="535551">
                  <a:moveTo>
                    <a:pt x="3256020" y="5622"/>
                  </a:moveTo>
                  <a:cubicBezTo>
                    <a:pt x="3255193" y="181633"/>
                    <a:pt x="3257066" y="353609"/>
                    <a:pt x="3256239" y="529620"/>
                  </a:cubicBezTo>
                  <a:lnTo>
                    <a:pt x="5217" y="535551"/>
                  </a:lnTo>
                  <a:lnTo>
                    <a:pt x="0" y="0"/>
                  </a:lnTo>
                  <a:lnTo>
                    <a:pt x="3256020" y="5622"/>
                  </a:lnTo>
                  <a:close/>
                </a:path>
              </a:pathLst>
            </a:custGeom>
            <a:gradFill>
              <a:gsLst>
                <a:gs pos="21000">
                  <a:srgbClr val="FFFFFF"/>
                </a:gs>
                <a:gs pos="80000">
                  <a:sysClr val="window" lastClr="FFFFFF">
                    <a:lumMod val="85000"/>
                  </a:sysClr>
                </a:gs>
                <a:gs pos="93000">
                  <a:sysClr val="window" lastClr="FFFFFF">
                    <a:lumMod val="95000"/>
                  </a:sysClr>
                </a:gs>
                <a:gs pos="100000">
                  <a:sysClr val="window" lastClr="FFFFFF">
                    <a:lumMod val="75000"/>
                  </a:sysClr>
                </a:gs>
              </a:gsLst>
              <a:lin ang="0" scaled="0"/>
            </a:gradFill>
            <a:ln w="12700" cap="flat" cmpd="sng" algn="ctr">
              <a:noFill/>
              <a:prstDash val="solid"/>
              <a:miter lim="800000"/>
            </a:ln>
            <a:effectLst>
              <a:outerShdw blurRad="76200" sx="101000" sy="101000" algn="ctr" rotWithShape="0">
                <a:prstClr val="black">
                  <a:alpha val="25000"/>
                </a:prstClr>
              </a:outerShdw>
            </a:effec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  <a:cs typeface="+mn-cs"/>
              </a:endParaRPr>
            </a:p>
          </p:txBody>
        </p:sp>
        <p:sp>
          <p:nvSpPr>
            <p:cNvPr id="277" name="Freeform 48"/>
            <p:cNvSpPr/>
            <p:nvPr/>
          </p:nvSpPr>
          <p:spPr>
            <a:xfrm rot="21599921" flipV="1">
              <a:off x="4893989" y="2363474"/>
              <a:ext cx="2001120" cy="586458"/>
            </a:xfrm>
            <a:custGeom>
              <a:avLst/>
              <a:gdLst>
                <a:gd name="connsiteX0" fmla="*/ 1805865 w 1805865"/>
                <a:gd name="connsiteY0" fmla="*/ 0 h 528034"/>
                <a:gd name="connsiteX1" fmla="*/ 1796648 w 1805865"/>
                <a:gd name="connsiteY1" fmla="*/ 528034 h 528034"/>
                <a:gd name="connsiteX2" fmla="*/ 0 w 1805865"/>
                <a:gd name="connsiteY2" fmla="*/ 528034 h 528034"/>
                <a:gd name="connsiteX3" fmla="*/ 9217 w 1805865"/>
                <a:gd name="connsiteY3" fmla="*/ 0 h 528034"/>
                <a:gd name="connsiteX0" fmla="*/ 1801760 w 1801760"/>
                <a:gd name="connsiteY0" fmla="*/ 0 h 528034"/>
                <a:gd name="connsiteX1" fmla="*/ 1796648 w 1801760"/>
                <a:gd name="connsiteY1" fmla="*/ 528034 h 528034"/>
                <a:gd name="connsiteX2" fmla="*/ 0 w 1801760"/>
                <a:gd name="connsiteY2" fmla="*/ 528034 h 528034"/>
                <a:gd name="connsiteX3" fmla="*/ 9217 w 1801760"/>
                <a:gd name="connsiteY3" fmla="*/ 0 h 528034"/>
                <a:gd name="connsiteX4" fmla="*/ 1801760 w 1801760"/>
                <a:gd name="connsiteY4" fmla="*/ 0 h 528034"/>
                <a:gd name="connsiteX0" fmla="*/ 1798393 w 1798393"/>
                <a:gd name="connsiteY0" fmla="*/ 0 h 528034"/>
                <a:gd name="connsiteX1" fmla="*/ 1796648 w 1798393"/>
                <a:gd name="connsiteY1" fmla="*/ 528034 h 528034"/>
                <a:gd name="connsiteX2" fmla="*/ 0 w 1798393"/>
                <a:gd name="connsiteY2" fmla="*/ 528034 h 528034"/>
                <a:gd name="connsiteX3" fmla="*/ 9217 w 1798393"/>
                <a:gd name="connsiteY3" fmla="*/ 0 h 528034"/>
                <a:gd name="connsiteX4" fmla="*/ 1798393 w 1798393"/>
                <a:gd name="connsiteY4" fmla="*/ 0 h 528034"/>
                <a:gd name="connsiteX0" fmla="*/ 1798393 w 1798555"/>
                <a:gd name="connsiteY0" fmla="*/ 0 h 528034"/>
                <a:gd name="connsiteX1" fmla="*/ 1798387 w 1798555"/>
                <a:gd name="connsiteY1" fmla="*/ 526295 h 528034"/>
                <a:gd name="connsiteX2" fmla="*/ 0 w 1798555"/>
                <a:gd name="connsiteY2" fmla="*/ 528034 h 528034"/>
                <a:gd name="connsiteX3" fmla="*/ 9217 w 1798555"/>
                <a:gd name="connsiteY3" fmla="*/ 0 h 528034"/>
                <a:gd name="connsiteX4" fmla="*/ 1798393 w 1798555"/>
                <a:gd name="connsiteY4" fmla="*/ 0 h 528034"/>
                <a:gd name="connsiteX0" fmla="*/ 1798393 w 1798555"/>
                <a:gd name="connsiteY0" fmla="*/ 3476 h 528034"/>
                <a:gd name="connsiteX1" fmla="*/ 1798387 w 1798555"/>
                <a:gd name="connsiteY1" fmla="*/ 526295 h 528034"/>
                <a:gd name="connsiteX2" fmla="*/ 0 w 1798555"/>
                <a:gd name="connsiteY2" fmla="*/ 528034 h 528034"/>
                <a:gd name="connsiteX3" fmla="*/ 9217 w 1798555"/>
                <a:gd name="connsiteY3" fmla="*/ 0 h 528034"/>
                <a:gd name="connsiteX4" fmla="*/ 1798393 w 1798555"/>
                <a:gd name="connsiteY4" fmla="*/ 3476 h 528034"/>
                <a:gd name="connsiteX0" fmla="*/ 1802036 w 1802036"/>
                <a:gd name="connsiteY0" fmla="*/ 3476 h 528034"/>
                <a:gd name="connsiteX1" fmla="*/ 1798387 w 1802036"/>
                <a:gd name="connsiteY1" fmla="*/ 526295 h 528034"/>
                <a:gd name="connsiteX2" fmla="*/ 0 w 1802036"/>
                <a:gd name="connsiteY2" fmla="*/ 528034 h 528034"/>
                <a:gd name="connsiteX3" fmla="*/ 9217 w 1802036"/>
                <a:gd name="connsiteY3" fmla="*/ 0 h 528034"/>
                <a:gd name="connsiteX4" fmla="*/ 1802036 w 1802036"/>
                <a:gd name="connsiteY4" fmla="*/ 3476 h 528034"/>
                <a:gd name="connsiteX0" fmla="*/ 1802036 w 1802036"/>
                <a:gd name="connsiteY0" fmla="*/ 3476 h 528116"/>
                <a:gd name="connsiteX1" fmla="*/ 1800209 w 1802036"/>
                <a:gd name="connsiteY1" fmla="*/ 528116 h 528116"/>
                <a:gd name="connsiteX2" fmla="*/ 0 w 1802036"/>
                <a:gd name="connsiteY2" fmla="*/ 528034 h 528116"/>
                <a:gd name="connsiteX3" fmla="*/ 9217 w 1802036"/>
                <a:gd name="connsiteY3" fmla="*/ 0 h 528116"/>
                <a:gd name="connsiteX4" fmla="*/ 1802036 w 1802036"/>
                <a:gd name="connsiteY4" fmla="*/ 3476 h 528116"/>
                <a:gd name="connsiteX0" fmla="*/ 1800216 w 1800377"/>
                <a:gd name="connsiteY0" fmla="*/ 1655 h 528116"/>
                <a:gd name="connsiteX1" fmla="*/ 1800209 w 1800377"/>
                <a:gd name="connsiteY1" fmla="*/ 528116 h 528116"/>
                <a:gd name="connsiteX2" fmla="*/ 0 w 1800377"/>
                <a:gd name="connsiteY2" fmla="*/ 528034 h 528116"/>
                <a:gd name="connsiteX3" fmla="*/ 9217 w 1800377"/>
                <a:gd name="connsiteY3" fmla="*/ 0 h 528116"/>
                <a:gd name="connsiteX4" fmla="*/ 1800216 w 1800377"/>
                <a:gd name="connsiteY4" fmla="*/ 1655 h 528116"/>
                <a:gd name="connsiteX0" fmla="*/ 1801882 w 1802043"/>
                <a:gd name="connsiteY0" fmla="*/ 1655 h 528116"/>
                <a:gd name="connsiteX1" fmla="*/ 1801875 w 1802043"/>
                <a:gd name="connsiteY1" fmla="*/ 528116 h 528116"/>
                <a:gd name="connsiteX2" fmla="*/ 0 w 1802043"/>
                <a:gd name="connsiteY2" fmla="*/ 526683 h 528116"/>
                <a:gd name="connsiteX3" fmla="*/ 10883 w 1802043"/>
                <a:gd name="connsiteY3" fmla="*/ 0 h 528116"/>
                <a:gd name="connsiteX4" fmla="*/ 1801882 w 1802043"/>
                <a:gd name="connsiteY4" fmla="*/ 1655 h 52811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802043" h="528116">
                  <a:moveTo>
                    <a:pt x="1801882" y="1655"/>
                  </a:moveTo>
                  <a:cubicBezTo>
                    <a:pt x="1801300" y="177666"/>
                    <a:pt x="1802457" y="352105"/>
                    <a:pt x="1801875" y="528116"/>
                  </a:cubicBezTo>
                  <a:lnTo>
                    <a:pt x="0" y="526683"/>
                  </a:lnTo>
                  <a:lnTo>
                    <a:pt x="10883" y="0"/>
                  </a:lnTo>
                  <a:lnTo>
                    <a:pt x="1801882" y="1655"/>
                  </a:lnTo>
                  <a:close/>
                </a:path>
              </a:pathLst>
            </a:custGeom>
            <a:gradFill>
              <a:gsLst>
                <a:gs pos="0">
                  <a:srgbClr val="28C2F8">
                    <a:lumMod val="20000"/>
                    <a:lumOff val="80000"/>
                  </a:srgbClr>
                </a:gs>
                <a:gs pos="80000">
                  <a:srgbClr val="28C2F8"/>
                </a:gs>
                <a:gs pos="93000">
                  <a:srgbClr val="28C2F8">
                    <a:lumMod val="60000"/>
                    <a:lumOff val="40000"/>
                  </a:srgbClr>
                </a:gs>
                <a:gs pos="100000">
                  <a:srgbClr val="28C2F8">
                    <a:lumMod val="75000"/>
                  </a:srgbClr>
                </a:gs>
              </a:gsLst>
              <a:lin ang="0" scaled="0"/>
            </a:gradFill>
            <a:ln w="12700" cap="flat" cmpd="sng" algn="ctr">
              <a:noFill/>
              <a:prstDash val="solid"/>
              <a:miter lim="800000"/>
            </a:ln>
            <a:effectLst>
              <a:outerShdw blurRad="76200" sx="101000" sy="101000" algn="ctr" rotWithShape="0">
                <a:prstClr val="black">
                  <a:alpha val="25000"/>
                </a:prstClr>
              </a:outerShdw>
            </a:effec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  <a:cs typeface="+mn-cs"/>
              </a:endParaRPr>
            </a:p>
          </p:txBody>
        </p:sp>
        <p:pic>
          <p:nvPicPr>
            <p:cNvPr id="290" name="Picture 70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498" t="13054" r="5135" b="17855"/>
            <a:stretch/>
          </p:blipFill>
          <p:spPr>
            <a:xfrm rot="16199921">
              <a:off x="3877727" y="2488754"/>
              <a:ext cx="1901668" cy="337539"/>
            </a:xfrm>
            <a:prstGeom prst="rect">
              <a:avLst/>
            </a:prstGeom>
          </p:spPr>
        </p:pic>
        <p:sp>
          <p:nvSpPr>
            <p:cNvPr id="279" name="Freeform 50"/>
            <p:cNvSpPr/>
            <p:nvPr/>
          </p:nvSpPr>
          <p:spPr>
            <a:xfrm rot="21599921" flipV="1">
              <a:off x="2627805" y="2308650"/>
              <a:ext cx="2211299" cy="714622"/>
            </a:xfrm>
            <a:custGeom>
              <a:avLst/>
              <a:gdLst>
                <a:gd name="connsiteX0" fmla="*/ 2897680 w 2897680"/>
                <a:gd name="connsiteY0" fmla="*/ 0 h 528034"/>
                <a:gd name="connsiteX1" fmla="*/ 2888463 w 2897680"/>
                <a:gd name="connsiteY1" fmla="*/ 528034 h 528034"/>
                <a:gd name="connsiteX2" fmla="*/ 0 w 2897680"/>
                <a:gd name="connsiteY2" fmla="*/ 528034 h 528034"/>
                <a:gd name="connsiteX3" fmla="*/ 0 w 2897680"/>
                <a:gd name="connsiteY3" fmla="*/ 0 h 528034"/>
                <a:gd name="connsiteX0" fmla="*/ 2897680 w 2897680"/>
                <a:gd name="connsiteY0" fmla="*/ 0 h 528034"/>
                <a:gd name="connsiteX1" fmla="*/ 2895198 w 2897680"/>
                <a:gd name="connsiteY1" fmla="*/ 528034 h 528034"/>
                <a:gd name="connsiteX2" fmla="*/ 0 w 2897680"/>
                <a:gd name="connsiteY2" fmla="*/ 528034 h 528034"/>
                <a:gd name="connsiteX3" fmla="*/ 0 w 2897680"/>
                <a:gd name="connsiteY3" fmla="*/ 0 h 528034"/>
                <a:gd name="connsiteX4" fmla="*/ 2897680 w 2897680"/>
                <a:gd name="connsiteY4" fmla="*/ 0 h 528034"/>
                <a:gd name="connsiteX0" fmla="*/ 2897680 w 2900357"/>
                <a:gd name="connsiteY0" fmla="*/ 0 h 528034"/>
                <a:gd name="connsiteX1" fmla="*/ 2900250 w 2900357"/>
                <a:gd name="connsiteY1" fmla="*/ 526349 h 528034"/>
                <a:gd name="connsiteX2" fmla="*/ 0 w 2900357"/>
                <a:gd name="connsiteY2" fmla="*/ 528034 h 528034"/>
                <a:gd name="connsiteX3" fmla="*/ 0 w 2900357"/>
                <a:gd name="connsiteY3" fmla="*/ 0 h 528034"/>
                <a:gd name="connsiteX4" fmla="*/ 2897680 w 2900357"/>
                <a:gd name="connsiteY4" fmla="*/ 0 h 528034"/>
                <a:gd name="connsiteX0" fmla="*/ 2900031 w 2900466"/>
                <a:gd name="connsiteY0" fmla="*/ 2351 h 528034"/>
                <a:gd name="connsiteX1" fmla="*/ 2900250 w 2900466"/>
                <a:gd name="connsiteY1" fmla="*/ 526349 h 528034"/>
                <a:gd name="connsiteX2" fmla="*/ 0 w 2900466"/>
                <a:gd name="connsiteY2" fmla="*/ 528034 h 528034"/>
                <a:gd name="connsiteX3" fmla="*/ 0 w 2900466"/>
                <a:gd name="connsiteY3" fmla="*/ 0 h 528034"/>
                <a:gd name="connsiteX4" fmla="*/ 2900031 w 2900466"/>
                <a:gd name="connsiteY4" fmla="*/ 2351 h 528034"/>
                <a:gd name="connsiteX0" fmla="*/ 3271586 w 3272021"/>
                <a:gd name="connsiteY0" fmla="*/ 2351 h 528034"/>
                <a:gd name="connsiteX1" fmla="*/ 3271805 w 3272021"/>
                <a:gd name="connsiteY1" fmla="*/ 526349 h 528034"/>
                <a:gd name="connsiteX2" fmla="*/ 371555 w 3272021"/>
                <a:gd name="connsiteY2" fmla="*/ 528034 h 528034"/>
                <a:gd name="connsiteX3" fmla="*/ 0 w 3272021"/>
                <a:gd name="connsiteY3" fmla="*/ 0 h 528034"/>
                <a:gd name="connsiteX4" fmla="*/ 3271586 w 3272021"/>
                <a:gd name="connsiteY4" fmla="*/ 2351 h 528034"/>
                <a:gd name="connsiteX0" fmla="*/ 3271586 w 3272021"/>
                <a:gd name="connsiteY0" fmla="*/ 2351 h 529856"/>
                <a:gd name="connsiteX1" fmla="*/ 3271805 w 3272021"/>
                <a:gd name="connsiteY1" fmla="*/ 526349 h 529856"/>
                <a:gd name="connsiteX2" fmla="*/ 45534 w 3272021"/>
                <a:gd name="connsiteY2" fmla="*/ 529856 h 529856"/>
                <a:gd name="connsiteX3" fmla="*/ 0 w 3272021"/>
                <a:gd name="connsiteY3" fmla="*/ 0 h 529856"/>
                <a:gd name="connsiteX4" fmla="*/ 3271586 w 3272021"/>
                <a:gd name="connsiteY4" fmla="*/ 2351 h 529856"/>
                <a:gd name="connsiteX0" fmla="*/ 3437328 w 3437763"/>
                <a:gd name="connsiteY0" fmla="*/ 4173 h 531678"/>
                <a:gd name="connsiteX1" fmla="*/ 3437547 w 3437763"/>
                <a:gd name="connsiteY1" fmla="*/ 528171 h 531678"/>
                <a:gd name="connsiteX2" fmla="*/ 211276 w 3437763"/>
                <a:gd name="connsiteY2" fmla="*/ 531678 h 531678"/>
                <a:gd name="connsiteX3" fmla="*/ 0 w 3437763"/>
                <a:gd name="connsiteY3" fmla="*/ 0 h 531678"/>
                <a:gd name="connsiteX4" fmla="*/ 3437328 w 3437763"/>
                <a:gd name="connsiteY4" fmla="*/ 4173 h 531678"/>
                <a:gd name="connsiteX0" fmla="*/ 3437328 w 3437763"/>
                <a:gd name="connsiteY0" fmla="*/ 4173 h 531678"/>
                <a:gd name="connsiteX1" fmla="*/ 3437547 w 3437763"/>
                <a:gd name="connsiteY1" fmla="*/ 528171 h 531678"/>
                <a:gd name="connsiteX2" fmla="*/ 156635 w 3437763"/>
                <a:gd name="connsiteY2" fmla="*/ 531678 h 531678"/>
                <a:gd name="connsiteX3" fmla="*/ 0 w 3437763"/>
                <a:gd name="connsiteY3" fmla="*/ 0 h 531678"/>
                <a:gd name="connsiteX4" fmla="*/ 3437328 w 3437763"/>
                <a:gd name="connsiteY4" fmla="*/ 4173 h 531678"/>
                <a:gd name="connsiteX0" fmla="*/ 3280692 w 3281127"/>
                <a:gd name="connsiteY0" fmla="*/ 5622 h 533127"/>
                <a:gd name="connsiteX1" fmla="*/ 3280911 w 3281127"/>
                <a:gd name="connsiteY1" fmla="*/ 529620 h 533127"/>
                <a:gd name="connsiteX2" fmla="*/ -1 w 3281127"/>
                <a:gd name="connsiteY2" fmla="*/ 533127 h 533127"/>
                <a:gd name="connsiteX3" fmla="*/ 24672 w 3281127"/>
                <a:gd name="connsiteY3" fmla="*/ 0 h 533127"/>
                <a:gd name="connsiteX4" fmla="*/ 3280692 w 3281127"/>
                <a:gd name="connsiteY4" fmla="*/ 5622 h 533127"/>
                <a:gd name="connsiteX0" fmla="*/ 3256020 w 3256455"/>
                <a:gd name="connsiteY0" fmla="*/ 5622 h 535551"/>
                <a:gd name="connsiteX1" fmla="*/ 3256239 w 3256455"/>
                <a:gd name="connsiteY1" fmla="*/ 529620 h 535551"/>
                <a:gd name="connsiteX2" fmla="*/ 5217 w 3256455"/>
                <a:gd name="connsiteY2" fmla="*/ 535551 h 535551"/>
                <a:gd name="connsiteX3" fmla="*/ 0 w 3256455"/>
                <a:gd name="connsiteY3" fmla="*/ 0 h 535551"/>
                <a:gd name="connsiteX4" fmla="*/ 3256020 w 3256455"/>
                <a:gd name="connsiteY4" fmla="*/ 5622 h 53555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56455" h="535551">
                  <a:moveTo>
                    <a:pt x="3256020" y="5622"/>
                  </a:moveTo>
                  <a:cubicBezTo>
                    <a:pt x="3255193" y="181633"/>
                    <a:pt x="3257066" y="353609"/>
                    <a:pt x="3256239" y="529620"/>
                  </a:cubicBezTo>
                  <a:lnTo>
                    <a:pt x="5217" y="535551"/>
                  </a:lnTo>
                  <a:lnTo>
                    <a:pt x="0" y="0"/>
                  </a:lnTo>
                  <a:lnTo>
                    <a:pt x="3256020" y="5622"/>
                  </a:lnTo>
                  <a:close/>
                </a:path>
              </a:pathLst>
            </a:custGeom>
            <a:gradFill>
              <a:gsLst>
                <a:gs pos="21000">
                  <a:srgbClr val="FFFFFF"/>
                </a:gs>
                <a:gs pos="80000">
                  <a:sysClr val="window" lastClr="FFFFFF">
                    <a:lumMod val="85000"/>
                  </a:sysClr>
                </a:gs>
                <a:gs pos="93000">
                  <a:sysClr val="window" lastClr="FFFFFF">
                    <a:lumMod val="95000"/>
                  </a:sysClr>
                </a:gs>
                <a:gs pos="100000">
                  <a:sysClr val="window" lastClr="FFFFFF">
                    <a:lumMod val="75000"/>
                  </a:sysClr>
                </a:gs>
              </a:gsLst>
              <a:lin ang="0" scaled="0"/>
            </a:gradFill>
            <a:ln w="12700" cap="flat" cmpd="sng" algn="ctr">
              <a:noFill/>
              <a:prstDash val="solid"/>
              <a:miter lim="800000"/>
            </a:ln>
            <a:effectLst>
              <a:outerShdw blurRad="76200" sx="101000" sy="101000" algn="ctr" rotWithShape="0">
                <a:prstClr val="black">
                  <a:alpha val="25000"/>
                </a:prstClr>
              </a:outerShdw>
            </a:effec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  <a:cs typeface="+mn-cs"/>
              </a:endParaRPr>
            </a:p>
          </p:txBody>
        </p:sp>
        <p:sp>
          <p:nvSpPr>
            <p:cNvPr id="280" name="Freeform 51"/>
            <p:cNvSpPr/>
            <p:nvPr/>
          </p:nvSpPr>
          <p:spPr>
            <a:xfrm rot="21599921" flipV="1">
              <a:off x="2627811" y="2366575"/>
              <a:ext cx="2211292" cy="588723"/>
            </a:xfrm>
            <a:custGeom>
              <a:avLst/>
              <a:gdLst>
                <a:gd name="connsiteX0" fmla="*/ 1807967 w 1807967"/>
                <a:gd name="connsiteY0" fmla="*/ 0 h 528034"/>
                <a:gd name="connsiteX1" fmla="*/ 1798750 w 1807967"/>
                <a:gd name="connsiteY1" fmla="*/ 528034 h 528034"/>
                <a:gd name="connsiteX2" fmla="*/ 0 w 1807967"/>
                <a:gd name="connsiteY2" fmla="*/ 528034 h 528034"/>
                <a:gd name="connsiteX3" fmla="*/ 9218 w 1807967"/>
                <a:gd name="connsiteY3" fmla="*/ 0 h 528034"/>
                <a:gd name="connsiteX0" fmla="*/ 1851601 w 1851601"/>
                <a:gd name="connsiteY0" fmla="*/ 0 h 528034"/>
                <a:gd name="connsiteX1" fmla="*/ 1842384 w 1851601"/>
                <a:gd name="connsiteY1" fmla="*/ 528034 h 528034"/>
                <a:gd name="connsiteX2" fmla="*/ 0 w 1851601"/>
                <a:gd name="connsiteY2" fmla="*/ 524069 h 528034"/>
                <a:gd name="connsiteX3" fmla="*/ 52852 w 1851601"/>
                <a:gd name="connsiteY3" fmla="*/ 0 h 528034"/>
                <a:gd name="connsiteX4" fmla="*/ 1851601 w 1851601"/>
                <a:gd name="connsiteY4" fmla="*/ 0 h 528034"/>
                <a:gd name="connsiteX0" fmla="*/ 1851601 w 1851601"/>
                <a:gd name="connsiteY0" fmla="*/ 0 h 528034"/>
                <a:gd name="connsiteX1" fmla="*/ 1842384 w 1851601"/>
                <a:gd name="connsiteY1" fmla="*/ 528034 h 528034"/>
                <a:gd name="connsiteX2" fmla="*/ 0 w 1851601"/>
                <a:gd name="connsiteY2" fmla="*/ 524069 h 528034"/>
                <a:gd name="connsiteX3" fmla="*/ 9219 w 1851601"/>
                <a:gd name="connsiteY3" fmla="*/ 0 h 528034"/>
                <a:gd name="connsiteX4" fmla="*/ 1851601 w 1851601"/>
                <a:gd name="connsiteY4" fmla="*/ 0 h 528034"/>
                <a:gd name="connsiteX0" fmla="*/ 1851601 w 1860233"/>
                <a:gd name="connsiteY0" fmla="*/ 0 h 530017"/>
                <a:gd name="connsiteX1" fmla="*/ 1860233 w 1860233"/>
                <a:gd name="connsiteY1" fmla="*/ 530017 h 530017"/>
                <a:gd name="connsiteX2" fmla="*/ 0 w 1860233"/>
                <a:gd name="connsiteY2" fmla="*/ 524069 h 530017"/>
                <a:gd name="connsiteX3" fmla="*/ 9219 w 1860233"/>
                <a:gd name="connsiteY3" fmla="*/ 0 h 530017"/>
                <a:gd name="connsiteX4" fmla="*/ 1851601 w 1860233"/>
                <a:gd name="connsiteY4" fmla="*/ 0 h 530017"/>
                <a:gd name="connsiteX0" fmla="*/ 1859534 w 1860233"/>
                <a:gd name="connsiteY0" fmla="*/ 3966 h 530017"/>
                <a:gd name="connsiteX1" fmla="*/ 1860233 w 1860233"/>
                <a:gd name="connsiteY1" fmla="*/ 530017 h 530017"/>
                <a:gd name="connsiteX2" fmla="*/ 0 w 1860233"/>
                <a:gd name="connsiteY2" fmla="*/ 524069 h 530017"/>
                <a:gd name="connsiteX3" fmla="*/ 9219 w 1860233"/>
                <a:gd name="connsiteY3" fmla="*/ 0 h 530017"/>
                <a:gd name="connsiteX4" fmla="*/ 1859534 w 1860233"/>
                <a:gd name="connsiteY4" fmla="*/ 3966 h 530017"/>
                <a:gd name="connsiteX0" fmla="*/ 1861517 w 1861517"/>
                <a:gd name="connsiteY0" fmla="*/ 5950 h 530017"/>
                <a:gd name="connsiteX1" fmla="*/ 1860233 w 1861517"/>
                <a:gd name="connsiteY1" fmla="*/ 530017 h 530017"/>
                <a:gd name="connsiteX2" fmla="*/ 0 w 1861517"/>
                <a:gd name="connsiteY2" fmla="*/ 524069 h 530017"/>
                <a:gd name="connsiteX3" fmla="*/ 9219 w 1861517"/>
                <a:gd name="connsiteY3" fmla="*/ 0 h 530017"/>
                <a:gd name="connsiteX4" fmla="*/ 1861517 w 1861517"/>
                <a:gd name="connsiteY4" fmla="*/ 5950 h 530017"/>
                <a:gd name="connsiteX0" fmla="*/ 1861517 w 1861517"/>
                <a:gd name="connsiteY0" fmla="*/ 4266 h 528333"/>
                <a:gd name="connsiteX1" fmla="*/ 1860233 w 1861517"/>
                <a:gd name="connsiteY1" fmla="*/ 528333 h 528333"/>
                <a:gd name="connsiteX2" fmla="*/ 0 w 1861517"/>
                <a:gd name="connsiteY2" fmla="*/ 522385 h 528333"/>
                <a:gd name="connsiteX3" fmla="*/ 801 w 1861517"/>
                <a:gd name="connsiteY3" fmla="*/ 0 h 528333"/>
                <a:gd name="connsiteX4" fmla="*/ 1861517 w 1861517"/>
                <a:gd name="connsiteY4" fmla="*/ 4266 h 528333"/>
                <a:gd name="connsiteX0" fmla="*/ 1861517 w 1861517"/>
                <a:gd name="connsiteY0" fmla="*/ 4266 h 530155"/>
                <a:gd name="connsiteX1" fmla="*/ 1854770 w 1861517"/>
                <a:gd name="connsiteY1" fmla="*/ 530155 h 530155"/>
                <a:gd name="connsiteX2" fmla="*/ 0 w 1861517"/>
                <a:gd name="connsiteY2" fmla="*/ 522385 h 530155"/>
                <a:gd name="connsiteX3" fmla="*/ 801 w 1861517"/>
                <a:gd name="connsiteY3" fmla="*/ 0 h 530155"/>
                <a:gd name="connsiteX4" fmla="*/ 1861517 w 1861517"/>
                <a:gd name="connsiteY4" fmla="*/ 4266 h 530155"/>
                <a:gd name="connsiteX0" fmla="*/ 1857874 w 1857874"/>
                <a:gd name="connsiteY0" fmla="*/ 4266 h 530155"/>
                <a:gd name="connsiteX1" fmla="*/ 1854770 w 1857874"/>
                <a:gd name="connsiteY1" fmla="*/ 530155 h 530155"/>
                <a:gd name="connsiteX2" fmla="*/ 0 w 1857874"/>
                <a:gd name="connsiteY2" fmla="*/ 522385 h 530155"/>
                <a:gd name="connsiteX3" fmla="*/ 801 w 1857874"/>
                <a:gd name="connsiteY3" fmla="*/ 0 h 530155"/>
                <a:gd name="connsiteX4" fmla="*/ 1857874 w 1857874"/>
                <a:gd name="connsiteY4" fmla="*/ 4266 h 530155"/>
                <a:gd name="connsiteX0" fmla="*/ 1854231 w 1855017"/>
                <a:gd name="connsiteY0" fmla="*/ 4266 h 530155"/>
                <a:gd name="connsiteX1" fmla="*/ 1854770 w 1855017"/>
                <a:gd name="connsiteY1" fmla="*/ 530155 h 530155"/>
                <a:gd name="connsiteX2" fmla="*/ 0 w 1855017"/>
                <a:gd name="connsiteY2" fmla="*/ 522385 h 530155"/>
                <a:gd name="connsiteX3" fmla="*/ 801 w 1855017"/>
                <a:gd name="connsiteY3" fmla="*/ 0 h 530155"/>
                <a:gd name="connsiteX4" fmla="*/ 1854231 w 1855017"/>
                <a:gd name="connsiteY4" fmla="*/ 4266 h 5301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855017" h="530155">
                  <a:moveTo>
                    <a:pt x="1854231" y="4266"/>
                  </a:moveTo>
                  <a:cubicBezTo>
                    <a:pt x="1853196" y="179562"/>
                    <a:pt x="1855805" y="354859"/>
                    <a:pt x="1854770" y="530155"/>
                  </a:cubicBezTo>
                  <a:lnTo>
                    <a:pt x="0" y="522385"/>
                  </a:lnTo>
                  <a:lnTo>
                    <a:pt x="801" y="0"/>
                  </a:lnTo>
                  <a:lnTo>
                    <a:pt x="1854231" y="4266"/>
                  </a:lnTo>
                  <a:close/>
                </a:path>
              </a:pathLst>
            </a:custGeom>
            <a:gradFill>
              <a:gsLst>
                <a:gs pos="0">
                  <a:srgbClr val="47B957">
                    <a:lumMod val="20000"/>
                    <a:lumOff val="80000"/>
                  </a:srgbClr>
                </a:gs>
                <a:gs pos="80000">
                  <a:srgbClr val="47B957"/>
                </a:gs>
                <a:gs pos="93000">
                  <a:srgbClr val="47B957">
                    <a:lumMod val="60000"/>
                    <a:lumOff val="40000"/>
                  </a:srgbClr>
                </a:gs>
                <a:gs pos="100000">
                  <a:srgbClr val="47B957">
                    <a:lumMod val="75000"/>
                  </a:srgbClr>
                </a:gs>
              </a:gsLst>
              <a:lin ang="0" scaled="0"/>
            </a:gradFill>
            <a:ln w="12700" cap="flat" cmpd="sng" algn="ctr">
              <a:noFill/>
              <a:prstDash val="solid"/>
              <a:miter lim="800000"/>
            </a:ln>
            <a:effectLst>
              <a:outerShdw blurRad="76200" sx="101000" sy="101000" algn="ctr" rotWithShape="0">
                <a:prstClr val="black">
                  <a:alpha val="25000"/>
                </a:prstClr>
              </a:outerShdw>
            </a:effec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  <a:cs typeface="+mn-cs"/>
              </a:endParaRPr>
            </a:p>
          </p:txBody>
        </p:sp>
        <p:pic>
          <p:nvPicPr>
            <p:cNvPr id="288" name="Picture 68"/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498" t="13054" r="5135" b="17855"/>
            <a:stretch/>
          </p:blipFill>
          <p:spPr>
            <a:xfrm rot="16199921">
              <a:off x="1689103" y="2500275"/>
              <a:ext cx="1733551" cy="337539"/>
            </a:xfrm>
            <a:prstGeom prst="rect">
              <a:avLst/>
            </a:prstGeom>
          </p:spPr>
        </p:pic>
        <p:sp>
          <p:nvSpPr>
            <p:cNvPr id="282" name="Freeform 53"/>
            <p:cNvSpPr/>
            <p:nvPr/>
          </p:nvSpPr>
          <p:spPr>
            <a:xfrm rot="21599921" flipV="1">
              <a:off x="-14422" y="2313124"/>
              <a:ext cx="2567120" cy="707104"/>
            </a:xfrm>
            <a:custGeom>
              <a:avLst/>
              <a:gdLst>
                <a:gd name="connsiteX0" fmla="*/ 16 w 2899665"/>
                <a:gd name="connsiteY0" fmla="*/ 707104 h 707104"/>
                <a:gd name="connsiteX1" fmla="*/ 2899424 w 2899665"/>
                <a:gd name="connsiteY1" fmla="*/ 703406 h 707104"/>
                <a:gd name="connsiteX2" fmla="*/ 2899179 w 2899665"/>
                <a:gd name="connsiteY2" fmla="*/ 4200 h 707104"/>
                <a:gd name="connsiteX3" fmla="*/ 0 w 2899665"/>
                <a:gd name="connsiteY3" fmla="*/ 0 h 70710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899665" h="707104">
                  <a:moveTo>
                    <a:pt x="16" y="707104"/>
                  </a:moveTo>
                  <a:lnTo>
                    <a:pt x="2899424" y="703406"/>
                  </a:lnTo>
                  <a:cubicBezTo>
                    <a:pt x="2900348" y="468543"/>
                    <a:pt x="2898254" y="239064"/>
                    <a:pt x="2899179" y="4200"/>
                  </a:cubicBezTo>
                  <a:lnTo>
                    <a:pt x="0" y="0"/>
                  </a:lnTo>
                  <a:close/>
                </a:path>
              </a:pathLst>
            </a:custGeom>
            <a:gradFill>
              <a:gsLst>
                <a:gs pos="21000">
                  <a:srgbClr val="FFFFFF"/>
                </a:gs>
                <a:gs pos="80000">
                  <a:sysClr val="window" lastClr="FFFFFF">
                    <a:lumMod val="85000"/>
                  </a:sysClr>
                </a:gs>
                <a:gs pos="93000">
                  <a:sysClr val="window" lastClr="FFFFFF">
                    <a:lumMod val="95000"/>
                  </a:sysClr>
                </a:gs>
                <a:gs pos="100000">
                  <a:sysClr val="window" lastClr="FFFFFF">
                    <a:lumMod val="75000"/>
                  </a:sysClr>
                </a:gs>
              </a:gsLst>
              <a:lin ang="0" scaled="0"/>
            </a:gradFill>
            <a:ln w="12700" cap="flat" cmpd="sng" algn="ctr">
              <a:noFill/>
              <a:prstDash val="solid"/>
              <a:miter lim="800000"/>
            </a:ln>
            <a:effectLst>
              <a:outerShdw blurRad="76200" sx="101000" sy="101000" algn="ctr" rotWithShape="0">
                <a:prstClr val="black">
                  <a:alpha val="25000"/>
                </a:prstClr>
              </a:outerShdw>
            </a:effectLst>
          </p:spPr>
          <p:txBody>
            <a:bodyPr wrap="square" rtlCol="0" anchor="ctr"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  <a:cs typeface="+mn-cs"/>
              </a:endParaRPr>
            </a:p>
          </p:txBody>
        </p:sp>
        <p:sp>
          <p:nvSpPr>
            <p:cNvPr id="283" name="Freeform 55"/>
            <p:cNvSpPr/>
            <p:nvPr/>
          </p:nvSpPr>
          <p:spPr>
            <a:xfrm rot="21599921" flipV="1">
              <a:off x="-14421" y="2371149"/>
              <a:ext cx="2543938" cy="592564"/>
            </a:xfrm>
            <a:custGeom>
              <a:avLst/>
              <a:gdLst>
                <a:gd name="connsiteX0" fmla="*/ 14 w 2896559"/>
                <a:gd name="connsiteY0" fmla="*/ 592564 h 592564"/>
                <a:gd name="connsiteX1" fmla="*/ 2896318 w 2896559"/>
                <a:gd name="connsiteY1" fmla="*/ 589468 h 592564"/>
                <a:gd name="connsiteX2" fmla="*/ 2896073 w 2896559"/>
                <a:gd name="connsiteY2" fmla="*/ 3516 h 592564"/>
                <a:gd name="connsiteX3" fmla="*/ 0 w 2896559"/>
                <a:gd name="connsiteY3" fmla="*/ 0 h 59256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896559" h="592564">
                  <a:moveTo>
                    <a:pt x="14" y="592564"/>
                  </a:moveTo>
                  <a:lnTo>
                    <a:pt x="2896318" y="589468"/>
                  </a:lnTo>
                  <a:cubicBezTo>
                    <a:pt x="2897242" y="392647"/>
                    <a:pt x="2895148" y="200338"/>
                    <a:pt x="2896073" y="3516"/>
                  </a:cubicBezTo>
                  <a:lnTo>
                    <a:pt x="0" y="0"/>
                  </a:lnTo>
                  <a:close/>
                </a:path>
              </a:pathLst>
            </a:custGeom>
            <a:gradFill>
              <a:gsLst>
                <a:gs pos="0">
                  <a:srgbClr val="FFC000">
                    <a:lumMod val="20000"/>
                    <a:lumOff val="80000"/>
                  </a:srgbClr>
                </a:gs>
                <a:gs pos="80000">
                  <a:srgbClr val="FFC000"/>
                </a:gs>
                <a:gs pos="93000">
                  <a:srgbClr val="FFC000">
                    <a:lumMod val="60000"/>
                    <a:lumOff val="40000"/>
                  </a:srgbClr>
                </a:gs>
                <a:gs pos="100000">
                  <a:srgbClr val="FFC000">
                    <a:lumMod val="75000"/>
                  </a:srgbClr>
                </a:gs>
              </a:gsLst>
              <a:lin ang="0" scaled="0"/>
            </a:gradFill>
            <a:ln w="12700" cap="flat" cmpd="sng" algn="ctr">
              <a:noFill/>
              <a:prstDash val="solid"/>
              <a:miter lim="800000"/>
            </a:ln>
            <a:effectLst>
              <a:outerShdw blurRad="76200" sx="101000" sy="101000" algn="ctr" rotWithShape="0">
                <a:prstClr val="black">
                  <a:alpha val="25000"/>
                </a:prstClr>
              </a:outerShdw>
            </a:effectLst>
          </p:spPr>
          <p:txBody>
            <a:bodyPr wrap="square" rtlCol="0" anchor="ctr"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  <a:cs typeface="+mn-cs"/>
              </a:endParaRPr>
            </a:p>
          </p:txBody>
        </p:sp>
        <p:sp>
          <p:nvSpPr>
            <p:cNvPr id="284" name="TextBox 62"/>
            <p:cNvSpPr txBox="1"/>
            <p:nvPr/>
          </p:nvSpPr>
          <p:spPr>
            <a:xfrm>
              <a:off x="380967" y="2488840"/>
              <a:ext cx="1807940" cy="369332"/>
            </a:xfrm>
            <a:prstGeom prst="rect">
              <a:avLst/>
            </a:prstGeom>
            <a:noFill/>
            <a:effectLst>
              <a:outerShdw blurRad="76200" sx="101000" sy="101000" algn="ctr" rotWithShape="0">
                <a:prstClr val="black">
                  <a:alpha val="25000"/>
                </a:prstClr>
              </a:outerShdw>
            </a:effectLst>
          </p:spPr>
          <p:txBody>
            <a:bodyPr wrap="square" rtlCol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tr-TR" sz="1800" b="1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Futura Bk BT" panose="020B0502020204020303" pitchFamily="34" charset="0"/>
                  <a:ea typeface="+mn-ea"/>
                </a:rPr>
                <a:t>Ağ Oluşturma</a:t>
              </a:r>
              <a:endParaRPr kumimoji="0" lang="en-US" sz="18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</a:endParaRPr>
            </a:p>
          </p:txBody>
        </p:sp>
        <p:sp>
          <p:nvSpPr>
            <p:cNvPr id="285" name="TextBox 63"/>
            <p:cNvSpPr txBox="1"/>
            <p:nvPr/>
          </p:nvSpPr>
          <p:spPr>
            <a:xfrm>
              <a:off x="2896802" y="2371119"/>
              <a:ext cx="1694176" cy="369332"/>
            </a:xfrm>
            <a:prstGeom prst="rect">
              <a:avLst/>
            </a:prstGeom>
            <a:noFill/>
            <a:effectLst>
              <a:outerShdw blurRad="76200" sx="101000" sy="101000" algn="ctr" rotWithShape="0">
                <a:prstClr val="black">
                  <a:alpha val="25000"/>
                </a:prstClr>
              </a:outerShdw>
            </a:effectLst>
          </p:spPr>
          <p:txBody>
            <a:bodyPr wrap="square" rtlCol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tr-TR" sz="1800" b="1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Futura Bk BT" panose="020B0502020204020303" pitchFamily="34" charset="0"/>
                  <a:ea typeface="+mn-ea"/>
                </a:rPr>
                <a:t>Bireysel Katılım</a:t>
              </a:r>
              <a:endParaRPr kumimoji="0" lang="en-US" sz="18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</a:endParaRPr>
            </a:p>
          </p:txBody>
        </p:sp>
        <p:sp>
          <p:nvSpPr>
            <p:cNvPr id="286" name="TextBox 64"/>
            <p:cNvSpPr txBox="1"/>
            <p:nvPr/>
          </p:nvSpPr>
          <p:spPr>
            <a:xfrm>
              <a:off x="5031241" y="2488840"/>
              <a:ext cx="1807940" cy="369332"/>
            </a:xfrm>
            <a:prstGeom prst="rect">
              <a:avLst/>
            </a:prstGeom>
            <a:noFill/>
            <a:effectLst>
              <a:outerShdw blurRad="76200" sx="101000" sy="101000" algn="ctr" rotWithShape="0">
                <a:prstClr val="black">
                  <a:alpha val="25000"/>
                </a:prstClr>
              </a:outerShdw>
            </a:effectLst>
          </p:spPr>
          <p:txBody>
            <a:bodyPr wrap="square" rtlCol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tr-TR" sz="1800" b="1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Futura Bk BT" panose="020B0502020204020303" pitchFamily="34" charset="0"/>
                  <a:ea typeface="+mn-ea"/>
                </a:rPr>
                <a:t>Liderlik</a:t>
              </a:r>
              <a:endParaRPr kumimoji="0" lang="en-US" sz="18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</a:endParaRPr>
            </a:p>
          </p:txBody>
        </p:sp>
        <p:sp>
          <p:nvSpPr>
            <p:cNvPr id="287" name="TextBox 65"/>
            <p:cNvSpPr txBox="1"/>
            <p:nvPr/>
          </p:nvSpPr>
          <p:spPr>
            <a:xfrm>
              <a:off x="7278471" y="2381050"/>
              <a:ext cx="1664927" cy="369332"/>
            </a:xfrm>
            <a:prstGeom prst="rect">
              <a:avLst/>
            </a:prstGeom>
            <a:noFill/>
            <a:effectLst>
              <a:outerShdw blurRad="76200" sx="101000" sy="101000" algn="ctr" rotWithShape="0">
                <a:prstClr val="black">
                  <a:alpha val="25000"/>
                </a:prstClr>
              </a:outerShdw>
            </a:effectLst>
          </p:spPr>
          <p:txBody>
            <a:bodyPr wrap="square" rtlCol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tr-TR" sz="1800" b="1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Futura Bk BT" panose="020B0502020204020303" pitchFamily="34" charset="0"/>
                  <a:ea typeface="+mn-ea"/>
                </a:rPr>
                <a:t>Başarıyı Teşvik</a:t>
              </a:r>
              <a:endParaRPr kumimoji="0" lang="en-US" sz="18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</a:endParaRPr>
            </a:p>
          </p:txBody>
        </p:sp>
      </p:grpSp>
      <p:grpSp>
        <p:nvGrpSpPr>
          <p:cNvPr id="294" name="Group 104"/>
          <p:cNvGrpSpPr/>
          <p:nvPr/>
        </p:nvGrpSpPr>
        <p:grpSpPr>
          <a:xfrm>
            <a:off x="117489" y="1981141"/>
            <a:ext cx="2510321" cy="1658472"/>
            <a:chOff x="4437720" y="1092421"/>
            <a:chExt cx="2514407" cy="1658472"/>
          </a:xfrm>
        </p:grpSpPr>
        <p:sp>
          <p:nvSpPr>
            <p:cNvPr id="295" name="Rectangle 106"/>
            <p:cNvSpPr/>
            <p:nvPr/>
          </p:nvSpPr>
          <p:spPr>
            <a:xfrm>
              <a:off x="4437721" y="1092421"/>
              <a:ext cx="1128315" cy="600164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tr-TR" sz="1100" b="1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>
                      <a:lumMod val="65000"/>
                      <a:lumOff val="35000"/>
                    </a:prstClr>
                  </a:solidFill>
                  <a:effectLst/>
                  <a:uLnTx/>
                  <a:uFillTx/>
                  <a:latin typeface="Futura Bk BT" panose="020B0502020204020303" pitchFamily="34" charset="0"/>
                  <a:ea typeface="+mn-ea"/>
                  <a:cs typeface="Arial" panose="020B0604020202020204" pitchFamily="34" charset="0"/>
                </a:rPr>
                <a:t>U2020 Seyahat Desteği</a:t>
              </a:r>
              <a:endParaRPr kumimoji="0" lang="en-US" sz="11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  <a:cs typeface="Arial" panose="020B0604020202020204" pitchFamily="34" charset="0"/>
              </a:endParaRPr>
            </a:p>
          </p:txBody>
        </p:sp>
        <p:sp>
          <p:nvSpPr>
            <p:cNvPr id="296" name="Chevron 107"/>
            <p:cNvSpPr/>
            <p:nvPr/>
          </p:nvSpPr>
          <p:spPr>
            <a:xfrm>
              <a:off x="5165630" y="1151481"/>
              <a:ext cx="201640" cy="248098"/>
            </a:xfrm>
            <a:prstGeom prst="chevron">
              <a:avLst>
                <a:gd name="adj" fmla="val 44093"/>
              </a:avLst>
            </a:prstGeom>
            <a:solidFill>
              <a:sysClr val="window" lastClr="FFFFFF">
                <a:lumMod val="65000"/>
              </a:sys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  <a:cs typeface="+mn-cs"/>
              </a:endParaRPr>
            </a:p>
          </p:txBody>
        </p:sp>
        <p:sp>
          <p:nvSpPr>
            <p:cNvPr id="297" name="Rectangle 109"/>
            <p:cNvSpPr/>
            <p:nvPr/>
          </p:nvSpPr>
          <p:spPr>
            <a:xfrm flipH="1">
              <a:off x="4437720" y="1689064"/>
              <a:ext cx="2514407" cy="106182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177800" marR="0" lvl="0" indent="-17780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tr-TR" sz="1050" b="0" i="0" u="none" strike="noStrike" kern="0" cap="none" spc="0" normalizeH="0" baseline="0" noProof="0" dirty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Futura Bk BT" pitchFamily="34" charset="0"/>
                  <a:ea typeface="+mn-ea"/>
                </a:rPr>
                <a:t>Çok ortaklı projelerde ortak </a:t>
              </a:r>
              <a:r>
                <a:rPr kumimoji="0" lang="tr-TR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Futura Bk BT" pitchFamily="34" charset="0"/>
                  <a:ea typeface="+mn-ea"/>
                </a:rPr>
                <a:t>olmak (Uçak </a:t>
              </a:r>
              <a:r>
                <a:rPr kumimoji="0" lang="tr-TR" sz="1050" b="0" i="0" u="none" strike="noStrike" kern="0" cap="none" spc="0" normalizeH="0" baseline="0" noProof="0" dirty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Futura Bk BT" pitchFamily="34" charset="0"/>
                  <a:ea typeface="+mn-ea"/>
                </a:rPr>
                <a:t>bileti, konaklama ve şehir içi </a:t>
              </a:r>
              <a:r>
                <a:rPr kumimoji="0" lang="tr-TR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Futura Bk BT" pitchFamily="34" charset="0"/>
                  <a:ea typeface="+mn-ea"/>
                </a:rPr>
                <a:t>ulaşım, toplantı</a:t>
              </a:r>
              <a:r>
                <a:rPr kumimoji="0" lang="tr-TR" sz="1050" b="0" i="0" u="none" strike="noStrike" kern="0" cap="none" spc="0" normalizeH="0" noProof="0" dirty="0" smtClean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Futura Bk BT" pitchFamily="34" charset="0"/>
                  <a:ea typeface="+mn-ea"/>
                </a:rPr>
                <a:t> ücreti, vize, harç, gündelik</a:t>
              </a:r>
              <a:r>
                <a:rPr kumimoji="0" lang="tr-TR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Futura Bk BT" pitchFamily="34" charset="0"/>
                  <a:ea typeface="+mn-ea"/>
                </a:rPr>
                <a:t>)</a:t>
              </a:r>
              <a:endParaRPr kumimoji="0" lang="tr-TR" sz="1050" b="0" i="0" u="none" strike="noStrike" kern="0" cap="none" spc="0" normalizeH="0" baseline="0" noProof="0" dirty="0">
                <a:ln>
                  <a:noFill/>
                </a:ln>
                <a:solidFill>
                  <a:prstClr val="black">
                    <a:lumMod val="95000"/>
                    <a:lumOff val="5000"/>
                  </a:prstClr>
                </a:solidFill>
                <a:effectLst/>
                <a:uLnTx/>
                <a:uFillTx/>
                <a:latin typeface="Futura Bk BT" pitchFamily="34" charset="0"/>
                <a:ea typeface="+mn-ea"/>
              </a:endParaRPr>
            </a:p>
            <a:p>
              <a:pPr marL="177800" marR="0" lvl="0" indent="-17780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tr-TR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Futura Bk BT" pitchFamily="34" charset="0"/>
                  <a:ea typeface="+mn-ea"/>
                </a:rPr>
                <a:t>Seyahat </a:t>
              </a:r>
              <a:r>
                <a:rPr kumimoji="0" lang="tr-TR" sz="1050" b="0" i="0" u="none" strike="noStrike" kern="0" cap="none" spc="0" normalizeH="0" baseline="0" noProof="0" dirty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Futura Bk BT" pitchFamily="34" charset="0"/>
                  <a:ea typeface="+mn-ea"/>
                </a:rPr>
                <a:t>başına 1.500€ üst limitli </a:t>
              </a:r>
              <a:r>
                <a:rPr kumimoji="0" lang="tr-TR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Futura Bk BT" pitchFamily="34" charset="0"/>
                  <a:ea typeface="+mn-ea"/>
                </a:rPr>
                <a:t>destek </a:t>
              </a:r>
              <a:endParaRPr kumimoji="0" lang="tr-TR" sz="1050" b="0" i="0" u="none" strike="noStrike" kern="0" cap="none" spc="0" normalizeH="0" baseline="0" noProof="0" dirty="0">
                <a:ln>
                  <a:noFill/>
                </a:ln>
                <a:solidFill>
                  <a:prstClr val="black">
                    <a:lumMod val="95000"/>
                    <a:lumOff val="5000"/>
                  </a:prstClr>
                </a:solidFill>
                <a:effectLst/>
                <a:uLnTx/>
                <a:uFillTx/>
                <a:latin typeface="Futura Bk BT" pitchFamily="34" charset="0"/>
                <a:ea typeface="+mn-ea"/>
              </a:endParaRPr>
            </a:p>
          </p:txBody>
        </p:sp>
      </p:grpSp>
      <p:grpSp>
        <p:nvGrpSpPr>
          <p:cNvPr id="320" name="Group 160"/>
          <p:cNvGrpSpPr/>
          <p:nvPr/>
        </p:nvGrpSpPr>
        <p:grpSpPr>
          <a:xfrm>
            <a:off x="740295" y="4432180"/>
            <a:ext cx="2532109" cy="1243533"/>
            <a:chOff x="380589" y="5156235"/>
            <a:chExt cx="2702950" cy="1104017"/>
          </a:xfrm>
        </p:grpSpPr>
        <p:sp>
          <p:nvSpPr>
            <p:cNvPr id="321" name="Rectangle 167"/>
            <p:cNvSpPr/>
            <p:nvPr/>
          </p:nvSpPr>
          <p:spPr>
            <a:xfrm>
              <a:off x="549985" y="5156235"/>
              <a:ext cx="2147206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tr-TR" sz="1200" b="1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>
                      <a:lumMod val="65000"/>
                      <a:lumOff val="35000"/>
                    </a:prstClr>
                  </a:solidFill>
                  <a:effectLst/>
                  <a:uLnTx/>
                  <a:uFillTx/>
                  <a:latin typeface="Futura Bk BT" panose="020B0502020204020303" pitchFamily="34" charset="0"/>
                  <a:ea typeface="+mn-ea"/>
                  <a:cs typeface="Arial" panose="020B0604020202020204" pitchFamily="34" charset="0"/>
                </a:rPr>
                <a:t>ERC Baş Araştırmacı Geliştirme Programı</a:t>
              </a:r>
              <a:endParaRPr kumimoji="0" lang="en-US" sz="12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  <a:cs typeface="Arial" panose="020B0604020202020204" pitchFamily="34" charset="0"/>
              </a:endParaRPr>
            </a:p>
          </p:txBody>
        </p:sp>
        <p:sp>
          <p:nvSpPr>
            <p:cNvPr id="323" name="Rectangle 165"/>
            <p:cNvSpPr/>
            <p:nvPr/>
          </p:nvSpPr>
          <p:spPr>
            <a:xfrm flipH="1">
              <a:off x="380589" y="5683171"/>
              <a:ext cx="2702950" cy="577081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177800" marR="0" lvl="0" indent="-17780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tr-TR" sz="1050" b="0" i="0" u="none" strike="noStrike" kern="0" cap="none" spc="0" normalizeH="0" baseline="0" noProof="0" dirty="0" err="1" smtClean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Futura Bk BT" pitchFamily="34" charset="0"/>
                  <a:ea typeface="+mn-ea"/>
                </a:rPr>
                <a:t>ERC’ye</a:t>
              </a:r>
              <a:r>
                <a:rPr kumimoji="0" lang="tr-TR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Futura Bk BT" pitchFamily="34" charset="0"/>
                  <a:ea typeface="+mn-ea"/>
                </a:rPr>
                <a:t> Katılım </a:t>
              </a:r>
              <a:r>
                <a:rPr lang="tr-TR" sz="1050" kern="0" dirty="0" smtClean="0">
                  <a:solidFill>
                    <a:prstClr val="black">
                      <a:lumMod val="95000"/>
                      <a:lumOff val="5000"/>
                    </a:prstClr>
                  </a:solidFill>
                  <a:latin typeface="Futura Bk BT" pitchFamily="34" charset="0"/>
                  <a:ea typeface="+mn-ea"/>
                </a:rPr>
                <a:t>ve </a:t>
              </a:r>
              <a:r>
                <a:rPr kumimoji="0" lang="tr-TR" sz="1050" b="0" i="0" u="none" strike="noStrike" kern="0" cap="none" spc="0" normalizeH="0" noProof="0" dirty="0" smtClean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Futura Bk BT" pitchFamily="34" charset="0"/>
                  <a:ea typeface="+mn-ea"/>
                </a:rPr>
                <a:t>Başarı Oranını Artırmak</a:t>
              </a:r>
              <a:endParaRPr kumimoji="0" lang="tr-TR" sz="105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>
                    <a:lumMod val="95000"/>
                    <a:lumOff val="5000"/>
                  </a:prstClr>
                </a:solidFill>
                <a:effectLst/>
                <a:uLnTx/>
                <a:uFillTx/>
                <a:latin typeface="Futura Bk BT" pitchFamily="34" charset="0"/>
                <a:ea typeface="+mn-ea"/>
              </a:endParaRPr>
            </a:p>
            <a:p>
              <a:pPr marL="177800" marR="0" lvl="0" indent="-17780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tr-TR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Futura Bk BT" pitchFamily="34" charset="0"/>
                  <a:ea typeface="+mn-ea"/>
                </a:rPr>
                <a:t>Proje başına 12.500€’ya kadar destek</a:t>
              </a:r>
            </a:p>
          </p:txBody>
        </p:sp>
      </p:grpSp>
      <p:sp>
        <p:nvSpPr>
          <p:cNvPr id="327" name="Rectangle 173"/>
          <p:cNvSpPr/>
          <p:nvPr/>
        </p:nvSpPr>
        <p:spPr>
          <a:xfrm flipH="1">
            <a:off x="5076056" y="2636912"/>
            <a:ext cx="2399348" cy="90024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77800" marR="0" lvl="0" indent="-17780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tr-TR" sz="1050" b="0" i="0" u="none" strike="noStrike" kern="0" cap="none" spc="0" normalizeH="0" baseline="0" noProof="0" dirty="0">
                <a:ln>
                  <a:noFill/>
                </a:ln>
                <a:solidFill>
                  <a:prstClr val="black">
                    <a:lumMod val="95000"/>
                    <a:lumOff val="5000"/>
                  </a:prstClr>
                </a:solidFill>
                <a:effectLst/>
                <a:uLnTx/>
                <a:uFillTx/>
                <a:latin typeface="Futura Bk BT" pitchFamily="34" charset="0"/>
                <a:ea typeface="+mn-ea"/>
              </a:rPr>
              <a:t>Çok ortaklı projelerde koordinatörlüğü desteklemek  </a:t>
            </a:r>
            <a:endParaRPr kumimoji="0" lang="tr-TR" sz="1050" b="0" i="0" u="none" strike="noStrike" kern="0" cap="none" spc="0" normalizeH="0" baseline="0" noProof="0" dirty="0" smtClean="0">
              <a:ln>
                <a:noFill/>
              </a:ln>
              <a:solidFill>
                <a:prstClr val="black">
                  <a:lumMod val="95000"/>
                  <a:lumOff val="5000"/>
                </a:prstClr>
              </a:solidFill>
              <a:effectLst/>
              <a:uLnTx/>
              <a:uFillTx/>
              <a:latin typeface="Futura Bk BT" pitchFamily="34" charset="0"/>
              <a:ea typeface="+mn-ea"/>
            </a:endParaRPr>
          </a:p>
          <a:p>
            <a:pPr marL="177800" marR="0" lvl="0" indent="-17780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tr-TR" sz="1050" b="0" i="0" u="none" strike="noStrike" kern="0" cap="none" spc="0" normalizeH="0" baseline="0" noProof="0" dirty="0">
                <a:ln>
                  <a:noFill/>
                </a:ln>
                <a:solidFill>
                  <a:prstClr val="black">
                    <a:lumMod val="95000"/>
                    <a:lumOff val="5000"/>
                  </a:prstClr>
                </a:solidFill>
                <a:effectLst/>
                <a:uLnTx/>
                <a:uFillTx/>
                <a:latin typeface="Futura Bk BT" pitchFamily="34" charset="0"/>
                <a:ea typeface="+mn-ea"/>
              </a:rPr>
              <a:t>Her bir koordinatör </a:t>
            </a:r>
            <a:r>
              <a:rPr kumimoji="0" lang="tr-TR" sz="105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>
                    <a:lumMod val="95000"/>
                    <a:lumOff val="5000"/>
                  </a:prstClr>
                </a:solidFill>
                <a:effectLst/>
                <a:uLnTx/>
                <a:uFillTx/>
                <a:latin typeface="Futura Bk BT" pitchFamily="34" charset="0"/>
                <a:ea typeface="+mn-ea"/>
              </a:rPr>
              <a:t>adayına toplam </a:t>
            </a:r>
            <a:r>
              <a:rPr kumimoji="0" lang="tr-TR" sz="1050" b="0" i="0" u="none" strike="noStrike" kern="0" cap="none" spc="0" normalizeH="0" baseline="0" noProof="0" dirty="0">
                <a:ln>
                  <a:noFill/>
                </a:ln>
                <a:solidFill>
                  <a:prstClr val="black">
                    <a:lumMod val="95000"/>
                    <a:lumOff val="5000"/>
                  </a:prstClr>
                </a:solidFill>
                <a:effectLst/>
                <a:uLnTx/>
                <a:uFillTx/>
                <a:latin typeface="Futura Bk BT" pitchFamily="34" charset="0"/>
                <a:ea typeface="+mn-ea"/>
              </a:rPr>
              <a:t>30.000€’ya kadar destek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tr-TR" sz="1050" b="0" i="0" u="none" strike="noStrike" kern="0" cap="none" spc="0" normalizeH="0" baseline="0" noProof="0" dirty="0">
              <a:ln>
                <a:noFill/>
              </a:ln>
              <a:solidFill>
                <a:prstClr val="black">
                  <a:lumMod val="95000"/>
                  <a:lumOff val="5000"/>
                </a:prstClr>
              </a:solidFill>
              <a:effectLst/>
              <a:uLnTx/>
              <a:uFillTx/>
              <a:latin typeface="Futura Bk BT" pitchFamily="34" charset="0"/>
              <a:ea typeface="+mn-ea"/>
            </a:endParaRPr>
          </a:p>
        </p:txBody>
      </p:sp>
      <p:grpSp>
        <p:nvGrpSpPr>
          <p:cNvPr id="334" name="Group 196"/>
          <p:cNvGrpSpPr/>
          <p:nvPr/>
        </p:nvGrpSpPr>
        <p:grpSpPr>
          <a:xfrm>
            <a:off x="5100819" y="4634676"/>
            <a:ext cx="1932886" cy="1836123"/>
            <a:chOff x="436156" y="5156235"/>
            <a:chExt cx="2535766" cy="2008240"/>
          </a:xfrm>
        </p:grpSpPr>
        <p:sp>
          <p:nvSpPr>
            <p:cNvPr id="343" name="Rectangle 203"/>
            <p:cNvSpPr/>
            <p:nvPr/>
          </p:nvSpPr>
          <p:spPr>
            <a:xfrm>
              <a:off x="484052" y="5156235"/>
              <a:ext cx="2065852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tr-TR" sz="1200" b="1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>
                      <a:lumMod val="65000"/>
                      <a:lumOff val="35000"/>
                    </a:prstClr>
                  </a:solidFill>
                  <a:effectLst/>
                  <a:uLnTx/>
                  <a:uFillTx/>
                  <a:latin typeface="Futura Bk BT" panose="020B0502020204020303" pitchFamily="34" charset="0"/>
                  <a:ea typeface="+mn-ea"/>
                  <a:cs typeface="Arial" panose="020B0604020202020204" pitchFamily="34" charset="0"/>
                </a:rPr>
                <a:t>Başarı ve Eşik üstü Ödülü</a:t>
              </a:r>
              <a:endParaRPr kumimoji="0" lang="en-US" sz="12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  <a:cs typeface="Arial" panose="020B0604020202020204" pitchFamily="34" charset="0"/>
              </a:endParaRPr>
            </a:p>
          </p:txBody>
        </p:sp>
        <p:sp>
          <p:nvSpPr>
            <p:cNvPr id="345" name="Rectangle 201"/>
            <p:cNvSpPr/>
            <p:nvPr/>
          </p:nvSpPr>
          <p:spPr>
            <a:xfrm flipH="1">
              <a:off x="436156" y="5617898"/>
              <a:ext cx="2535766" cy="1546577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177800" marR="0" lvl="0" indent="-17780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tr-TR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Futura Bk BT" pitchFamily="34" charset="0"/>
                  <a:ea typeface="+mn-ea"/>
                </a:rPr>
                <a:t>Eşik üstü: 7.000€’a kadar ödül</a:t>
              </a:r>
            </a:p>
            <a:p>
              <a:pPr marL="171450" marR="0" lvl="0" indent="-17145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tr-TR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Futura Bk BT" pitchFamily="34" charset="0"/>
                  <a:ea typeface="+mn-ea"/>
                </a:rPr>
                <a:t>Başarı: </a:t>
              </a:r>
            </a:p>
            <a:p>
              <a:pPr marL="171450" marR="0" lvl="0" indent="-17145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tr-TR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Futura Bk BT" pitchFamily="34" charset="0"/>
                  <a:ea typeface="+mn-ea"/>
                </a:rPr>
                <a:t>%80’i proje yürütücüsü</a:t>
              </a:r>
              <a:r>
                <a:rPr kumimoji="0" lang="tr-TR" sz="1050" b="0" i="0" u="none" strike="noStrike" kern="0" cap="none" spc="0" normalizeH="0" noProof="0" dirty="0" smtClean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Futura Bk BT" pitchFamily="34" charset="0"/>
                  <a:ea typeface="+mn-ea"/>
                </a:rPr>
                <a:t> ve </a:t>
              </a:r>
              <a:r>
                <a:rPr kumimoji="0" lang="tr-TR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Futura Bk BT" pitchFamily="34" charset="0"/>
                  <a:ea typeface="+mn-ea"/>
                </a:rPr>
                <a:t>ekibine, %20’si kuruluşa,</a:t>
              </a:r>
            </a:p>
            <a:p>
              <a:pPr marL="171450" marR="0" lvl="0" indent="-17145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lang="tr-TR" sz="1050" kern="0" dirty="0" smtClean="0">
                  <a:solidFill>
                    <a:prstClr val="black">
                      <a:lumMod val="95000"/>
                      <a:lumOff val="5000"/>
                    </a:prstClr>
                  </a:solidFill>
                  <a:latin typeface="Futura Bk BT" pitchFamily="34" charset="0"/>
                  <a:ea typeface="+mn-ea"/>
                </a:rPr>
                <a:t>220.000€ ---- 18.900€</a:t>
              </a:r>
            </a:p>
            <a:p>
              <a:pPr marL="171450" marR="0" lvl="0" indent="-17145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tr-TR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Futura Bk BT" pitchFamily="34" charset="0"/>
                  <a:ea typeface="+mn-ea"/>
                </a:rPr>
                <a:t>1.200.000€ ---- 64.500€</a:t>
              </a:r>
            </a:p>
            <a:p>
              <a:pPr marL="171450" marR="0" lvl="0" indent="-17145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endParaRPr kumimoji="0" lang="en-US" sz="105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>
                    <a:lumMod val="95000"/>
                    <a:lumOff val="5000"/>
                  </a:prstClr>
                </a:solidFill>
                <a:effectLst/>
                <a:uLnTx/>
                <a:uFillTx/>
                <a:latin typeface="Futura Bk BT" pitchFamily="34" charset="0"/>
                <a:ea typeface="+mn-ea"/>
              </a:endParaRPr>
            </a:p>
            <a:p>
              <a:pPr marL="177800" marR="0" lvl="0" indent="-17780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endParaRPr kumimoji="0" lang="tr-TR" sz="1050" b="0" i="0" u="none" strike="noStrike" kern="0" cap="none" spc="0" normalizeH="0" baseline="0" noProof="0" dirty="0">
                <a:ln>
                  <a:noFill/>
                </a:ln>
                <a:solidFill>
                  <a:prstClr val="black">
                    <a:lumMod val="95000"/>
                    <a:lumOff val="5000"/>
                  </a:prstClr>
                </a:solidFill>
                <a:effectLst/>
                <a:uLnTx/>
                <a:uFillTx/>
                <a:latin typeface="Futura Bk BT" pitchFamily="34" charset="0"/>
                <a:ea typeface="+mn-ea"/>
              </a:endParaRPr>
            </a:p>
          </p:txBody>
        </p:sp>
      </p:grpSp>
      <p:sp>
        <p:nvSpPr>
          <p:cNvPr id="361" name="Dikdörtgen 360"/>
          <p:cNvSpPr/>
          <p:nvPr/>
        </p:nvSpPr>
        <p:spPr>
          <a:xfrm>
            <a:off x="-9" y="69012"/>
            <a:ext cx="863097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tr-TR" sz="2400" b="1" dirty="0" smtClean="0">
                <a:solidFill>
                  <a:schemeClr val="bg1"/>
                </a:solidFill>
                <a:latin typeface="Futura Bk BT" panose="020B0502020204020303" pitchFamily="34" charset="0"/>
              </a:rPr>
              <a:t>U2020 Destek ve Ödül Programları</a:t>
            </a:r>
            <a:endParaRPr lang="tr-TR" sz="2400" b="1" dirty="0">
              <a:solidFill>
                <a:schemeClr val="bg1"/>
              </a:solidFill>
              <a:latin typeface="Futura Bk BT" panose="020B0502020204020303" pitchFamily="34" charset="0"/>
            </a:endParaRPr>
          </a:p>
        </p:txBody>
      </p:sp>
      <p:grpSp>
        <p:nvGrpSpPr>
          <p:cNvPr id="88" name="Group 104"/>
          <p:cNvGrpSpPr/>
          <p:nvPr/>
        </p:nvGrpSpPr>
        <p:grpSpPr>
          <a:xfrm>
            <a:off x="4615403" y="1849483"/>
            <a:ext cx="2860001" cy="769441"/>
            <a:chOff x="3966616" y="832983"/>
            <a:chExt cx="2458609" cy="769441"/>
          </a:xfrm>
        </p:grpSpPr>
        <p:sp>
          <p:nvSpPr>
            <p:cNvPr id="89" name="Rectangle 106"/>
            <p:cNvSpPr/>
            <p:nvPr/>
          </p:nvSpPr>
          <p:spPr>
            <a:xfrm>
              <a:off x="3966616" y="832983"/>
              <a:ext cx="1336401" cy="769441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tr-TR" sz="1100" b="1" kern="0" dirty="0" smtClean="0">
                  <a:solidFill>
                    <a:prstClr val="black">
                      <a:lumMod val="65000"/>
                      <a:lumOff val="35000"/>
                    </a:prstClr>
                  </a:solidFill>
                  <a:latin typeface="Futura Bk BT" panose="020B0502020204020303" pitchFamily="34" charset="0"/>
                  <a:ea typeface="+mn-ea"/>
                  <a:cs typeface="Arial" panose="020B0604020202020204" pitchFamily="34" charset="0"/>
                </a:rPr>
                <a:t>U2020 </a:t>
              </a:r>
              <a:r>
                <a:rPr kumimoji="0" lang="tr-TR" sz="1100" b="1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>
                      <a:lumMod val="65000"/>
                      <a:lumOff val="35000"/>
                    </a:prstClr>
                  </a:solidFill>
                  <a:effectLst/>
                  <a:uLnTx/>
                  <a:uFillTx/>
                  <a:latin typeface="Futura Bk BT" panose="020B0502020204020303" pitchFamily="34" charset="0"/>
                  <a:ea typeface="+mn-ea"/>
                  <a:cs typeface="Arial" panose="020B0604020202020204" pitchFamily="34" charset="0"/>
                </a:rPr>
                <a:t>Koordinatörlüğü Destekleme Programı</a:t>
              </a:r>
              <a:endParaRPr kumimoji="0" lang="en-US" sz="11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  <a:cs typeface="Arial" panose="020B0604020202020204" pitchFamily="34" charset="0"/>
              </a:endParaRPr>
            </a:p>
          </p:txBody>
        </p:sp>
        <p:sp>
          <p:nvSpPr>
            <p:cNvPr id="90" name="Chevron 107"/>
            <p:cNvSpPr/>
            <p:nvPr/>
          </p:nvSpPr>
          <p:spPr>
            <a:xfrm>
              <a:off x="5165630" y="1151481"/>
              <a:ext cx="201640" cy="248098"/>
            </a:xfrm>
            <a:prstGeom prst="chevron">
              <a:avLst>
                <a:gd name="adj" fmla="val 44093"/>
              </a:avLst>
            </a:prstGeom>
            <a:solidFill>
              <a:sysClr val="window" lastClr="FFFFFF">
                <a:lumMod val="65000"/>
              </a:sys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  <a:cs typeface="+mn-cs"/>
              </a:endParaRPr>
            </a:p>
          </p:txBody>
        </p:sp>
        <p:grpSp>
          <p:nvGrpSpPr>
            <p:cNvPr id="92" name="Group 67"/>
            <p:cNvGrpSpPr/>
            <p:nvPr/>
          </p:nvGrpSpPr>
          <p:grpSpPr>
            <a:xfrm>
              <a:off x="5446086" y="859595"/>
              <a:ext cx="979139" cy="616801"/>
              <a:chOff x="5818532" y="995197"/>
              <a:chExt cx="814580" cy="513137"/>
            </a:xfrm>
            <a:solidFill>
              <a:srgbClr val="FFFFFF">
                <a:lumMod val="75000"/>
              </a:srgbClr>
            </a:solidFill>
          </p:grpSpPr>
          <p:grpSp>
            <p:nvGrpSpPr>
              <p:cNvPr id="93" name="Group 68"/>
              <p:cNvGrpSpPr/>
              <p:nvPr/>
            </p:nvGrpSpPr>
            <p:grpSpPr>
              <a:xfrm>
                <a:off x="5818532" y="995197"/>
                <a:ext cx="327497" cy="513137"/>
                <a:chOff x="4476677" y="1272973"/>
                <a:chExt cx="489471" cy="782341"/>
              </a:xfrm>
              <a:grpFill/>
            </p:grpSpPr>
            <p:sp>
              <p:nvSpPr>
                <p:cNvPr id="108" name="Freeform 63"/>
                <p:cNvSpPr>
                  <a:spLocks/>
                </p:cNvSpPr>
                <p:nvPr/>
              </p:nvSpPr>
              <p:spPr bwMode="auto">
                <a:xfrm>
                  <a:off x="4625824" y="1617366"/>
                  <a:ext cx="81353" cy="437948"/>
                </a:xfrm>
                <a:custGeom>
                  <a:avLst/>
                  <a:gdLst>
                    <a:gd name="T0" fmla="*/ 13 w 60"/>
                    <a:gd name="T1" fmla="*/ 0 h 323"/>
                    <a:gd name="T2" fmla="*/ 47 w 60"/>
                    <a:gd name="T3" fmla="*/ 0 h 323"/>
                    <a:gd name="T4" fmla="*/ 52 w 60"/>
                    <a:gd name="T5" fmla="*/ 0 h 323"/>
                    <a:gd name="T6" fmla="*/ 56 w 60"/>
                    <a:gd name="T7" fmla="*/ 3 h 323"/>
                    <a:gd name="T8" fmla="*/ 59 w 60"/>
                    <a:gd name="T9" fmla="*/ 7 h 323"/>
                    <a:gd name="T10" fmla="*/ 60 w 60"/>
                    <a:gd name="T11" fmla="*/ 13 h 323"/>
                    <a:gd name="T12" fmla="*/ 60 w 60"/>
                    <a:gd name="T13" fmla="*/ 310 h 323"/>
                    <a:gd name="T14" fmla="*/ 59 w 60"/>
                    <a:gd name="T15" fmla="*/ 316 h 323"/>
                    <a:gd name="T16" fmla="*/ 56 w 60"/>
                    <a:gd name="T17" fmla="*/ 319 h 323"/>
                    <a:gd name="T18" fmla="*/ 52 w 60"/>
                    <a:gd name="T19" fmla="*/ 321 h 323"/>
                    <a:gd name="T20" fmla="*/ 47 w 60"/>
                    <a:gd name="T21" fmla="*/ 323 h 323"/>
                    <a:gd name="T22" fmla="*/ 13 w 60"/>
                    <a:gd name="T23" fmla="*/ 323 h 323"/>
                    <a:gd name="T24" fmla="*/ 9 w 60"/>
                    <a:gd name="T25" fmla="*/ 321 h 323"/>
                    <a:gd name="T26" fmla="*/ 4 w 60"/>
                    <a:gd name="T27" fmla="*/ 319 h 323"/>
                    <a:gd name="T28" fmla="*/ 1 w 60"/>
                    <a:gd name="T29" fmla="*/ 316 h 323"/>
                    <a:gd name="T30" fmla="*/ 0 w 60"/>
                    <a:gd name="T31" fmla="*/ 310 h 323"/>
                    <a:gd name="T32" fmla="*/ 0 w 60"/>
                    <a:gd name="T33" fmla="*/ 13 h 323"/>
                    <a:gd name="T34" fmla="*/ 1 w 60"/>
                    <a:gd name="T35" fmla="*/ 7 h 323"/>
                    <a:gd name="T36" fmla="*/ 4 w 60"/>
                    <a:gd name="T37" fmla="*/ 3 h 323"/>
                    <a:gd name="T38" fmla="*/ 9 w 60"/>
                    <a:gd name="T39" fmla="*/ 0 h 323"/>
                    <a:gd name="T40" fmla="*/ 13 w 60"/>
                    <a:gd name="T41" fmla="*/ 0 h 323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</a:cxnLst>
                  <a:rect l="0" t="0" r="r" b="b"/>
                  <a:pathLst>
                    <a:path w="60" h="323">
                      <a:moveTo>
                        <a:pt x="13" y="0"/>
                      </a:moveTo>
                      <a:lnTo>
                        <a:pt x="47" y="0"/>
                      </a:lnTo>
                      <a:lnTo>
                        <a:pt x="52" y="0"/>
                      </a:lnTo>
                      <a:lnTo>
                        <a:pt x="56" y="3"/>
                      </a:lnTo>
                      <a:lnTo>
                        <a:pt x="59" y="7"/>
                      </a:lnTo>
                      <a:lnTo>
                        <a:pt x="60" y="13"/>
                      </a:lnTo>
                      <a:lnTo>
                        <a:pt x="60" y="310"/>
                      </a:lnTo>
                      <a:lnTo>
                        <a:pt x="59" y="316"/>
                      </a:lnTo>
                      <a:lnTo>
                        <a:pt x="56" y="319"/>
                      </a:lnTo>
                      <a:lnTo>
                        <a:pt x="52" y="321"/>
                      </a:lnTo>
                      <a:lnTo>
                        <a:pt x="47" y="323"/>
                      </a:lnTo>
                      <a:lnTo>
                        <a:pt x="13" y="323"/>
                      </a:lnTo>
                      <a:lnTo>
                        <a:pt x="9" y="321"/>
                      </a:lnTo>
                      <a:lnTo>
                        <a:pt x="4" y="319"/>
                      </a:lnTo>
                      <a:lnTo>
                        <a:pt x="1" y="316"/>
                      </a:lnTo>
                      <a:lnTo>
                        <a:pt x="0" y="310"/>
                      </a:lnTo>
                      <a:lnTo>
                        <a:pt x="0" y="13"/>
                      </a:lnTo>
                      <a:lnTo>
                        <a:pt x="1" y="7"/>
                      </a:lnTo>
                      <a:lnTo>
                        <a:pt x="4" y="3"/>
                      </a:lnTo>
                      <a:lnTo>
                        <a:pt x="9" y="0"/>
                      </a:lnTo>
                      <a:lnTo>
                        <a:pt x="13" y="0"/>
                      </a:lnTo>
                      <a:close/>
                    </a:path>
                  </a:pathLst>
                </a:custGeom>
                <a:grpFill/>
                <a:ln w="0">
                  <a:noFill/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  <p:sp>
              <p:nvSpPr>
                <p:cNvPr id="109" name="Freeform 64"/>
                <p:cNvSpPr>
                  <a:spLocks/>
                </p:cNvSpPr>
                <p:nvPr/>
              </p:nvSpPr>
              <p:spPr bwMode="auto">
                <a:xfrm>
                  <a:off x="4732938" y="1617366"/>
                  <a:ext cx="79997" cy="437948"/>
                </a:xfrm>
                <a:custGeom>
                  <a:avLst/>
                  <a:gdLst>
                    <a:gd name="T0" fmla="*/ 13 w 59"/>
                    <a:gd name="T1" fmla="*/ 0 h 323"/>
                    <a:gd name="T2" fmla="*/ 47 w 59"/>
                    <a:gd name="T3" fmla="*/ 0 h 323"/>
                    <a:gd name="T4" fmla="*/ 52 w 59"/>
                    <a:gd name="T5" fmla="*/ 0 h 323"/>
                    <a:gd name="T6" fmla="*/ 56 w 59"/>
                    <a:gd name="T7" fmla="*/ 3 h 323"/>
                    <a:gd name="T8" fmla="*/ 59 w 59"/>
                    <a:gd name="T9" fmla="*/ 7 h 323"/>
                    <a:gd name="T10" fmla="*/ 59 w 59"/>
                    <a:gd name="T11" fmla="*/ 13 h 323"/>
                    <a:gd name="T12" fmla="*/ 59 w 59"/>
                    <a:gd name="T13" fmla="*/ 310 h 323"/>
                    <a:gd name="T14" fmla="*/ 59 w 59"/>
                    <a:gd name="T15" fmla="*/ 316 h 323"/>
                    <a:gd name="T16" fmla="*/ 56 w 59"/>
                    <a:gd name="T17" fmla="*/ 319 h 323"/>
                    <a:gd name="T18" fmla="*/ 52 w 59"/>
                    <a:gd name="T19" fmla="*/ 321 h 323"/>
                    <a:gd name="T20" fmla="*/ 47 w 59"/>
                    <a:gd name="T21" fmla="*/ 323 h 323"/>
                    <a:gd name="T22" fmla="*/ 13 w 59"/>
                    <a:gd name="T23" fmla="*/ 323 h 323"/>
                    <a:gd name="T24" fmla="*/ 9 w 59"/>
                    <a:gd name="T25" fmla="*/ 321 h 323"/>
                    <a:gd name="T26" fmla="*/ 4 w 59"/>
                    <a:gd name="T27" fmla="*/ 319 h 323"/>
                    <a:gd name="T28" fmla="*/ 1 w 59"/>
                    <a:gd name="T29" fmla="*/ 316 h 323"/>
                    <a:gd name="T30" fmla="*/ 0 w 59"/>
                    <a:gd name="T31" fmla="*/ 310 h 323"/>
                    <a:gd name="T32" fmla="*/ 0 w 59"/>
                    <a:gd name="T33" fmla="*/ 13 h 323"/>
                    <a:gd name="T34" fmla="*/ 1 w 59"/>
                    <a:gd name="T35" fmla="*/ 7 h 323"/>
                    <a:gd name="T36" fmla="*/ 4 w 59"/>
                    <a:gd name="T37" fmla="*/ 3 h 323"/>
                    <a:gd name="T38" fmla="*/ 9 w 59"/>
                    <a:gd name="T39" fmla="*/ 0 h 323"/>
                    <a:gd name="T40" fmla="*/ 13 w 59"/>
                    <a:gd name="T41" fmla="*/ 0 h 323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</a:cxnLst>
                  <a:rect l="0" t="0" r="r" b="b"/>
                  <a:pathLst>
                    <a:path w="59" h="323">
                      <a:moveTo>
                        <a:pt x="13" y="0"/>
                      </a:moveTo>
                      <a:lnTo>
                        <a:pt x="47" y="0"/>
                      </a:lnTo>
                      <a:lnTo>
                        <a:pt x="52" y="0"/>
                      </a:lnTo>
                      <a:lnTo>
                        <a:pt x="56" y="3"/>
                      </a:lnTo>
                      <a:lnTo>
                        <a:pt x="59" y="7"/>
                      </a:lnTo>
                      <a:lnTo>
                        <a:pt x="59" y="13"/>
                      </a:lnTo>
                      <a:lnTo>
                        <a:pt x="59" y="310"/>
                      </a:lnTo>
                      <a:lnTo>
                        <a:pt x="59" y="316"/>
                      </a:lnTo>
                      <a:lnTo>
                        <a:pt x="56" y="319"/>
                      </a:lnTo>
                      <a:lnTo>
                        <a:pt x="52" y="321"/>
                      </a:lnTo>
                      <a:lnTo>
                        <a:pt x="47" y="323"/>
                      </a:lnTo>
                      <a:lnTo>
                        <a:pt x="13" y="323"/>
                      </a:lnTo>
                      <a:lnTo>
                        <a:pt x="9" y="321"/>
                      </a:lnTo>
                      <a:lnTo>
                        <a:pt x="4" y="319"/>
                      </a:lnTo>
                      <a:lnTo>
                        <a:pt x="1" y="316"/>
                      </a:lnTo>
                      <a:lnTo>
                        <a:pt x="0" y="310"/>
                      </a:lnTo>
                      <a:lnTo>
                        <a:pt x="0" y="13"/>
                      </a:lnTo>
                      <a:lnTo>
                        <a:pt x="1" y="7"/>
                      </a:lnTo>
                      <a:lnTo>
                        <a:pt x="4" y="3"/>
                      </a:lnTo>
                      <a:lnTo>
                        <a:pt x="9" y="0"/>
                      </a:lnTo>
                      <a:lnTo>
                        <a:pt x="13" y="0"/>
                      </a:lnTo>
                      <a:close/>
                    </a:path>
                  </a:pathLst>
                </a:custGeom>
                <a:grpFill/>
                <a:ln w="0">
                  <a:noFill/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  <p:sp>
              <p:nvSpPr>
                <p:cNvPr id="111" name="Freeform 66"/>
                <p:cNvSpPr>
                  <a:spLocks/>
                </p:cNvSpPr>
                <p:nvPr/>
              </p:nvSpPr>
              <p:spPr bwMode="auto">
                <a:xfrm>
                  <a:off x="4476677" y="1442458"/>
                  <a:ext cx="211516" cy="284734"/>
                </a:xfrm>
                <a:custGeom>
                  <a:avLst/>
                  <a:gdLst>
                    <a:gd name="T0" fmla="*/ 124 w 156"/>
                    <a:gd name="T1" fmla="*/ 0 h 210"/>
                    <a:gd name="T2" fmla="*/ 127 w 156"/>
                    <a:gd name="T3" fmla="*/ 2 h 210"/>
                    <a:gd name="T4" fmla="*/ 152 w 156"/>
                    <a:gd name="T5" fmla="*/ 17 h 210"/>
                    <a:gd name="T6" fmla="*/ 155 w 156"/>
                    <a:gd name="T7" fmla="*/ 20 h 210"/>
                    <a:gd name="T8" fmla="*/ 156 w 156"/>
                    <a:gd name="T9" fmla="*/ 23 h 210"/>
                    <a:gd name="T10" fmla="*/ 156 w 156"/>
                    <a:gd name="T11" fmla="*/ 27 h 210"/>
                    <a:gd name="T12" fmla="*/ 155 w 156"/>
                    <a:gd name="T13" fmla="*/ 32 h 210"/>
                    <a:gd name="T14" fmla="*/ 43 w 156"/>
                    <a:gd name="T15" fmla="*/ 205 h 210"/>
                    <a:gd name="T16" fmla="*/ 40 w 156"/>
                    <a:gd name="T17" fmla="*/ 208 h 210"/>
                    <a:gd name="T18" fmla="*/ 35 w 156"/>
                    <a:gd name="T19" fmla="*/ 210 h 210"/>
                    <a:gd name="T20" fmla="*/ 31 w 156"/>
                    <a:gd name="T21" fmla="*/ 210 h 210"/>
                    <a:gd name="T22" fmla="*/ 28 w 156"/>
                    <a:gd name="T23" fmla="*/ 208 h 210"/>
                    <a:gd name="T24" fmla="*/ 4 w 156"/>
                    <a:gd name="T25" fmla="*/ 192 h 210"/>
                    <a:gd name="T26" fmla="*/ 1 w 156"/>
                    <a:gd name="T27" fmla="*/ 189 h 210"/>
                    <a:gd name="T28" fmla="*/ 0 w 156"/>
                    <a:gd name="T29" fmla="*/ 185 h 210"/>
                    <a:gd name="T30" fmla="*/ 0 w 156"/>
                    <a:gd name="T31" fmla="*/ 182 h 210"/>
                    <a:gd name="T32" fmla="*/ 1 w 156"/>
                    <a:gd name="T33" fmla="*/ 178 h 210"/>
                    <a:gd name="T34" fmla="*/ 113 w 156"/>
                    <a:gd name="T35" fmla="*/ 4 h 210"/>
                    <a:gd name="T36" fmla="*/ 116 w 156"/>
                    <a:gd name="T37" fmla="*/ 2 h 210"/>
                    <a:gd name="T38" fmla="*/ 120 w 156"/>
                    <a:gd name="T39" fmla="*/ 0 h 210"/>
                    <a:gd name="T40" fmla="*/ 124 w 156"/>
                    <a:gd name="T41" fmla="*/ 0 h 210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</a:cxnLst>
                  <a:rect l="0" t="0" r="r" b="b"/>
                  <a:pathLst>
                    <a:path w="156" h="210">
                      <a:moveTo>
                        <a:pt x="124" y="0"/>
                      </a:moveTo>
                      <a:lnTo>
                        <a:pt x="127" y="2"/>
                      </a:lnTo>
                      <a:lnTo>
                        <a:pt x="152" y="17"/>
                      </a:lnTo>
                      <a:lnTo>
                        <a:pt x="155" y="20"/>
                      </a:lnTo>
                      <a:lnTo>
                        <a:pt x="156" y="23"/>
                      </a:lnTo>
                      <a:lnTo>
                        <a:pt x="156" y="27"/>
                      </a:lnTo>
                      <a:lnTo>
                        <a:pt x="155" y="32"/>
                      </a:lnTo>
                      <a:lnTo>
                        <a:pt x="43" y="205"/>
                      </a:lnTo>
                      <a:lnTo>
                        <a:pt x="40" y="208"/>
                      </a:lnTo>
                      <a:lnTo>
                        <a:pt x="35" y="210"/>
                      </a:lnTo>
                      <a:lnTo>
                        <a:pt x="31" y="210"/>
                      </a:lnTo>
                      <a:lnTo>
                        <a:pt x="28" y="208"/>
                      </a:lnTo>
                      <a:lnTo>
                        <a:pt x="4" y="192"/>
                      </a:lnTo>
                      <a:lnTo>
                        <a:pt x="1" y="189"/>
                      </a:lnTo>
                      <a:lnTo>
                        <a:pt x="0" y="185"/>
                      </a:lnTo>
                      <a:lnTo>
                        <a:pt x="0" y="182"/>
                      </a:lnTo>
                      <a:lnTo>
                        <a:pt x="1" y="178"/>
                      </a:lnTo>
                      <a:lnTo>
                        <a:pt x="113" y="4"/>
                      </a:lnTo>
                      <a:lnTo>
                        <a:pt x="116" y="2"/>
                      </a:lnTo>
                      <a:lnTo>
                        <a:pt x="120" y="0"/>
                      </a:lnTo>
                      <a:lnTo>
                        <a:pt x="124" y="0"/>
                      </a:lnTo>
                      <a:close/>
                    </a:path>
                  </a:pathLst>
                </a:custGeom>
                <a:grpFill/>
                <a:ln w="0">
                  <a:noFill/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  <p:sp>
              <p:nvSpPr>
                <p:cNvPr id="112" name="Freeform 67"/>
                <p:cNvSpPr>
                  <a:spLocks/>
                </p:cNvSpPr>
                <p:nvPr/>
              </p:nvSpPr>
              <p:spPr bwMode="auto">
                <a:xfrm>
                  <a:off x="4751920" y="1442458"/>
                  <a:ext cx="214228" cy="284734"/>
                </a:xfrm>
                <a:custGeom>
                  <a:avLst/>
                  <a:gdLst>
                    <a:gd name="T0" fmla="*/ 33 w 158"/>
                    <a:gd name="T1" fmla="*/ 0 h 210"/>
                    <a:gd name="T2" fmla="*/ 38 w 158"/>
                    <a:gd name="T3" fmla="*/ 0 h 210"/>
                    <a:gd name="T4" fmla="*/ 40 w 158"/>
                    <a:gd name="T5" fmla="*/ 2 h 210"/>
                    <a:gd name="T6" fmla="*/ 43 w 158"/>
                    <a:gd name="T7" fmla="*/ 4 h 210"/>
                    <a:gd name="T8" fmla="*/ 157 w 158"/>
                    <a:gd name="T9" fmla="*/ 178 h 210"/>
                    <a:gd name="T10" fmla="*/ 158 w 158"/>
                    <a:gd name="T11" fmla="*/ 182 h 210"/>
                    <a:gd name="T12" fmla="*/ 158 w 158"/>
                    <a:gd name="T13" fmla="*/ 185 h 210"/>
                    <a:gd name="T14" fmla="*/ 157 w 158"/>
                    <a:gd name="T15" fmla="*/ 189 h 210"/>
                    <a:gd name="T16" fmla="*/ 152 w 158"/>
                    <a:gd name="T17" fmla="*/ 192 h 210"/>
                    <a:gd name="T18" fmla="*/ 129 w 158"/>
                    <a:gd name="T19" fmla="*/ 208 h 210"/>
                    <a:gd name="T20" fmla="*/ 125 w 158"/>
                    <a:gd name="T21" fmla="*/ 210 h 210"/>
                    <a:gd name="T22" fmla="*/ 121 w 158"/>
                    <a:gd name="T23" fmla="*/ 210 h 210"/>
                    <a:gd name="T24" fmla="*/ 116 w 158"/>
                    <a:gd name="T25" fmla="*/ 208 h 210"/>
                    <a:gd name="T26" fmla="*/ 114 w 158"/>
                    <a:gd name="T27" fmla="*/ 205 h 210"/>
                    <a:gd name="T28" fmla="*/ 2 w 158"/>
                    <a:gd name="T29" fmla="*/ 32 h 210"/>
                    <a:gd name="T30" fmla="*/ 0 w 158"/>
                    <a:gd name="T31" fmla="*/ 27 h 210"/>
                    <a:gd name="T32" fmla="*/ 0 w 158"/>
                    <a:gd name="T33" fmla="*/ 23 h 210"/>
                    <a:gd name="T34" fmla="*/ 2 w 158"/>
                    <a:gd name="T35" fmla="*/ 20 h 210"/>
                    <a:gd name="T36" fmla="*/ 5 w 158"/>
                    <a:gd name="T37" fmla="*/ 17 h 210"/>
                    <a:gd name="T38" fmla="*/ 29 w 158"/>
                    <a:gd name="T39" fmla="*/ 2 h 210"/>
                    <a:gd name="T40" fmla="*/ 33 w 158"/>
                    <a:gd name="T41" fmla="*/ 0 h 210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</a:cxnLst>
                  <a:rect l="0" t="0" r="r" b="b"/>
                  <a:pathLst>
                    <a:path w="158" h="210">
                      <a:moveTo>
                        <a:pt x="33" y="0"/>
                      </a:moveTo>
                      <a:lnTo>
                        <a:pt x="38" y="0"/>
                      </a:lnTo>
                      <a:lnTo>
                        <a:pt x="40" y="2"/>
                      </a:lnTo>
                      <a:lnTo>
                        <a:pt x="43" y="4"/>
                      </a:lnTo>
                      <a:lnTo>
                        <a:pt x="157" y="178"/>
                      </a:lnTo>
                      <a:lnTo>
                        <a:pt x="158" y="182"/>
                      </a:lnTo>
                      <a:lnTo>
                        <a:pt x="158" y="185"/>
                      </a:lnTo>
                      <a:lnTo>
                        <a:pt x="157" y="189"/>
                      </a:lnTo>
                      <a:lnTo>
                        <a:pt x="152" y="192"/>
                      </a:lnTo>
                      <a:lnTo>
                        <a:pt x="129" y="208"/>
                      </a:lnTo>
                      <a:lnTo>
                        <a:pt x="125" y="210"/>
                      </a:lnTo>
                      <a:lnTo>
                        <a:pt x="121" y="210"/>
                      </a:lnTo>
                      <a:lnTo>
                        <a:pt x="116" y="208"/>
                      </a:lnTo>
                      <a:lnTo>
                        <a:pt x="114" y="205"/>
                      </a:lnTo>
                      <a:lnTo>
                        <a:pt x="2" y="32"/>
                      </a:lnTo>
                      <a:lnTo>
                        <a:pt x="0" y="27"/>
                      </a:lnTo>
                      <a:lnTo>
                        <a:pt x="0" y="23"/>
                      </a:lnTo>
                      <a:lnTo>
                        <a:pt x="2" y="20"/>
                      </a:lnTo>
                      <a:lnTo>
                        <a:pt x="5" y="17"/>
                      </a:lnTo>
                      <a:lnTo>
                        <a:pt x="29" y="2"/>
                      </a:lnTo>
                      <a:lnTo>
                        <a:pt x="33" y="0"/>
                      </a:lnTo>
                      <a:close/>
                    </a:path>
                  </a:pathLst>
                </a:custGeom>
                <a:grpFill/>
                <a:ln w="0">
                  <a:noFill/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  <p:sp>
              <p:nvSpPr>
                <p:cNvPr id="113" name="Freeform 68"/>
                <p:cNvSpPr>
                  <a:spLocks/>
                </p:cNvSpPr>
                <p:nvPr/>
              </p:nvSpPr>
              <p:spPr bwMode="auto">
                <a:xfrm>
                  <a:off x="4647518" y="1272973"/>
                  <a:ext cx="145079" cy="146435"/>
                </a:xfrm>
                <a:custGeom>
                  <a:avLst/>
                  <a:gdLst>
                    <a:gd name="T0" fmla="*/ 54 w 107"/>
                    <a:gd name="T1" fmla="*/ 0 h 108"/>
                    <a:gd name="T2" fmla="*/ 74 w 107"/>
                    <a:gd name="T3" fmla="*/ 5 h 108"/>
                    <a:gd name="T4" fmla="*/ 92 w 107"/>
                    <a:gd name="T5" fmla="*/ 16 h 108"/>
                    <a:gd name="T6" fmla="*/ 103 w 107"/>
                    <a:gd name="T7" fmla="*/ 33 h 108"/>
                    <a:gd name="T8" fmla="*/ 107 w 107"/>
                    <a:gd name="T9" fmla="*/ 55 h 108"/>
                    <a:gd name="T10" fmla="*/ 103 w 107"/>
                    <a:gd name="T11" fmla="*/ 75 h 108"/>
                    <a:gd name="T12" fmla="*/ 92 w 107"/>
                    <a:gd name="T13" fmla="*/ 92 h 108"/>
                    <a:gd name="T14" fmla="*/ 74 w 107"/>
                    <a:gd name="T15" fmla="*/ 104 h 108"/>
                    <a:gd name="T16" fmla="*/ 54 w 107"/>
                    <a:gd name="T17" fmla="*/ 108 h 108"/>
                    <a:gd name="T18" fmla="*/ 33 w 107"/>
                    <a:gd name="T19" fmla="*/ 104 h 108"/>
                    <a:gd name="T20" fmla="*/ 16 w 107"/>
                    <a:gd name="T21" fmla="*/ 92 h 108"/>
                    <a:gd name="T22" fmla="*/ 4 w 107"/>
                    <a:gd name="T23" fmla="*/ 75 h 108"/>
                    <a:gd name="T24" fmla="*/ 0 w 107"/>
                    <a:gd name="T25" fmla="*/ 55 h 108"/>
                    <a:gd name="T26" fmla="*/ 4 w 107"/>
                    <a:gd name="T27" fmla="*/ 33 h 108"/>
                    <a:gd name="T28" fmla="*/ 16 w 107"/>
                    <a:gd name="T29" fmla="*/ 16 h 108"/>
                    <a:gd name="T30" fmla="*/ 33 w 107"/>
                    <a:gd name="T31" fmla="*/ 5 h 108"/>
                    <a:gd name="T32" fmla="*/ 54 w 107"/>
                    <a:gd name="T33" fmla="*/ 0 h 108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</a:cxnLst>
                  <a:rect l="0" t="0" r="r" b="b"/>
                  <a:pathLst>
                    <a:path w="107" h="108">
                      <a:moveTo>
                        <a:pt x="54" y="0"/>
                      </a:moveTo>
                      <a:lnTo>
                        <a:pt x="74" y="5"/>
                      </a:lnTo>
                      <a:lnTo>
                        <a:pt x="92" y="16"/>
                      </a:lnTo>
                      <a:lnTo>
                        <a:pt x="103" y="33"/>
                      </a:lnTo>
                      <a:lnTo>
                        <a:pt x="107" y="55"/>
                      </a:lnTo>
                      <a:lnTo>
                        <a:pt x="103" y="75"/>
                      </a:lnTo>
                      <a:lnTo>
                        <a:pt x="92" y="92"/>
                      </a:lnTo>
                      <a:lnTo>
                        <a:pt x="74" y="104"/>
                      </a:lnTo>
                      <a:lnTo>
                        <a:pt x="54" y="108"/>
                      </a:lnTo>
                      <a:lnTo>
                        <a:pt x="33" y="104"/>
                      </a:lnTo>
                      <a:lnTo>
                        <a:pt x="16" y="92"/>
                      </a:lnTo>
                      <a:lnTo>
                        <a:pt x="4" y="75"/>
                      </a:lnTo>
                      <a:lnTo>
                        <a:pt x="0" y="55"/>
                      </a:lnTo>
                      <a:lnTo>
                        <a:pt x="4" y="33"/>
                      </a:lnTo>
                      <a:lnTo>
                        <a:pt x="16" y="16"/>
                      </a:lnTo>
                      <a:lnTo>
                        <a:pt x="33" y="5"/>
                      </a:lnTo>
                      <a:lnTo>
                        <a:pt x="54" y="0"/>
                      </a:lnTo>
                      <a:close/>
                    </a:path>
                  </a:pathLst>
                </a:custGeom>
                <a:grpFill/>
                <a:ln w="0">
                  <a:noFill/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  <p:sp>
              <p:nvSpPr>
                <p:cNvPr id="110" name="Freeform 65"/>
                <p:cNvSpPr>
                  <a:spLocks/>
                </p:cNvSpPr>
                <p:nvPr/>
              </p:nvSpPr>
              <p:spPr bwMode="auto">
                <a:xfrm>
                  <a:off x="4625824" y="1441103"/>
                  <a:ext cx="188467" cy="287446"/>
                </a:xfrm>
                <a:custGeom>
                  <a:avLst/>
                  <a:gdLst>
                    <a:gd name="T0" fmla="*/ 13 w 139"/>
                    <a:gd name="T1" fmla="*/ 0 h 212"/>
                    <a:gd name="T2" fmla="*/ 126 w 139"/>
                    <a:gd name="T3" fmla="*/ 0 h 212"/>
                    <a:gd name="T4" fmla="*/ 132 w 139"/>
                    <a:gd name="T5" fmla="*/ 1 h 212"/>
                    <a:gd name="T6" fmla="*/ 135 w 139"/>
                    <a:gd name="T7" fmla="*/ 4 h 212"/>
                    <a:gd name="T8" fmla="*/ 138 w 139"/>
                    <a:gd name="T9" fmla="*/ 7 h 212"/>
                    <a:gd name="T10" fmla="*/ 139 w 139"/>
                    <a:gd name="T11" fmla="*/ 11 h 212"/>
                    <a:gd name="T12" fmla="*/ 139 w 139"/>
                    <a:gd name="T13" fmla="*/ 200 h 212"/>
                    <a:gd name="T14" fmla="*/ 138 w 139"/>
                    <a:gd name="T15" fmla="*/ 205 h 212"/>
                    <a:gd name="T16" fmla="*/ 135 w 139"/>
                    <a:gd name="T17" fmla="*/ 209 h 212"/>
                    <a:gd name="T18" fmla="*/ 132 w 139"/>
                    <a:gd name="T19" fmla="*/ 212 h 212"/>
                    <a:gd name="T20" fmla="*/ 126 w 139"/>
                    <a:gd name="T21" fmla="*/ 212 h 212"/>
                    <a:gd name="T22" fmla="*/ 13 w 139"/>
                    <a:gd name="T23" fmla="*/ 212 h 212"/>
                    <a:gd name="T24" fmla="*/ 9 w 139"/>
                    <a:gd name="T25" fmla="*/ 212 h 212"/>
                    <a:gd name="T26" fmla="*/ 4 w 139"/>
                    <a:gd name="T27" fmla="*/ 209 h 212"/>
                    <a:gd name="T28" fmla="*/ 1 w 139"/>
                    <a:gd name="T29" fmla="*/ 205 h 212"/>
                    <a:gd name="T30" fmla="*/ 0 w 139"/>
                    <a:gd name="T31" fmla="*/ 200 h 212"/>
                    <a:gd name="T32" fmla="*/ 0 w 139"/>
                    <a:gd name="T33" fmla="*/ 11 h 212"/>
                    <a:gd name="T34" fmla="*/ 1 w 139"/>
                    <a:gd name="T35" fmla="*/ 7 h 212"/>
                    <a:gd name="T36" fmla="*/ 4 w 139"/>
                    <a:gd name="T37" fmla="*/ 4 h 212"/>
                    <a:gd name="T38" fmla="*/ 9 w 139"/>
                    <a:gd name="T39" fmla="*/ 1 h 212"/>
                    <a:gd name="T40" fmla="*/ 13 w 139"/>
                    <a:gd name="T41" fmla="*/ 0 h 212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</a:cxnLst>
                  <a:rect l="0" t="0" r="r" b="b"/>
                  <a:pathLst>
                    <a:path w="139" h="212">
                      <a:moveTo>
                        <a:pt x="13" y="0"/>
                      </a:moveTo>
                      <a:lnTo>
                        <a:pt x="126" y="0"/>
                      </a:lnTo>
                      <a:lnTo>
                        <a:pt x="132" y="1"/>
                      </a:lnTo>
                      <a:lnTo>
                        <a:pt x="135" y="4"/>
                      </a:lnTo>
                      <a:lnTo>
                        <a:pt x="138" y="7"/>
                      </a:lnTo>
                      <a:lnTo>
                        <a:pt x="139" y="11"/>
                      </a:lnTo>
                      <a:lnTo>
                        <a:pt x="139" y="200"/>
                      </a:lnTo>
                      <a:lnTo>
                        <a:pt x="138" y="205"/>
                      </a:lnTo>
                      <a:lnTo>
                        <a:pt x="135" y="209"/>
                      </a:lnTo>
                      <a:lnTo>
                        <a:pt x="132" y="212"/>
                      </a:lnTo>
                      <a:lnTo>
                        <a:pt x="126" y="212"/>
                      </a:lnTo>
                      <a:lnTo>
                        <a:pt x="13" y="212"/>
                      </a:lnTo>
                      <a:lnTo>
                        <a:pt x="9" y="212"/>
                      </a:lnTo>
                      <a:lnTo>
                        <a:pt x="4" y="209"/>
                      </a:lnTo>
                      <a:lnTo>
                        <a:pt x="1" y="205"/>
                      </a:lnTo>
                      <a:lnTo>
                        <a:pt x="0" y="200"/>
                      </a:lnTo>
                      <a:lnTo>
                        <a:pt x="0" y="11"/>
                      </a:lnTo>
                      <a:lnTo>
                        <a:pt x="1" y="7"/>
                      </a:lnTo>
                      <a:lnTo>
                        <a:pt x="4" y="4"/>
                      </a:lnTo>
                      <a:lnTo>
                        <a:pt x="9" y="1"/>
                      </a:lnTo>
                      <a:lnTo>
                        <a:pt x="13" y="0"/>
                      </a:lnTo>
                      <a:close/>
                    </a:path>
                  </a:pathLst>
                </a:custGeom>
                <a:blipFill>
                  <a:blip r:embed="rId4"/>
                  <a:stretch>
                    <a:fillRect/>
                  </a:stretch>
                </a:blipFill>
                <a:ln w="0">
                  <a:noFill/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</p:grpSp>
          <p:grpSp>
            <p:nvGrpSpPr>
              <p:cNvPr id="94" name="Group 69"/>
              <p:cNvGrpSpPr/>
              <p:nvPr/>
            </p:nvGrpSpPr>
            <p:grpSpPr>
              <a:xfrm>
                <a:off x="6109408" y="1043939"/>
                <a:ext cx="294466" cy="461375"/>
                <a:chOff x="4476677" y="1272973"/>
                <a:chExt cx="489471" cy="782341"/>
              </a:xfrm>
              <a:grpFill/>
            </p:grpSpPr>
            <p:sp>
              <p:nvSpPr>
                <p:cNvPr id="102" name="Freeform 63"/>
                <p:cNvSpPr>
                  <a:spLocks/>
                </p:cNvSpPr>
                <p:nvPr/>
              </p:nvSpPr>
              <p:spPr bwMode="auto">
                <a:xfrm>
                  <a:off x="4625824" y="1617366"/>
                  <a:ext cx="81353" cy="437948"/>
                </a:xfrm>
                <a:custGeom>
                  <a:avLst/>
                  <a:gdLst>
                    <a:gd name="T0" fmla="*/ 13 w 60"/>
                    <a:gd name="T1" fmla="*/ 0 h 323"/>
                    <a:gd name="T2" fmla="*/ 47 w 60"/>
                    <a:gd name="T3" fmla="*/ 0 h 323"/>
                    <a:gd name="T4" fmla="*/ 52 w 60"/>
                    <a:gd name="T5" fmla="*/ 0 h 323"/>
                    <a:gd name="T6" fmla="*/ 56 w 60"/>
                    <a:gd name="T7" fmla="*/ 3 h 323"/>
                    <a:gd name="T8" fmla="*/ 59 w 60"/>
                    <a:gd name="T9" fmla="*/ 7 h 323"/>
                    <a:gd name="T10" fmla="*/ 60 w 60"/>
                    <a:gd name="T11" fmla="*/ 13 h 323"/>
                    <a:gd name="T12" fmla="*/ 60 w 60"/>
                    <a:gd name="T13" fmla="*/ 310 h 323"/>
                    <a:gd name="T14" fmla="*/ 59 w 60"/>
                    <a:gd name="T15" fmla="*/ 316 h 323"/>
                    <a:gd name="T16" fmla="*/ 56 w 60"/>
                    <a:gd name="T17" fmla="*/ 319 h 323"/>
                    <a:gd name="T18" fmla="*/ 52 w 60"/>
                    <a:gd name="T19" fmla="*/ 321 h 323"/>
                    <a:gd name="T20" fmla="*/ 47 w 60"/>
                    <a:gd name="T21" fmla="*/ 323 h 323"/>
                    <a:gd name="T22" fmla="*/ 13 w 60"/>
                    <a:gd name="T23" fmla="*/ 323 h 323"/>
                    <a:gd name="T24" fmla="*/ 9 w 60"/>
                    <a:gd name="T25" fmla="*/ 321 h 323"/>
                    <a:gd name="T26" fmla="*/ 4 w 60"/>
                    <a:gd name="T27" fmla="*/ 319 h 323"/>
                    <a:gd name="T28" fmla="*/ 1 w 60"/>
                    <a:gd name="T29" fmla="*/ 316 h 323"/>
                    <a:gd name="T30" fmla="*/ 0 w 60"/>
                    <a:gd name="T31" fmla="*/ 310 h 323"/>
                    <a:gd name="T32" fmla="*/ 0 w 60"/>
                    <a:gd name="T33" fmla="*/ 13 h 323"/>
                    <a:gd name="T34" fmla="*/ 1 w 60"/>
                    <a:gd name="T35" fmla="*/ 7 h 323"/>
                    <a:gd name="T36" fmla="*/ 4 w 60"/>
                    <a:gd name="T37" fmla="*/ 3 h 323"/>
                    <a:gd name="T38" fmla="*/ 9 w 60"/>
                    <a:gd name="T39" fmla="*/ 0 h 323"/>
                    <a:gd name="T40" fmla="*/ 13 w 60"/>
                    <a:gd name="T41" fmla="*/ 0 h 323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</a:cxnLst>
                  <a:rect l="0" t="0" r="r" b="b"/>
                  <a:pathLst>
                    <a:path w="60" h="323">
                      <a:moveTo>
                        <a:pt x="13" y="0"/>
                      </a:moveTo>
                      <a:lnTo>
                        <a:pt x="47" y="0"/>
                      </a:lnTo>
                      <a:lnTo>
                        <a:pt x="52" y="0"/>
                      </a:lnTo>
                      <a:lnTo>
                        <a:pt x="56" y="3"/>
                      </a:lnTo>
                      <a:lnTo>
                        <a:pt x="59" y="7"/>
                      </a:lnTo>
                      <a:lnTo>
                        <a:pt x="60" y="13"/>
                      </a:lnTo>
                      <a:lnTo>
                        <a:pt x="60" y="310"/>
                      </a:lnTo>
                      <a:lnTo>
                        <a:pt x="59" y="316"/>
                      </a:lnTo>
                      <a:lnTo>
                        <a:pt x="56" y="319"/>
                      </a:lnTo>
                      <a:lnTo>
                        <a:pt x="52" y="321"/>
                      </a:lnTo>
                      <a:lnTo>
                        <a:pt x="47" y="323"/>
                      </a:lnTo>
                      <a:lnTo>
                        <a:pt x="13" y="323"/>
                      </a:lnTo>
                      <a:lnTo>
                        <a:pt x="9" y="321"/>
                      </a:lnTo>
                      <a:lnTo>
                        <a:pt x="4" y="319"/>
                      </a:lnTo>
                      <a:lnTo>
                        <a:pt x="1" y="316"/>
                      </a:lnTo>
                      <a:lnTo>
                        <a:pt x="0" y="310"/>
                      </a:lnTo>
                      <a:lnTo>
                        <a:pt x="0" y="13"/>
                      </a:lnTo>
                      <a:lnTo>
                        <a:pt x="1" y="7"/>
                      </a:lnTo>
                      <a:lnTo>
                        <a:pt x="4" y="3"/>
                      </a:lnTo>
                      <a:lnTo>
                        <a:pt x="9" y="0"/>
                      </a:lnTo>
                      <a:lnTo>
                        <a:pt x="13" y="0"/>
                      </a:lnTo>
                      <a:close/>
                    </a:path>
                  </a:pathLst>
                </a:custGeom>
                <a:grpFill/>
                <a:ln w="0">
                  <a:noFill/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  <p:sp>
              <p:nvSpPr>
                <p:cNvPr id="103" name="Freeform 64"/>
                <p:cNvSpPr>
                  <a:spLocks/>
                </p:cNvSpPr>
                <p:nvPr/>
              </p:nvSpPr>
              <p:spPr bwMode="auto">
                <a:xfrm>
                  <a:off x="4732938" y="1617366"/>
                  <a:ext cx="79997" cy="437948"/>
                </a:xfrm>
                <a:custGeom>
                  <a:avLst/>
                  <a:gdLst>
                    <a:gd name="T0" fmla="*/ 13 w 59"/>
                    <a:gd name="T1" fmla="*/ 0 h 323"/>
                    <a:gd name="T2" fmla="*/ 47 w 59"/>
                    <a:gd name="T3" fmla="*/ 0 h 323"/>
                    <a:gd name="T4" fmla="*/ 52 w 59"/>
                    <a:gd name="T5" fmla="*/ 0 h 323"/>
                    <a:gd name="T6" fmla="*/ 56 w 59"/>
                    <a:gd name="T7" fmla="*/ 3 h 323"/>
                    <a:gd name="T8" fmla="*/ 59 w 59"/>
                    <a:gd name="T9" fmla="*/ 7 h 323"/>
                    <a:gd name="T10" fmla="*/ 59 w 59"/>
                    <a:gd name="T11" fmla="*/ 13 h 323"/>
                    <a:gd name="T12" fmla="*/ 59 w 59"/>
                    <a:gd name="T13" fmla="*/ 310 h 323"/>
                    <a:gd name="T14" fmla="*/ 59 w 59"/>
                    <a:gd name="T15" fmla="*/ 316 h 323"/>
                    <a:gd name="T16" fmla="*/ 56 w 59"/>
                    <a:gd name="T17" fmla="*/ 319 h 323"/>
                    <a:gd name="T18" fmla="*/ 52 w 59"/>
                    <a:gd name="T19" fmla="*/ 321 h 323"/>
                    <a:gd name="T20" fmla="*/ 47 w 59"/>
                    <a:gd name="T21" fmla="*/ 323 h 323"/>
                    <a:gd name="T22" fmla="*/ 13 w 59"/>
                    <a:gd name="T23" fmla="*/ 323 h 323"/>
                    <a:gd name="T24" fmla="*/ 9 w 59"/>
                    <a:gd name="T25" fmla="*/ 321 h 323"/>
                    <a:gd name="T26" fmla="*/ 4 w 59"/>
                    <a:gd name="T27" fmla="*/ 319 h 323"/>
                    <a:gd name="T28" fmla="*/ 1 w 59"/>
                    <a:gd name="T29" fmla="*/ 316 h 323"/>
                    <a:gd name="T30" fmla="*/ 0 w 59"/>
                    <a:gd name="T31" fmla="*/ 310 h 323"/>
                    <a:gd name="T32" fmla="*/ 0 w 59"/>
                    <a:gd name="T33" fmla="*/ 13 h 323"/>
                    <a:gd name="T34" fmla="*/ 1 w 59"/>
                    <a:gd name="T35" fmla="*/ 7 h 323"/>
                    <a:gd name="T36" fmla="*/ 4 w 59"/>
                    <a:gd name="T37" fmla="*/ 3 h 323"/>
                    <a:gd name="T38" fmla="*/ 9 w 59"/>
                    <a:gd name="T39" fmla="*/ 0 h 323"/>
                    <a:gd name="T40" fmla="*/ 13 w 59"/>
                    <a:gd name="T41" fmla="*/ 0 h 323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</a:cxnLst>
                  <a:rect l="0" t="0" r="r" b="b"/>
                  <a:pathLst>
                    <a:path w="59" h="323">
                      <a:moveTo>
                        <a:pt x="13" y="0"/>
                      </a:moveTo>
                      <a:lnTo>
                        <a:pt x="47" y="0"/>
                      </a:lnTo>
                      <a:lnTo>
                        <a:pt x="52" y="0"/>
                      </a:lnTo>
                      <a:lnTo>
                        <a:pt x="56" y="3"/>
                      </a:lnTo>
                      <a:lnTo>
                        <a:pt x="59" y="7"/>
                      </a:lnTo>
                      <a:lnTo>
                        <a:pt x="59" y="13"/>
                      </a:lnTo>
                      <a:lnTo>
                        <a:pt x="59" y="310"/>
                      </a:lnTo>
                      <a:lnTo>
                        <a:pt x="59" y="316"/>
                      </a:lnTo>
                      <a:lnTo>
                        <a:pt x="56" y="319"/>
                      </a:lnTo>
                      <a:lnTo>
                        <a:pt x="52" y="321"/>
                      </a:lnTo>
                      <a:lnTo>
                        <a:pt x="47" y="323"/>
                      </a:lnTo>
                      <a:lnTo>
                        <a:pt x="13" y="323"/>
                      </a:lnTo>
                      <a:lnTo>
                        <a:pt x="9" y="321"/>
                      </a:lnTo>
                      <a:lnTo>
                        <a:pt x="4" y="319"/>
                      </a:lnTo>
                      <a:lnTo>
                        <a:pt x="1" y="316"/>
                      </a:lnTo>
                      <a:lnTo>
                        <a:pt x="0" y="310"/>
                      </a:lnTo>
                      <a:lnTo>
                        <a:pt x="0" y="13"/>
                      </a:lnTo>
                      <a:lnTo>
                        <a:pt x="1" y="7"/>
                      </a:lnTo>
                      <a:lnTo>
                        <a:pt x="4" y="3"/>
                      </a:lnTo>
                      <a:lnTo>
                        <a:pt x="9" y="0"/>
                      </a:lnTo>
                      <a:lnTo>
                        <a:pt x="13" y="0"/>
                      </a:lnTo>
                      <a:close/>
                    </a:path>
                  </a:pathLst>
                </a:custGeom>
                <a:grpFill/>
                <a:ln w="0">
                  <a:noFill/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  <p:sp>
              <p:nvSpPr>
                <p:cNvPr id="104" name="Freeform 65"/>
                <p:cNvSpPr>
                  <a:spLocks/>
                </p:cNvSpPr>
                <p:nvPr/>
              </p:nvSpPr>
              <p:spPr bwMode="auto">
                <a:xfrm>
                  <a:off x="4625824" y="1441103"/>
                  <a:ext cx="188467" cy="287446"/>
                </a:xfrm>
                <a:custGeom>
                  <a:avLst/>
                  <a:gdLst>
                    <a:gd name="T0" fmla="*/ 13 w 139"/>
                    <a:gd name="T1" fmla="*/ 0 h 212"/>
                    <a:gd name="T2" fmla="*/ 126 w 139"/>
                    <a:gd name="T3" fmla="*/ 0 h 212"/>
                    <a:gd name="T4" fmla="*/ 132 w 139"/>
                    <a:gd name="T5" fmla="*/ 1 h 212"/>
                    <a:gd name="T6" fmla="*/ 135 w 139"/>
                    <a:gd name="T7" fmla="*/ 4 h 212"/>
                    <a:gd name="T8" fmla="*/ 138 w 139"/>
                    <a:gd name="T9" fmla="*/ 7 h 212"/>
                    <a:gd name="T10" fmla="*/ 139 w 139"/>
                    <a:gd name="T11" fmla="*/ 11 h 212"/>
                    <a:gd name="T12" fmla="*/ 139 w 139"/>
                    <a:gd name="T13" fmla="*/ 200 h 212"/>
                    <a:gd name="T14" fmla="*/ 138 w 139"/>
                    <a:gd name="T15" fmla="*/ 205 h 212"/>
                    <a:gd name="T16" fmla="*/ 135 w 139"/>
                    <a:gd name="T17" fmla="*/ 209 h 212"/>
                    <a:gd name="T18" fmla="*/ 132 w 139"/>
                    <a:gd name="T19" fmla="*/ 212 h 212"/>
                    <a:gd name="T20" fmla="*/ 126 w 139"/>
                    <a:gd name="T21" fmla="*/ 212 h 212"/>
                    <a:gd name="T22" fmla="*/ 13 w 139"/>
                    <a:gd name="T23" fmla="*/ 212 h 212"/>
                    <a:gd name="T24" fmla="*/ 9 w 139"/>
                    <a:gd name="T25" fmla="*/ 212 h 212"/>
                    <a:gd name="T26" fmla="*/ 4 w 139"/>
                    <a:gd name="T27" fmla="*/ 209 h 212"/>
                    <a:gd name="T28" fmla="*/ 1 w 139"/>
                    <a:gd name="T29" fmla="*/ 205 h 212"/>
                    <a:gd name="T30" fmla="*/ 0 w 139"/>
                    <a:gd name="T31" fmla="*/ 200 h 212"/>
                    <a:gd name="T32" fmla="*/ 0 w 139"/>
                    <a:gd name="T33" fmla="*/ 11 h 212"/>
                    <a:gd name="T34" fmla="*/ 1 w 139"/>
                    <a:gd name="T35" fmla="*/ 7 h 212"/>
                    <a:gd name="T36" fmla="*/ 4 w 139"/>
                    <a:gd name="T37" fmla="*/ 4 h 212"/>
                    <a:gd name="T38" fmla="*/ 9 w 139"/>
                    <a:gd name="T39" fmla="*/ 1 h 212"/>
                    <a:gd name="T40" fmla="*/ 13 w 139"/>
                    <a:gd name="T41" fmla="*/ 0 h 212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</a:cxnLst>
                  <a:rect l="0" t="0" r="r" b="b"/>
                  <a:pathLst>
                    <a:path w="139" h="212">
                      <a:moveTo>
                        <a:pt x="13" y="0"/>
                      </a:moveTo>
                      <a:lnTo>
                        <a:pt x="126" y="0"/>
                      </a:lnTo>
                      <a:lnTo>
                        <a:pt x="132" y="1"/>
                      </a:lnTo>
                      <a:lnTo>
                        <a:pt x="135" y="4"/>
                      </a:lnTo>
                      <a:lnTo>
                        <a:pt x="138" y="7"/>
                      </a:lnTo>
                      <a:lnTo>
                        <a:pt x="139" y="11"/>
                      </a:lnTo>
                      <a:lnTo>
                        <a:pt x="139" y="200"/>
                      </a:lnTo>
                      <a:lnTo>
                        <a:pt x="138" y="205"/>
                      </a:lnTo>
                      <a:lnTo>
                        <a:pt x="135" y="209"/>
                      </a:lnTo>
                      <a:lnTo>
                        <a:pt x="132" y="212"/>
                      </a:lnTo>
                      <a:lnTo>
                        <a:pt x="126" y="212"/>
                      </a:lnTo>
                      <a:lnTo>
                        <a:pt x="13" y="212"/>
                      </a:lnTo>
                      <a:lnTo>
                        <a:pt x="9" y="212"/>
                      </a:lnTo>
                      <a:lnTo>
                        <a:pt x="4" y="209"/>
                      </a:lnTo>
                      <a:lnTo>
                        <a:pt x="1" y="205"/>
                      </a:lnTo>
                      <a:lnTo>
                        <a:pt x="0" y="200"/>
                      </a:lnTo>
                      <a:lnTo>
                        <a:pt x="0" y="11"/>
                      </a:lnTo>
                      <a:lnTo>
                        <a:pt x="1" y="7"/>
                      </a:lnTo>
                      <a:lnTo>
                        <a:pt x="4" y="4"/>
                      </a:lnTo>
                      <a:lnTo>
                        <a:pt x="9" y="1"/>
                      </a:lnTo>
                      <a:lnTo>
                        <a:pt x="13" y="0"/>
                      </a:lnTo>
                      <a:close/>
                    </a:path>
                  </a:pathLst>
                </a:custGeom>
                <a:grpFill/>
                <a:ln w="0">
                  <a:noFill/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  <p:sp>
              <p:nvSpPr>
                <p:cNvPr id="105" name="Freeform 66"/>
                <p:cNvSpPr>
                  <a:spLocks/>
                </p:cNvSpPr>
                <p:nvPr/>
              </p:nvSpPr>
              <p:spPr bwMode="auto">
                <a:xfrm>
                  <a:off x="4476677" y="1442458"/>
                  <a:ext cx="211516" cy="284734"/>
                </a:xfrm>
                <a:custGeom>
                  <a:avLst/>
                  <a:gdLst>
                    <a:gd name="T0" fmla="*/ 124 w 156"/>
                    <a:gd name="T1" fmla="*/ 0 h 210"/>
                    <a:gd name="T2" fmla="*/ 127 w 156"/>
                    <a:gd name="T3" fmla="*/ 2 h 210"/>
                    <a:gd name="T4" fmla="*/ 152 w 156"/>
                    <a:gd name="T5" fmla="*/ 17 h 210"/>
                    <a:gd name="T6" fmla="*/ 155 w 156"/>
                    <a:gd name="T7" fmla="*/ 20 h 210"/>
                    <a:gd name="T8" fmla="*/ 156 w 156"/>
                    <a:gd name="T9" fmla="*/ 23 h 210"/>
                    <a:gd name="T10" fmla="*/ 156 w 156"/>
                    <a:gd name="T11" fmla="*/ 27 h 210"/>
                    <a:gd name="T12" fmla="*/ 155 w 156"/>
                    <a:gd name="T13" fmla="*/ 32 h 210"/>
                    <a:gd name="T14" fmla="*/ 43 w 156"/>
                    <a:gd name="T15" fmla="*/ 205 h 210"/>
                    <a:gd name="T16" fmla="*/ 40 w 156"/>
                    <a:gd name="T17" fmla="*/ 208 h 210"/>
                    <a:gd name="T18" fmla="*/ 35 w 156"/>
                    <a:gd name="T19" fmla="*/ 210 h 210"/>
                    <a:gd name="T20" fmla="*/ 31 w 156"/>
                    <a:gd name="T21" fmla="*/ 210 h 210"/>
                    <a:gd name="T22" fmla="*/ 28 w 156"/>
                    <a:gd name="T23" fmla="*/ 208 h 210"/>
                    <a:gd name="T24" fmla="*/ 4 w 156"/>
                    <a:gd name="T25" fmla="*/ 192 h 210"/>
                    <a:gd name="T26" fmla="*/ 1 w 156"/>
                    <a:gd name="T27" fmla="*/ 189 h 210"/>
                    <a:gd name="T28" fmla="*/ 0 w 156"/>
                    <a:gd name="T29" fmla="*/ 185 h 210"/>
                    <a:gd name="T30" fmla="*/ 0 w 156"/>
                    <a:gd name="T31" fmla="*/ 182 h 210"/>
                    <a:gd name="T32" fmla="*/ 1 w 156"/>
                    <a:gd name="T33" fmla="*/ 178 h 210"/>
                    <a:gd name="T34" fmla="*/ 113 w 156"/>
                    <a:gd name="T35" fmla="*/ 4 h 210"/>
                    <a:gd name="T36" fmla="*/ 116 w 156"/>
                    <a:gd name="T37" fmla="*/ 2 h 210"/>
                    <a:gd name="T38" fmla="*/ 120 w 156"/>
                    <a:gd name="T39" fmla="*/ 0 h 210"/>
                    <a:gd name="T40" fmla="*/ 124 w 156"/>
                    <a:gd name="T41" fmla="*/ 0 h 210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</a:cxnLst>
                  <a:rect l="0" t="0" r="r" b="b"/>
                  <a:pathLst>
                    <a:path w="156" h="210">
                      <a:moveTo>
                        <a:pt x="124" y="0"/>
                      </a:moveTo>
                      <a:lnTo>
                        <a:pt x="127" y="2"/>
                      </a:lnTo>
                      <a:lnTo>
                        <a:pt x="152" y="17"/>
                      </a:lnTo>
                      <a:lnTo>
                        <a:pt x="155" y="20"/>
                      </a:lnTo>
                      <a:lnTo>
                        <a:pt x="156" y="23"/>
                      </a:lnTo>
                      <a:lnTo>
                        <a:pt x="156" y="27"/>
                      </a:lnTo>
                      <a:lnTo>
                        <a:pt x="155" y="32"/>
                      </a:lnTo>
                      <a:lnTo>
                        <a:pt x="43" y="205"/>
                      </a:lnTo>
                      <a:lnTo>
                        <a:pt x="40" y="208"/>
                      </a:lnTo>
                      <a:lnTo>
                        <a:pt x="35" y="210"/>
                      </a:lnTo>
                      <a:lnTo>
                        <a:pt x="31" y="210"/>
                      </a:lnTo>
                      <a:lnTo>
                        <a:pt x="28" y="208"/>
                      </a:lnTo>
                      <a:lnTo>
                        <a:pt x="4" y="192"/>
                      </a:lnTo>
                      <a:lnTo>
                        <a:pt x="1" y="189"/>
                      </a:lnTo>
                      <a:lnTo>
                        <a:pt x="0" y="185"/>
                      </a:lnTo>
                      <a:lnTo>
                        <a:pt x="0" y="182"/>
                      </a:lnTo>
                      <a:lnTo>
                        <a:pt x="1" y="178"/>
                      </a:lnTo>
                      <a:lnTo>
                        <a:pt x="113" y="4"/>
                      </a:lnTo>
                      <a:lnTo>
                        <a:pt x="116" y="2"/>
                      </a:lnTo>
                      <a:lnTo>
                        <a:pt x="120" y="0"/>
                      </a:lnTo>
                      <a:lnTo>
                        <a:pt x="124" y="0"/>
                      </a:lnTo>
                      <a:close/>
                    </a:path>
                  </a:pathLst>
                </a:custGeom>
                <a:grpFill/>
                <a:ln w="0">
                  <a:noFill/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  <p:sp>
              <p:nvSpPr>
                <p:cNvPr id="106" name="Freeform 67"/>
                <p:cNvSpPr>
                  <a:spLocks/>
                </p:cNvSpPr>
                <p:nvPr/>
              </p:nvSpPr>
              <p:spPr bwMode="auto">
                <a:xfrm>
                  <a:off x="4751920" y="1442458"/>
                  <a:ext cx="214228" cy="284734"/>
                </a:xfrm>
                <a:custGeom>
                  <a:avLst/>
                  <a:gdLst>
                    <a:gd name="T0" fmla="*/ 33 w 158"/>
                    <a:gd name="T1" fmla="*/ 0 h 210"/>
                    <a:gd name="T2" fmla="*/ 38 w 158"/>
                    <a:gd name="T3" fmla="*/ 0 h 210"/>
                    <a:gd name="T4" fmla="*/ 40 w 158"/>
                    <a:gd name="T5" fmla="*/ 2 h 210"/>
                    <a:gd name="T6" fmla="*/ 43 w 158"/>
                    <a:gd name="T7" fmla="*/ 4 h 210"/>
                    <a:gd name="T8" fmla="*/ 157 w 158"/>
                    <a:gd name="T9" fmla="*/ 178 h 210"/>
                    <a:gd name="T10" fmla="*/ 158 w 158"/>
                    <a:gd name="T11" fmla="*/ 182 h 210"/>
                    <a:gd name="T12" fmla="*/ 158 w 158"/>
                    <a:gd name="T13" fmla="*/ 185 h 210"/>
                    <a:gd name="T14" fmla="*/ 157 w 158"/>
                    <a:gd name="T15" fmla="*/ 189 h 210"/>
                    <a:gd name="T16" fmla="*/ 152 w 158"/>
                    <a:gd name="T17" fmla="*/ 192 h 210"/>
                    <a:gd name="T18" fmla="*/ 129 w 158"/>
                    <a:gd name="T19" fmla="*/ 208 h 210"/>
                    <a:gd name="T20" fmla="*/ 125 w 158"/>
                    <a:gd name="T21" fmla="*/ 210 h 210"/>
                    <a:gd name="T22" fmla="*/ 121 w 158"/>
                    <a:gd name="T23" fmla="*/ 210 h 210"/>
                    <a:gd name="T24" fmla="*/ 116 w 158"/>
                    <a:gd name="T25" fmla="*/ 208 h 210"/>
                    <a:gd name="T26" fmla="*/ 114 w 158"/>
                    <a:gd name="T27" fmla="*/ 205 h 210"/>
                    <a:gd name="T28" fmla="*/ 2 w 158"/>
                    <a:gd name="T29" fmla="*/ 32 h 210"/>
                    <a:gd name="T30" fmla="*/ 0 w 158"/>
                    <a:gd name="T31" fmla="*/ 27 h 210"/>
                    <a:gd name="T32" fmla="*/ 0 w 158"/>
                    <a:gd name="T33" fmla="*/ 23 h 210"/>
                    <a:gd name="T34" fmla="*/ 2 w 158"/>
                    <a:gd name="T35" fmla="*/ 20 h 210"/>
                    <a:gd name="T36" fmla="*/ 5 w 158"/>
                    <a:gd name="T37" fmla="*/ 17 h 210"/>
                    <a:gd name="T38" fmla="*/ 29 w 158"/>
                    <a:gd name="T39" fmla="*/ 2 h 210"/>
                    <a:gd name="T40" fmla="*/ 33 w 158"/>
                    <a:gd name="T41" fmla="*/ 0 h 210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</a:cxnLst>
                  <a:rect l="0" t="0" r="r" b="b"/>
                  <a:pathLst>
                    <a:path w="158" h="210">
                      <a:moveTo>
                        <a:pt x="33" y="0"/>
                      </a:moveTo>
                      <a:lnTo>
                        <a:pt x="38" y="0"/>
                      </a:lnTo>
                      <a:lnTo>
                        <a:pt x="40" y="2"/>
                      </a:lnTo>
                      <a:lnTo>
                        <a:pt x="43" y="4"/>
                      </a:lnTo>
                      <a:lnTo>
                        <a:pt x="157" y="178"/>
                      </a:lnTo>
                      <a:lnTo>
                        <a:pt x="158" y="182"/>
                      </a:lnTo>
                      <a:lnTo>
                        <a:pt x="158" y="185"/>
                      </a:lnTo>
                      <a:lnTo>
                        <a:pt x="157" y="189"/>
                      </a:lnTo>
                      <a:lnTo>
                        <a:pt x="152" y="192"/>
                      </a:lnTo>
                      <a:lnTo>
                        <a:pt x="129" y="208"/>
                      </a:lnTo>
                      <a:lnTo>
                        <a:pt x="125" y="210"/>
                      </a:lnTo>
                      <a:lnTo>
                        <a:pt x="121" y="210"/>
                      </a:lnTo>
                      <a:lnTo>
                        <a:pt x="116" y="208"/>
                      </a:lnTo>
                      <a:lnTo>
                        <a:pt x="114" y="205"/>
                      </a:lnTo>
                      <a:lnTo>
                        <a:pt x="2" y="32"/>
                      </a:lnTo>
                      <a:lnTo>
                        <a:pt x="0" y="27"/>
                      </a:lnTo>
                      <a:lnTo>
                        <a:pt x="0" y="23"/>
                      </a:lnTo>
                      <a:lnTo>
                        <a:pt x="2" y="20"/>
                      </a:lnTo>
                      <a:lnTo>
                        <a:pt x="5" y="17"/>
                      </a:lnTo>
                      <a:lnTo>
                        <a:pt x="29" y="2"/>
                      </a:lnTo>
                      <a:lnTo>
                        <a:pt x="33" y="0"/>
                      </a:lnTo>
                      <a:close/>
                    </a:path>
                  </a:pathLst>
                </a:custGeom>
                <a:grpFill/>
                <a:ln w="0">
                  <a:noFill/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  <p:sp>
              <p:nvSpPr>
                <p:cNvPr id="107" name="Freeform 68"/>
                <p:cNvSpPr>
                  <a:spLocks/>
                </p:cNvSpPr>
                <p:nvPr/>
              </p:nvSpPr>
              <p:spPr bwMode="auto">
                <a:xfrm>
                  <a:off x="4647518" y="1272973"/>
                  <a:ext cx="145079" cy="146435"/>
                </a:xfrm>
                <a:custGeom>
                  <a:avLst/>
                  <a:gdLst>
                    <a:gd name="T0" fmla="*/ 54 w 107"/>
                    <a:gd name="T1" fmla="*/ 0 h 108"/>
                    <a:gd name="T2" fmla="*/ 74 w 107"/>
                    <a:gd name="T3" fmla="*/ 5 h 108"/>
                    <a:gd name="T4" fmla="*/ 92 w 107"/>
                    <a:gd name="T5" fmla="*/ 16 h 108"/>
                    <a:gd name="T6" fmla="*/ 103 w 107"/>
                    <a:gd name="T7" fmla="*/ 33 h 108"/>
                    <a:gd name="T8" fmla="*/ 107 w 107"/>
                    <a:gd name="T9" fmla="*/ 55 h 108"/>
                    <a:gd name="T10" fmla="*/ 103 w 107"/>
                    <a:gd name="T11" fmla="*/ 75 h 108"/>
                    <a:gd name="T12" fmla="*/ 92 w 107"/>
                    <a:gd name="T13" fmla="*/ 92 h 108"/>
                    <a:gd name="T14" fmla="*/ 74 w 107"/>
                    <a:gd name="T15" fmla="*/ 104 h 108"/>
                    <a:gd name="T16" fmla="*/ 54 w 107"/>
                    <a:gd name="T17" fmla="*/ 108 h 108"/>
                    <a:gd name="T18" fmla="*/ 33 w 107"/>
                    <a:gd name="T19" fmla="*/ 104 h 108"/>
                    <a:gd name="T20" fmla="*/ 16 w 107"/>
                    <a:gd name="T21" fmla="*/ 92 h 108"/>
                    <a:gd name="T22" fmla="*/ 4 w 107"/>
                    <a:gd name="T23" fmla="*/ 75 h 108"/>
                    <a:gd name="T24" fmla="*/ 0 w 107"/>
                    <a:gd name="T25" fmla="*/ 55 h 108"/>
                    <a:gd name="T26" fmla="*/ 4 w 107"/>
                    <a:gd name="T27" fmla="*/ 33 h 108"/>
                    <a:gd name="T28" fmla="*/ 16 w 107"/>
                    <a:gd name="T29" fmla="*/ 16 h 108"/>
                    <a:gd name="T30" fmla="*/ 33 w 107"/>
                    <a:gd name="T31" fmla="*/ 5 h 108"/>
                    <a:gd name="T32" fmla="*/ 54 w 107"/>
                    <a:gd name="T33" fmla="*/ 0 h 108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</a:cxnLst>
                  <a:rect l="0" t="0" r="r" b="b"/>
                  <a:pathLst>
                    <a:path w="107" h="108">
                      <a:moveTo>
                        <a:pt x="54" y="0"/>
                      </a:moveTo>
                      <a:lnTo>
                        <a:pt x="74" y="5"/>
                      </a:lnTo>
                      <a:lnTo>
                        <a:pt x="92" y="16"/>
                      </a:lnTo>
                      <a:lnTo>
                        <a:pt x="103" y="33"/>
                      </a:lnTo>
                      <a:lnTo>
                        <a:pt x="107" y="55"/>
                      </a:lnTo>
                      <a:lnTo>
                        <a:pt x="103" y="75"/>
                      </a:lnTo>
                      <a:lnTo>
                        <a:pt x="92" y="92"/>
                      </a:lnTo>
                      <a:lnTo>
                        <a:pt x="74" y="104"/>
                      </a:lnTo>
                      <a:lnTo>
                        <a:pt x="54" y="108"/>
                      </a:lnTo>
                      <a:lnTo>
                        <a:pt x="33" y="104"/>
                      </a:lnTo>
                      <a:lnTo>
                        <a:pt x="16" y="92"/>
                      </a:lnTo>
                      <a:lnTo>
                        <a:pt x="4" y="75"/>
                      </a:lnTo>
                      <a:lnTo>
                        <a:pt x="0" y="55"/>
                      </a:lnTo>
                      <a:lnTo>
                        <a:pt x="4" y="33"/>
                      </a:lnTo>
                      <a:lnTo>
                        <a:pt x="16" y="16"/>
                      </a:lnTo>
                      <a:lnTo>
                        <a:pt x="33" y="5"/>
                      </a:lnTo>
                      <a:lnTo>
                        <a:pt x="54" y="0"/>
                      </a:lnTo>
                      <a:close/>
                    </a:path>
                  </a:pathLst>
                </a:custGeom>
                <a:grpFill/>
                <a:ln w="0">
                  <a:noFill/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</p:grpSp>
          <p:grpSp>
            <p:nvGrpSpPr>
              <p:cNvPr id="95" name="Group 70"/>
              <p:cNvGrpSpPr/>
              <p:nvPr/>
            </p:nvGrpSpPr>
            <p:grpSpPr>
              <a:xfrm>
                <a:off x="6367827" y="1089660"/>
                <a:ext cx="265285" cy="415656"/>
                <a:chOff x="4476677" y="1272973"/>
                <a:chExt cx="489471" cy="782341"/>
              </a:xfrm>
              <a:grpFill/>
            </p:grpSpPr>
            <p:sp>
              <p:nvSpPr>
                <p:cNvPr id="96" name="Freeform 63"/>
                <p:cNvSpPr>
                  <a:spLocks/>
                </p:cNvSpPr>
                <p:nvPr/>
              </p:nvSpPr>
              <p:spPr bwMode="auto">
                <a:xfrm>
                  <a:off x="4625824" y="1617366"/>
                  <a:ext cx="81353" cy="437948"/>
                </a:xfrm>
                <a:custGeom>
                  <a:avLst/>
                  <a:gdLst>
                    <a:gd name="T0" fmla="*/ 13 w 60"/>
                    <a:gd name="T1" fmla="*/ 0 h 323"/>
                    <a:gd name="T2" fmla="*/ 47 w 60"/>
                    <a:gd name="T3" fmla="*/ 0 h 323"/>
                    <a:gd name="T4" fmla="*/ 52 w 60"/>
                    <a:gd name="T5" fmla="*/ 0 h 323"/>
                    <a:gd name="T6" fmla="*/ 56 w 60"/>
                    <a:gd name="T7" fmla="*/ 3 h 323"/>
                    <a:gd name="T8" fmla="*/ 59 w 60"/>
                    <a:gd name="T9" fmla="*/ 7 h 323"/>
                    <a:gd name="T10" fmla="*/ 60 w 60"/>
                    <a:gd name="T11" fmla="*/ 13 h 323"/>
                    <a:gd name="T12" fmla="*/ 60 w 60"/>
                    <a:gd name="T13" fmla="*/ 310 h 323"/>
                    <a:gd name="T14" fmla="*/ 59 w 60"/>
                    <a:gd name="T15" fmla="*/ 316 h 323"/>
                    <a:gd name="T16" fmla="*/ 56 w 60"/>
                    <a:gd name="T17" fmla="*/ 319 h 323"/>
                    <a:gd name="T18" fmla="*/ 52 w 60"/>
                    <a:gd name="T19" fmla="*/ 321 h 323"/>
                    <a:gd name="T20" fmla="*/ 47 w 60"/>
                    <a:gd name="T21" fmla="*/ 323 h 323"/>
                    <a:gd name="T22" fmla="*/ 13 w 60"/>
                    <a:gd name="T23" fmla="*/ 323 h 323"/>
                    <a:gd name="T24" fmla="*/ 9 w 60"/>
                    <a:gd name="T25" fmla="*/ 321 h 323"/>
                    <a:gd name="T26" fmla="*/ 4 w 60"/>
                    <a:gd name="T27" fmla="*/ 319 h 323"/>
                    <a:gd name="T28" fmla="*/ 1 w 60"/>
                    <a:gd name="T29" fmla="*/ 316 h 323"/>
                    <a:gd name="T30" fmla="*/ 0 w 60"/>
                    <a:gd name="T31" fmla="*/ 310 h 323"/>
                    <a:gd name="T32" fmla="*/ 0 w 60"/>
                    <a:gd name="T33" fmla="*/ 13 h 323"/>
                    <a:gd name="T34" fmla="*/ 1 w 60"/>
                    <a:gd name="T35" fmla="*/ 7 h 323"/>
                    <a:gd name="T36" fmla="*/ 4 w 60"/>
                    <a:gd name="T37" fmla="*/ 3 h 323"/>
                    <a:gd name="T38" fmla="*/ 9 w 60"/>
                    <a:gd name="T39" fmla="*/ 0 h 323"/>
                    <a:gd name="T40" fmla="*/ 13 w 60"/>
                    <a:gd name="T41" fmla="*/ 0 h 323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</a:cxnLst>
                  <a:rect l="0" t="0" r="r" b="b"/>
                  <a:pathLst>
                    <a:path w="60" h="323">
                      <a:moveTo>
                        <a:pt x="13" y="0"/>
                      </a:moveTo>
                      <a:lnTo>
                        <a:pt x="47" y="0"/>
                      </a:lnTo>
                      <a:lnTo>
                        <a:pt x="52" y="0"/>
                      </a:lnTo>
                      <a:lnTo>
                        <a:pt x="56" y="3"/>
                      </a:lnTo>
                      <a:lnTo>
                        <a:pt x="59" y="7"/>
                      </a:lnTo>
                      <a:lnTo>
                        <a:pt x="60" y="13"/>
                      </a:lnTo>
                      <a:lnTo>
                        <a:pt x="60" y="310"/>
                      </a:lnTo>
                      <a:lnTo>
                        <a:pt x="59" y="316"/>
                      </a:lnTo>
                      <a:lnTo>
                        <a:pt x="56" y="319"/>
                      </a:lnTo>
                      <a:lnTo>
                        <a:pt x="52" y="321"/>
                      </a:lnTo>
                      <a:lnTo>
                        <a:pt x="47" y="323"/>
                      </a:lnTo>
                      <a:lnTo>
                        <a:pt x="13" y="323"/>
                      </a:lnTo>
                      <a:lnTo>
                        <a:pt x="9" y="321"/>
                      </a:lnTo>
                      <a:lnTo>
                        <a:pt x="4" y="319"/>
                      </a:lnTo>
                      <a:lnTo>
                        <a:pt x="1" y="316"/>
                      </a:lnTo>
                      <a:lnTo>
                        <a:pt x="0" y="310"/>
                      </a:lnTo>
                      <a:lnTo>
                        <a:pt x="0" y="13"/>
                      </a:lnTo>
                      <a:lnTo>
                        <a:pt x="1" y="7"/>
                      </a:lnTo>
                      <a:lnTo>
                        <a:pt x="4" y="3"/>
                      </a:lnTo>
                      <a:lnTo>
                        <a:pt x="9" y="0"/>
                      </a:lnTo>
                      <a:lnTo>
                        <a:pt x="13" y="0"/>
                      </a:lnTo>
                      <a:close/>
                    </a:path>
                  </a:pathLst>
                </a:custGeom>
                <a:grpFill/>
                <a:ln w="0">
                  <a:noFill/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  <p:sp>
              <p:nvSpPr>
                <p:cNvPr id="97" name="Freeform 64"/>
                <p:cNvSpPr>
                  <a:spLocks/>
                </p:cNvSpPr>
                <p:nvPr/>
              </p:nvSpPr>
              <p:spPr bwMode="auto">
                <a:xfrm>
                  <a:off x="4732938" y="1617366"/>
                  <a:ext cx="79997" cy="437948"/>
                </a:xfrm>
                <a:custGeom>
                  <a:avLst/>
                  <a:gdLst>
                    <a:gd name="T0" fmla="*/ 13 w 59"/>
                    <a:gd name="T1" fmla="*/ 0 h 323"/>
                    <a:gd name="T2" fmla="*/ 47 w 59"/>
                    <a:gd name="T3" fmla="*/ 0 h 323"/>
                    <a:gd name="T4" fmla="*/ 52 w 59"/>
                    <a:gd name="T5" fmla="*/ 0 h 323"/>
                    <a:gd name="T6" fmla="*/ 56 w 59"/>
                    <a:gd name="T7" fmla="*/ 3 h 323"/>
                    <a:gd name="T8" fmla="*/ 59 w 59"/>
                    <a:gd name="T9" fmla="*/ 7 h 323"/>
                    <a:gd name="T10" fmla="*/ 59 w 59"/>
                    <a:gd name="T11" fmla="*/ 13 h 323"/>
                    <a:gd name="T12" fmla="*/ 59 w 59"/>
                    <a:gd name="T13" fmla="*/ 310 h 323"/>
                    <a:gd name="T14" fmla="*/ 59 w 59"/>
                    <a:gd name="T15" fmla="*/ 316 h 323"/>
                    <a:gd name="T16" fmla="*/ 56 w 59"/>
                    <a:gd name="T17" fmla="*/ 319 h 323"/>
                    <a:gd name="T18" fmla="*/ 52 w 59"/>
                    <a:gd name="T19" fmla="*/ 321 h 323"/>
                    <a:gd name="T20" fmla="*/ 47 w 59"/>
                    <a:gd name="T21" fmla="*/ 323 h 323"/>
                    <a:gd name="T22" fmla="*/ 13 w 59"/>
                    <a:gd name="T23" fmla="*/ 323 h 323"/>
                    <a:gd name="T24" fmla="*/ 9 w 59"/>
                    <a:gd name="T25" fmla="*/ 321 h 323"/>
                    <a:gd name="T26" fmla="*/ 4 w 59"/>
                    <a:gd name="T27" fmla="*/ 319 h 323"/>
                    <a:gd name="T28" fmla="*/ 1 w 59"/>
                    <a:gd name="T29" fmla="*/ 316 h 323"/>
                    <a:gd name="T30" fmla="*/ 0 w 59"/>
                    <a:gd name="T31" fmla="*/ 310 h 323"/>
                    <a:gd name="T32" fmla="*/ 0 w 59"/>
                    <a:gd name="T33" fmla="*/ 13 h 323"/>
                    <a:gd name="T34" fmla="*/ 1 w 59"/>
                    <a:gd name="T35" fmla="*/ 7 h 323"/>
                    <a:gd name="T36" fmla="*/ 4 w 59"/>
                    <a:gd name="T37" fmla="*/ 3 h 323"/>
                    <a:gd name="T38" fmla="*/ 9 w 59"/>
                    <a:gd name="T39" fmla="*/ 0 h 323"/>
                    <a:gd name="T40" fmla="*/ 13 w 59"/>
                    <a:gd name="T41" fmla="*/ 0 h 323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</a:cxnLst>
                  <a:rect l="0" t="0" r="r" b="b"/>
                  <a:pathLst>
                    <a:path w="59" h="323">
                      <a:moveTo>
                        <a:pt x="13" y="0"/>
                      </a:moveTo>
                      <a:lnTo>
                        <a:pt x="47" y="0"/>
                      </a:lnTo>
                      <a:lnTo>
                        <a:pt x="52" y="0"/>
                      </a:lnTo>
                      <a:lnTo>
                        <a:pt x="56" y="3"/>
                      </a:lnTo>
                      <a:lnTo>
                        <a:pt x="59" y="7"/>
                      </a:lnTo>
                      <a:lnTo>
                        <a:pt x="59" y="13"/>
                      </a:lnTo>
                      <a:lnTo>
                        <a:pt x="59" y="310"/>
                      </a:lnTo>
                      <a:lnTo>
                        <a:pt x="59" y="316"/>
                      </a:lnTo>
                      <a:lnTo>
                        <a:pt x="56" y="319"/>
                      </a:lnTo>
                      <a:lnTo>
                        <a:pt x="52" y="321"/>
                      </a:lnTo>
                      <a:lnTo>
                        <a:pt x="47" y="323"/>
                      </a:lnTo>
                      <a:lnTo>
                        <a:pt x="13" y="323"/>
                      </a:lnTo>
                      <a:lnTo>
                        <a:pt x="9" y="321"/>
                      </a:lnTo>
                      <a:lnTo>
                        <a:pt x="4" y="319"/>
                      </a:lnTo>
                      <a:lnTo>
                        <a:pt x="1" y="316"/>
                      </a:lnTo>
                      <a:lnTo>
                        <a:pt x="0" y="310"/>
                      </a:lnTo>
                      <a:lnTo>
                        <a:pt x="0" y="13"/>
                      </a:lnTo>
                      <a:lnTo>
                        <a:pt x="1" y="7"/>
                      </a:lnTo>
                      <a:lnTo>
                        <a:pt x="4" y="3"/>
                      </a:lnTo>
                      <a:lnTo>
                        <a:pt x="9" y="0"/>
                      </a:lnTo>
                      <a:lnTo>
                        <a:pt x="13" y="0"/>
                      </a:lnTo>
                      <a:close/>
                    </a:path>
                  </a:pathLst>
                </a:custGeom>
                <a:grpFill/>
                <a:ln w="0">
                  <a:noFill/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  <p:sp>
              <p:nvSpPr>
                <p:cNvPr id="98" name="Freeform 65"/>
                <p:cNvSpPr>
                  <a:spLocks/>
                </p:cNvSpPr>
                <p:nvPr/>
              </p:nvSpPr>
              <p:spPr bwMode="auto">
                <a:xfrm>
                  <a:off x="4625824" y="1441103"/>
                  <a:ext cx="188467" cy="287446"/>
                </a:xfrm>
                <a:custGeom>
                  <a:avLst/>
                  <a:gdLst>
                    <a:gd name="T0" fmla="*/ 13 w 139"/>
                    <a:gd name="T1" fmla="*/ 0 h 212"/>
                    <a:gd name="T2" fmla="*/ 126 w 139"/>
                    <a:gd name="T3" fmla="*/ 0 h 212"/>
                    <a:gd name="T4" fmla="*/ 132 w 139"/>
                    <a:gd name="T5" fmla="*/ 1 h 212"/>
                    <a:gd name="T6" fmla="*/ 135 w 139"/>
                    <a:gd name="T7" fmla="*/ 4 h 212"/>
                    <a:gd name="T8" fmla="*/ 138 w 139"/>
                    <a:gd name="T9" fmla="*/ 7 h 212"/>
                    <a:gd name="T10" fmla="*/ 139 w 139"/>
                    <a:gd name="T11" fmla="*/ 11 h 212"/>
                    <a:gd name="T12" fmla="*/ 139 w 139"/>
                    <a:gd name="T13" fmla="*/ 200 h 212"/>
                    <a:gd name="T14" fmla="*/ 138 w 139"/>
                    <a:gd name="T15" fmla="*/ 205 h 212"/>
                    <a:gd name="T16" fmla="*/ 135 w 139"/>
                    <a:gd name="T17" fmla="*/ 209 h 212"/>
                    <a:gd name="T18" fmla="*/ 132 w 139"/>
                    <a:gd name="T19" fmla="*/ 212 h 212"/>
                    <a:gd name="T20" fmla="*/ 126 w 139"/>
                    <a:gd name="T21" fmla="*/ 212 h 212"/>
                    <a:gd name="T22" fmla="*/ 13 w 139"/>
                    <a:gd name="T23" fmla="*/ 212 h 212"/>
                    <a:gd name="T24" fmla="*/ 9 w 139"/>
                    <a:gd name="T25" fmla="*/ 212 h 212"/>
                    <a:gd name="T26" fmla="*/ 4 w 139"/>
                    <a:gd name="T27" fmla="*/ 209 h 212"/>
                    <a:gd name="T28" fmla="*/ 1 w 139"/>
                    <a:gd name="T29" fmla="*/ 205 h 212"/>
                    <a:gd name="T30" fmla="*/ 0 w 139"/>
                    <a:gd name="T31" fmla="*/ 200 h 212"/>
                    <a:gd name="T32" fmla="*/ 0 w 139"/>
                    <a:gd name="T33" fmla="*/ 11 h 212"/>
                    <a:gd name="T34" fmla="*/ 1 w 139"/>
                    <a:gd name="T35" fmla="*/ 7 h 212"/>
                    <a:gd name="T36" fmla="*/ 4 w 139"/>
                    <a:gd name="T37" fmla="*/ 4 h 212"/>
                    <a:gd name="T38" fmla="*/ 9 w 139"/>
                    <a:gd name="T39" fmla="*/ 1 h 212"/>
                    <a:gd name="T40" fmla="*/ 13 w 139"/>
                    <a:gd name="T41" fmla="*/ 0 h 212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</a:cxnLst>
                  <a:rect l="0" t="0" r="r" b="b"/>
                  <a:pathLst>
                    <a:path w="139" h="212">
                      <a:moveTo>
                        <a:pt x="13" y="0"/>
                      </a:moveTo>
                      <a:lnTo>
                        <a:pt x="126" y="0"/>
                      </a:lnTo>
                      <a:lnTo>
                        <a:pt x="132" y="1"/>
                      </a:lnTo>
                      <a:lnTo>
                        <a:pt x="135" y="4"/>
                      </a:lnTo>
                      <a:lnTo>
                        <a:pt x="138" y="7"/>
                      </a:lnTo>
                      <a:lnTo>
                        <a:pt x="139" y="11"/>
                      </a:lnTo>
                      <a:lnTo>
                        <a:pt x="139" y="200"/>
                      </a:lnTo>
                      <a:lnTo>
                        <a:pt x="138" y="205"/>
                      </a:lnTo>
                      <a:lnTo>
                        <a:pt x="135" y="209"/>
                      </a:lnTo>
                      <a:lnTo>
                        <a:pt x="132" y="212"/>
                      </a:lnTo>
                      <a:lnTo>
                        <a:pt x="126" y="212"/>
                      </a:lnTo>
                      <a:lnTo>
                        <a:pt x="13" y="212"/>
                      </a:lnTo>
                      <a:lnTo>
                        <a:pt x="9" y="212"/>
                      </a:lnTo>
                      <a:lnTo>
                        <a:pt x="4" y="209"/>
                      </a:lnTo>
                      <a:lnTo>
                        <a:pt x="1" y="205"/>
                      </a:lnTo>
                      <a:lnTo>
                        <a:pt x="0" y="200"/>
                      </a:lnTo>
                      <a:lnTo>
                        <a:pt x="0" y="11"/>
                      </a:lnTo>
                      <a:lnTo>
                        <a:pt x="1" y="7"/>
                      </a:lnTo>
                      <a:lnTo>
                        <a:pt x="4" y="4"/>
                      </a:lnTo>
                      <a:lnTo>
                        <a:pt x="9" y="1"/>
                      </a:lnTo>
                      <a:lnTo>
                        <a:pt x="13" y="0"/>
                      </a:lnTo>
                      <a:close/>
                    </a:path>
                  </a:pathLst>
                </a:custGeom>
                <a:grpFill/>
                <a:ln w="0">
                  <a:noFill/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  <p:sp>
              <p:nvSpPr>
                <p:cNvPr id="99" name="Freeform 66"/>
                <p:cNvSpPr>
                  <a:spLocks/>
                </p:cNvSpPr>
                <p:nvPr/>
              </p:nvSpPr>
              <p:spPr bwMode="auto">
                <a:xfrm>
                  <a:off x="4476677" y="1442458"/>
                  <a:ext cx="211516" cy="284734"/>
                </a:xfrm>
                <a:custGeom>
                  <a:avLst/>
                  <a:gdLst>
                    <a:gd name="T0" fmla="*/ 124 w 156"/>
                    <a:gd name="T1" fmla="*/ 0 h 210"/>
                    <a:gd name="T2" fmla="*/ 127 w 156"/>
                    <a:gd name="T3" fmla="*/ 2 h 210"/>
                    <a:gd name="T4" fmla="*/ 152 w 156"/>
                    <a:gd name="T5" fmla="*/ 17 h 210"/>
                    <a:gd name="T6" fmla="*/ 155 w 156"/>
                    <a:gd name="T7" fmla="*/ 20 h 210"/>
                    <a:gd name="T8" fmla="*/ 156 w 156"/>
                    <a:gd name="T9" fmla="*/ 23 h 210"/>
                    <a:gd name="T10" fmla="*/ 156 w 156"/>
                    <a:gd name="T11" fmla="*/ 27 h 210"/>
                    <a:gd name="T12" fmla="*/ 155 w 156"/>
                    <a:gd name="T13" fmla="*/ 32 h 210"/>
                    <a:gd name="T14" fmla="*/ 43 w 156"/>
                    <a:gd name="T15" fmla="*/ 205 h 210"/>
                    <a:gd name="T16" fmla="*/ 40 w 156"/>
                    <a:gd name="T17" fmla="*/ 208 h 210"/>
                    <a:gd name="T18" fmla="*/ 35 w 156"/>
                    <a:gd name="T19" fmla="*/ 210 h 210"/>
                    <a:gd name="T20" fmla="*/ 31 w 156"/>
                    <a:gd name="T21" fmla="*/ 210 h 210"/>
                    <a:gd name="T22" fmla="*/ 28 w 156"/>
                    <a:gd name="T23" fmla="*/ 208 h 210"/>
                    <a:gd name="T24" fmla="*/ 4 w 156"/>
                    <a:gd name="T25" fmla="*/ 192 h 210"/>
                    <a:gd name="T26" fmla="*/ 1 w 156"/>
                    <a:gd name="T27" fmla="*/ 189 h 210"/>
                    <a:gd name="T28" fmla="*/ 0 w 156"/>
                    <a:gd name="T29" fmla="*/ 185 h 210"/>
                    <a:gd name="T30" fmla="*/ 0 w 156"/>
                    <a:gd name="T31" fmla="*/ 182 h 210"/>
                    <a:gd name="T32" fmla="*/ 1 w 156"/>
                    <a:gd name="T33" fmla="*/ 178 h 210"/>
                    <a:gd name="T34" fmla="*/ 113 w 156"/>
                    <a:gd name="T35" fmla="*/ 4 h 210"/>
                    <a:gd name="T36" fmla="*/ 116 w 156"/>
                    <a:gd name="T37" fmla="*/ 2 h 210"/>
                    <a:gd name="T38" fmla="*/ 120 w 156"/>
                    <a:gd name="T39" fmla="*/ 0 h 210"/>
                    <a:gd name="T40" fmla="*/ 124 w 156"/>
                    <a:gd name="T41" fmla="*/ 0 h 210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</a:cxnLst>
                  <a:rect l="0" t="0" r="r" b="b"/>
                  <a:pathLst>
                    <a:path w="156" h="210">
                      <a:moveTo>
                        <a:pt x="124" y="0"/>
                      </a:moveTo>
                      <a:lnTo>
                        <a:pt x="127" y="2"/>
                      </a:lnTo>
                      <a:lnTo>
                        <a:pt x="152" y="17"/>
                      </a:lnTo>
                      <a:lnTo>
                        <a:pt x="155" y="20"/>
                      </a:lnTo>
                      <a:lnTo>
                        <a:pt x="156" y="23"/>
                      </a:lnTo>
                      <a:lnTo>
                        <a:pt x="156" y="27"/>
                      </a:lnTo>
                      <a:lnTo>
                        <a:pt x="155" y="32"/>
                      </a:lnTo>
                      <a:lnTo>
                        <a:pt x="43" y="205"/>
                      </a:lnTo>
                      <a:lnTo>
                        <a:pt x="40" y="208"/>
                      </a:lnTo>
                      <a:lnTo>
                        <a:pt x="35" y="210"/>
                      </a:lnTo>
                      <a:lnTo>
                        <a:pt x="31" y="210"/>
                      </a:lnTo>
                      <a:lnTo>
                        <a:pt x="28" y="208"/>
                      </a:lnTo>
                      <a:lnTo>
                        <a:pt x="4" y="192"/>
                      </a:lnTo>
                      <a:lnTo>
                        <a:pt x="1" y="189"/>
                      </a:lnTo>
                      <a:lnTo>
                        <a:pt x="0" y="185"/>
                      </a:lnTo>
                      <a:lnTo>
                        <a:pt x="0" y="182"/>
                      </a:lnTo>
                      <a:lnTo>
                        <a:pt x="1" y="178"/>
                      </a:lnTo>
                      <a:lnTo>
                        <a:pt x="113" y="4"/>
                      </a:lnTo>
                      <a:lnTo>
                        <a:pt x="116" y="2"/>
                      </a:lnTo>
                      <a:lnTo>
                        <a:pt x="120" y="0"/>
                      </a:lnTo>
                      <a:lnTo>
                        <a:pt x="124" y="0"/>
                      </a:lnTo>
                      <a:close/>
                    </a:path>
                  </a:pathLst>
                </a:custGeom>
                <a:grpFill/>
                <a:ln w="0">
                  <a:noFill/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  <p:sp>
              <p:nvSpPr>
                <p:cNvPr id="100" name="Freeform 67"/>
                <p:cNvSpPr>
                  <a:spLocks/>
                </p:cNvSpPr>
                <p:nvPr/>
              </p:nvSpPr>
              <p:spPr bwMode="auto">
                <a:xfrm>
                  <a:off x="4751920" y="1442458"/>
                  <a:ext cx="214228" cy="284734"/>
                </a:xfrm>
                <a:custGeom>
                  <a:avLst/>
                  <a:gdLst>
                    <a:gd name="T0" fmla="*/ 33 w 158"/>
                    <a:gd name="T1" fmla="*/ 0 h 210"/>
                    <a:gd name="T2" fmla="*/ 38 w 158"/>
                    <a:gd name="T3" fmla="*/ 0 h 210"/>
                    <a:gd name="T4" fmla="*/ 40 w 158"/>
                    <a:gd name="T5" fmla="*/ 2 h 210"/>
                    <a:gd name="T6" fmla="*/ 43 w 158"/>
                    <a:gd name="T7" fmla="*/ 4 h 210"/>
                    <a:gd name="T8" fmla="*/ 157 w 158"/>
                    <a:gd name="T9" fmla="*/ 178 h 210"/>
                    <a:gd name="T10" fmla="*/ 158 w 158"/>
                    <a:gd name="T11" fmla="*/ 182 h 210"/>
                    <a:gd name="T12" fmla="*/ 158 w 158"/>
                    <a:gd name="T13" fmla="*/ 185 h 210"/>
                    <a:gd name="T14" fmla="*/ 157 w 158"/>
                    <a:gd name="T15" fmla="*/ 189 h 210"/>
                    <a:gd name="T16" fmla="*/ 152 w 158"/>
                    <a:gd name="T17" fmla="*/ 192 h 210"/>
                    <a:gd name="T18" fmla="*/ 129 w 158"/>
                    <a:gd name="T19" fmla="*/ 208 h 210"/>
                    <a:gd name="T20" fmla="*/ 125 w 158"/>
                    <a:gd name="T21" fmla="*/ 210 h 210"/>
                    <a:gd name="T22" fmla="*/ 121 w 158"/>
                    <a:gd name="T23" fmla="*/ 210 h 210"/>
                    <a:gd name="T24" fmla="*/ 116 w 158"/>
                    <a:gd name="T25" fmla="*/ 208 h 210"/>
                    <a:gd name="T26" fmla="*/ 114 w 158"/>
                    <a:gd name="T27" fmla="*/ 205 h 210"/>
                    <a:gd name="T28" fmla="*/ 2 w 158"/>
                    <a:gd name="T29" fmla="*/ 32 h 210"/>
                    <a:gd name="T30" fmla="*/ 0 w 158"/>
                    <a:gd name="T31" fmla="*/ 27 h 210"/>
                    <a:gd name="T32" fmla="*/ 0 w 158"/>
                    <a:gd name="T33" fmla="*/ 23 h 210"/>
                    <a:gd name="T34" fmla="*/ 2 w 158"/>
                    <a:gd name="T35" fmla="*/ 20 h 210"/>
                    <a:gd name="T36" fmla="*/ 5 w 158"/>
                    <a:gd name="T37" fmla="*/ 17 h 210"/>
                    <a:gd name="T38" fmla="*/ 29 w 158"/>
                    <a:gd name="T39" fmla="*/ 2 h 210"/>
                    <a:gd name="T40" fmla="*/ 33 w 158"/>
                    <a:gd name="T41" fmla="*/ 0 h 210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</a:cxnLst>
                  <a:rect l="0" t="0" r="r" b="b"/>
                  <a:pathLst>
                    <a:path w="158" h="210">
                      <a:moveTo>
                        <a:pt x="33" y="0"/>
                      </a:moveTo>
                      <a:lnTo>
                        <a:pt x="38" y="0"/>
                      </a:lnTo>
                      <a:lnTo>
                        <a:pt x="40" y="2"/>
                      </a:lnTo>
                      <a:lnTo>
                        <a:pt x="43" y="4"/>
                      </a:lnTo>
                      <a:lnTo>
                        <a:pt x="157" y="178"/>
                      </a:lnTo>
                      <a:lnTo>
                        <a:pt x="158" y="182"/>
                      </a:lnTo>
                      <a:lnTo>
                        <a:pt x="158" y="185"/>
                      </a:lnTo>
                      <a:lnTo>
                        <a:pt x="157" y="189"/>
                      </a:lnTo>
                      <a:lnTo>
                        <a:pt x="152" y="192"/>
                      </a:lnTo>
                      <a:lnTo>
                        <a:pt x="129" y="208"/>
                      </a:lnTo>
                      <a:lnTo>
                        <a:pt x="125" y="210"/>
                      </a:lnTo>
                      <a:lnTo>
                        <a:pt x="121" y="210"/>
                      </a:lnTo>
                      <a:lnTo>
                        <a:pt x="116" y="208"/>
                      </a:lnTo>
                      <a:lnTo>
                        <a:pt x="114" y="205"/>
                      </a:lnTo>
                      <a:lnTo>
                        <a:pt x="2" y="32"/>
                      </a:lnTo>
                      <a:lnTo>
                        <a:pt x="0" y="27"/>
                      </a:lnTo>
                      <a:lnTo>
                        <a:pt x="0" y="23"/>
                      </a:lnTo>
                      <a:lnTo>
                        <a:pt x="2" y="20"/>
                      </a:lnTo>
                      <a:lnTo>
                        <a:pt x="5" y="17"/>
                      </a:lnTo>
                      <a:lnTo>
                        <a:pt x="29" y="2"/>
                      </a:lnTo>
                      <a:lnTo>
                        <a:pt x="33" y="0"/>
                      </a:lnTo>
                      <a:close/>
                    </a:path>
                  </a:pathLst>
                </a:custGeom>
                <a:grpFill/>
                <a:ln w="0">
                  <a:noFill/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  <p:sp>
              <p:nvSpPr>
                <p:cNvPr id="101" name="Freeform 68"/>
                <p:cNvSpPr>
                  <a:spLocks/>
                </p:cNvSpPr>
                <p:nvPr/>
              </p:nvSpPr>
              <p:spPr bwMode="auto">
                <a:xfrm>
                  <a:off x="4647518" y="1272973"/>
                  <a:ext cx="145079" cy="146435"/>
                </a:xfrm>
                <a:custGeom>
                  <a:avLst/>
                  <a:gdLst>
                    <a:gd name="T0" fmla="*/ 54 w 107"/>
                    <a:gd name="T1" fmla="*/ 0 h 108"/>
                    <a:gd name="T2" fmla="*/ 74 w 107"/>
                    <a:gd name="T3" fmla="*/ 5 h 108"/>
                    <a:gd name="T4" fmla="*/ 92 w 107"/>
                    <a:gd name="T5" fmla="*/ 16 h 108"/>
                    <a:gd name="T6" fmla="*/ 103 w 107"/>
                    <a:gd name="T7" fmla="*/ 33 h 108"/>
                    <a:gd name="T8" fmla="*/ 107 w 107"/>
                    <a:gd name="T9" fmla="*/ 55 h 108"/>
                    <a:gd name="T10" fmla="*/ 103 w 107"/>
                    <a:gd name="T11" fmla="*/ 75 h 108"/>
                    <a:gd name="T12" fmla="*/ 92 w 107"/>
                    <a:gd name="T13" fmla="*/ 92 h 108"/>
                    <a:gd name="T14" fmla="*/ 74 w 107"/>
                    <a:gd name="T15" fmla="*/ 104 h 108"/>
                    <a:gd name="T16" fmla="*/ 54 w 107"/>
                    <a:gd name="T17" fmla="*/ 108 h 108"/>
                    <a:gd name="T18" fmla="*/ 33 w 107"/>
                    <a:gd name="T19" fmla="*/ 104 h 108"/>
                    <a:gd name="T20" fmla="*/ 16 w 107"/>
                    <a:gd name="T21" fmla="*/ 92 h 108"/>
                    <a:gd name="T22" fmla="*/ 4 w 107"/>
                    <a:gd name="T23" fmla="*/ 75 h 108"/>
                    <a:gd name="T24" fmla="*/ 0 w 107"/>
                    <a:gd name="T25" fmla="*/ 55 h 108"/>
                    <a:gd name="T26" fmla="*/ 4 w 107"/>
                    <a:gd name="T27" fmla="*/ 33 h 108"/>
                    <a:gd name="T28" fmla="*/ 16 w 107"/>
                    <a:gd name="T29" fmla="*/ 16 h 108"/>
                    <a:gd name="T30" fmla="*/ 33 w 107"/>
                    <a:gd name="T31" fmla="*/ 5 h 108"/>
                    <a:gd name="T32" fmla="*/ 54 w 107"/>
                    <a:gd name="T33" fmla="*/ 0 h 108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</a:cxnLst>
                  <a:rect l="0" t="0" r="r" b="b"/>
                  <a:pathLst>
                    <a:path w="107" h="108">
                      <a:moveTo>
                        <a:pt x="54" y="0"/>
                      </a:moveTo>
                      <a:lnTo>
                        <a:pt x="74" y="5"/>
                      </a:lnTo>
                      <a:lnTo>
                        <a:pt x="92" y="16"/>
                      </a:lnTo>
                      <a:lnTo>
                        <a:pt x="103" y="33"/>
                      </a:lnTo>
                      <a:lnTo>
                        <a:pt x="107" y="55"/>
                      </a:lnTo>
                      <a:lnTo>
                        <a:pt x="103" y="75"/>
                      </a:lnTo>
                      <a:lnTo>
                        <a:pt x="92" y="92"/>
                      </a:lnTo>
                      <a:lnTo>
                        <a:pt x="74" y="104"/>
                      </a:lnTo>
                      <a:lnTo>
                        <a:pt x="54" y="108"/>
                      </a:lnTo>
                      <a:lnTo>
                        <a:pt x="33" y="104"/>
                      </a:lnTo>
                      <a:lnTo>
                        <a:pt x="16" y="92"/>
                      </a:lnTo>
                      <a:lnTo>
                        <a:pt x="4" y="75"/>
                      </a:lnTo>
                      <a:lnTo>
                        <a:pt x="0" y="55"/>
                      </a:lnTo>
                      <a:lnTo>
                        <a:pt x="4" y="33"/>
                      </a:lnTo>
                      <a:lnTo>
                        <a:pt x="16" y="16"/>
                      </a:lnTo>
                      <a:lnTo>
                        <a:pt x="33" y="5"/>
                      </a:lnTo>
                      <a:lnTo>
                        <a:pt x="54" y="0"/>
                      </a:lnTo>
                      <a:close/>
                    </a:path>
                  </a:pathLst>
                </a:custGeom>
                <a:grpFill/>
                <a:ln w="0">
                  <a:noFill/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</p:grpSp>
        </p:grpSp>
      </p:grpSp>
      <p:pic>
        <p:nvPicPr>
          <p:cNvPr id="2050" name="Picture 2" descr="C:\Users\selda.ulutas\Desktop\aircraft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1046933">
            <a:off x="1233940" y="1567343"/>
            <a:ext cx="1129247" cy="15965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8" name="Başlık 1"/>
          <p:cNvSpPr>
            <a:spLocks noGrp="1"/>
          </p:cNvSpPr>
          <p:nvPr>
            <p:ph type="title"/>
          </p:nvPr>
        </p:nvSpPr>
        <p:spPr>
          <a:xfrm>
            <a:off x="180325" y="836712"/>
            <a:ext cx="7776864" cy="706090"/>
          </a:xfrm>
        </p:spPr>
        <p:txBody>
          <a:bodyPr>
            <a:noAutofit/>
          </a:bodyPr>
          <a:lstStyle/>
          <a:p>
            <a:r>
              <a:rPr lang="tr-TR" sz="2000" dirty="0" smtClean="0">
                <a:solidFill>
                  <a:schemeClr val="tx1"/>
                </a:solidFill>
              </a:rPr>
              <a:t>U2020 Programına Katılımı Desteklemek ve Teşvik Etmek!</a:t>
            </a:r>
            <a:endParaRPr lang="tr-TR" sz="2000" dirty="0">
              <a:solidFill>
                <a:schemeClr val="tx1"/>
              </a:solidFill>
            </a:endParaRPr>
          </a:p>
        </p:txBody>
      </p:sp>
      <p:grpSp>
        <p:nvGrpSpPr>
          <p:cNvPr id="76" name="Group 160"/>
          <p:cNvGrpSpPr/>
          <p:nvPr/>
        </p:nvGrpSpPr>
        <p:grpSpPr>
          <a:xfrm>
            <a:off x="2921225" y="4403844"/>
            <a:ext cx="2295064" cy="1519423"/>
            <a:chOff x="-2682228" y="4952508"/>
            <a:chExt cx="2702950" cy="1519423"/>
          </a:xfrm>
        </p:grpSpPr>
        <p:sp>
          <p:nvSpPr>
            <p:cNvPr id="77" name="Rectangle 167"/>
            <p:cNvSpPr/>
            <p:nvPr/>
          </p:nvSpPr>
          <p:spPr>
            <a:xfrm>
              <a:off x="-2469326" y="4952508"/>
              <a:ext cx="2470469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tr-TR" sz="1200" b="1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>
                      <a:lumMod val="65000"/>
                      <a:lumOff val="35000"/>
                    </a:prstClr>
                  </a:solidFill>
                  <a:effectLst/>
                  <a:uLnTx/>
                  <a:uFillTx/>
                  <a:latin typeface="Futura Bk BT" panose="020B0502020204020303" pitchFamily="34" charset="0"/>
                  <a:ea typeface="+mn-ea"/>
                  <a:cs typeface="Arial" panose="020B0604020202020204" pitchFamily="34" charset="0"/>
                </a:rPr>
                <a:t>MSCA Ön-Değerlendirme</a:t>
              </a:r>
            </a:p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tr-TR" sz="1200" b="1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>
                      <a:lumMod val="65000"/>
                      <a:lumOff val="35000"/>
                    </a:prstClr>
                  </a:solidFill>
                  <a:effectLst/>
                  <a:uLnTx/>
                  <a:uFillTx/>
                  <a:latin typeface="Futura Bk BT" panose="020B0502020204020303" pitchFamily="34" charset="0"/>
                  <a:ea typeface="+mn-ea"/>
                  <a:cs typeface="Arial" panose="020B0604020202020204" pitchFamily="34" charset="0"/>
                </a:rPr>
                <a:t>Destek Programı</a:t>
              </a:r>
              <a:endParaRPr kumimoji="0" lang="en-US" sz="12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  <a:cs typeface="Arial" panose="020B0604020202020204" pitchFamily="34" charset="0"/>
              </a:endParaRPr>
            </a:p>
          </p:txBody>
        </p:sp>
        <p:sp>
          <p:nvSpPr>
            <p:cNvPr id="80" name="Rectangle 165"/>
            <p:cNvSpPr/>
            <p:nvPr/>
          </p:nvSpPr>
          <p:spPr>
            <a:xfrm flipH="1">
              <a:off x="-2682228" y="5410102"/>
              <a:ext cx="2702950" cy="106182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177800" marR="0" lvl="0" indent="-17780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tr-TR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Futura Bk BT" pitchFamily="34" charset="0"/>
                  <a:ea typeface="+mn-ea"/>
                </a:rPr>
                <a:t>Marie </a:t>
              </a:r>
              <a:r>
                <a:rPr kumimoji="0" lang="tr-TR" sz="1050" b="0" i="0" u="none" strike="noStrike" kern="0" cap="none" spc="0" normalizeH="0" baseline="0" noProof="0" dirty="0" err="1" smtClean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Futura Bk BT" pitchFamily="34" charset="0"/>
                  <a:ea typeface="+mn-ea"/>
                </a:rPr>
                <a:t>Sklodowska</a:t>
              </a:r>
              <a:r>
                <a:rPr lang="tr-TR" sz="1050" kern="0" dirty="0">
                  <a:solidFill>
                    <a:prstClr val="black">
                      <a:lumMod val="95000"/>
                      <a:lumOff val="5000"/>
                    </a:prstClr>
                  </a:solidFill>
                  <a:latin typeface="Futura Bk BT" pitchFamily="34" charset="0"/>
                  <a:ea typeface="+mn-ea"/>
                </a:rPr>
                <a:t>-</a:t>
              </a:r>
              <a:r>
                <a:rPr kumimoji="0" lang="tr-TR" sz="1050" b="0" i="0" u="none" strike="noStrike" kern="0" cap="none" spc="0" normalizeH="0" baseline="0" noProof="0" dirty="0" err="1" smtClean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Futura Bk BT" pitchFamily="34" charset="0"/>
                  <a:ea typeface="+mn-ea"/>
                </a:rPr>
                <a:t>Curie</a:t>
              </a:r>
              <a:r>
                <a:rPr kumimoji="0" lang="tr-TR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Futura Bk BT" pitchFamily="34" charset="0"/>
                  <a:ea typeface="+mn-ea"/>
                </a:rPr>
                <a:t> Bireysel projelerde başarı oranını artırmak:, MSCA</a:t>
              </a:r>
              <a:r>
                <a:rPr kumimoji="0" lang="tr-TR" sz="1050" b="0" i="0" u="none" strike="noStrike" kern="0" cap="none" spc="0" normalizeH="0" noProof="0" dirty="0" smtClean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Futura Bk BT" pitchFamily="34" charset="0"/>
                  <a:ea typeface="+mn-ea"/>
                </a:rPr>
                <a:t> </a:t>
              </a:r>
              <a:r>
                <a:rPr kumimoji="0" lang="tr-TR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Futura Bk BT" pitchFamily="34" charset="0"/>
                  <a:ea typeface="+mn-ea"/>
                </a:rPr>
                <a:t>IF&amp;COFUND</a:t>
              </a:r>
            </a:p>
            <a:p>
              <a:pPr marL="177800" marR="0" lvl="0" indent="-17780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tr-TR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Futura Bk BT" pitchFamily="34" charset="0"/>
                  <a:ea typeface="+mn-ea"/>
                </a:rPr>
                <a:t>Proje başına 1.000€-8.000€ arası destek</a:t>
              </a:r>
            </a:p>
          </p:txBody>
        </p:sp>
      </p:grpSp>
      <p:grpSp>
        <p:nvGrpSpPr>
          <p:cNvPr id="81" name="Group 196"/>
          <p:cNvGrpSpPr/>
          <p:nvPr/>
        </p:nvGrpSpPr>
        <p:grpSpPr>
          <a:xfrm>
            <a:off x="7184614" y="4665834"/>
            <a:ext cx="1884445" cy="1702377"/>
            <a:chOff x="436156" y="5156235"/>
            <a:chExt cx="2223788" cy="2476279"/>
          </a:xfrm>
        </p:grpSpPr>
        <p:sp>
          <p:nvSpPr>
            <p:cNvPr id="82" name="Rectangle 203"/>
            <p:cNvSpPr/>
            <p:nvPr/>
          </p:nvSpPr>
          <p:spPr>
            <a:xfrm>
              <a:off x="484052" y="5156235"/>
              <a:ext cx="2065852" cy="317587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tr-TR" sz="1200" b="1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>
                      <a:lumMod val="65000"/>
                      <a:lumOff val="35000"/>
                    </a:prstClr>
                  </a:solidFill>
                  <a:effectLst/>
                  <a:uLnTx/>
                  <a:uFillTx/>
                  <a:latin typeface="Futura Bk BT" panose="020B0502020204020303" pitchFamily="34" charset="0"/>
                  <a:ea typeface="+mn-ea"/>
                  <a:cs typeface="Arial" panose="020B0604020202020204" pitchFamily="34" charset="0"/>
                </a:rPr>
                <a:t>ERC Ödülleri</a:t>
              </a:r>
              <a:endParaRPr kumimoji="0" lang="en-US" sz="12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Futura Bk BT" panose="020B0502020204020303" pitchFamily="34" charset="0"/>
                <a:ea typeface="+mn-ea"/>
                <a:cs typeface="Arial" panose="020B0604020202020204" pitchFamily="34" charset="0"/>
              </a:endParaRPr>
            </a:p>
          </p:txBody>
        </p:sp>
        <p:sp>
          <p:nvSpPr>
            <p:cNvPr id="83" name="Rectangle 201"/>
            <p:cNvSpPr/>
            <p:nvPr/>
          </p:nvSpPr>
          <p:spPr>
            <a:xfrm flipH="1">
              <a:off x="436156" y="5617899"/>
              <a:ext cx="2223788" cy="201461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177800" marR="0" lvl="0" indent="-17780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tr-TR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Futura Bk BT" pitchFamily="34" charset="0"/>
                  <a:ea typeface="+mn-ea"/>
                </a:rPr>
                <a:t>Eşik üstü: 12.000€’a kadar </a:t>
              </a:r>
            </a:p>
            <a:p>
              <a:pPr marL="177800" marR="0" lvl="0" indent="-17780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kumimoji="0" lang="tr-TR" sz="1050" b="0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Futura Bk BT" pitchFamily="34" charset="0"/>
                  <a:ea typeface="+mn-ea"/>
                </a:rPr>
                <a:t>Başarı Ödülü: Sabit Tutar + %9 </a:t>
              </a:r>
            </a:p>
            <a:p>
              <a:pPr marL="171450" marR="0" lvl="0" indent="-17145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r>
                <a:rPr lang="tr-TR" sz="1050" kern="0" dirty="0" smtClean="0">
                  <a:solidFill>
                    <a:prstClr val="black">
                      <a:lumMod val="95000"/>
                      <a:lumOff val="5000"/>
                    </a:prstClr>
                  </a:solidFill>
                  <a:latin typeface="Futura Bk BT" pitchFamily="34" charset="0"/>
                  <a:ea typeface="+mn-ea"/>
                </a:rPr>
                <a:t>Transfer Ödülü : Sabit Tutar</a:t>
              </a:r>
              <a:endParaRPr lang="tr-TR" sz="1050" kern="0" dirty="0">
                <a:solidFill>
                  <a:prstClr val="black">
                    <a:lumMod val="95000"/>
                    <a:lumOff val="5000"/>
                  </a:prstClr>
                </a:solidFill>
                <a:latin typeface="Futura Bk BT" pitchFamily="34" charset="0"/>
                <a:ea typeface="+mn-ea"/>
              </a:endParaRPr>
            </a:p>
            <a:p>
              <a:pPr marL="171450" marR="0" lvl="0" indent="-17145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endParaRPr kumimoji="0" lang="en-US" sz="105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>
                    <a:lumMod val="95000"/>
                    <a:lumOff val="5000"/>
                  </a:prstClr>
                </a:solidFill>
                <a:effectLst/>
                <a:uLnTx/>
                <a:uFillTx/>
                <a:latin typeface="Futura Bk BT" pitchFamily="34" charset="0"/>
                <a:ea typeface="+mn-ea"/>
              </a:endParaRPr>
            </a:p>
            <a:p>
              <a:pPr marL="177800" marR="0" lvl="0" indent="-17780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panose="020B0604020202020204" pitchFamily="34" charset="0"/>
                <a:buChar char="•"/>
                <a:tabLst/>
                <a:defRPr/>
              </a:pPr>
              <a:endParaRPr kumimoji="0" lang="tr-TR" sz="1050" b="0" i="0" u="none" strike="noStrike" kern="0" cap="none" spc="0" normalizeH="0" baseline="0" noProof="0" dirty="0">
                <a:ln>
                  <a:noFill/>
                </a:ln>
                <a:solidFill>
                  <a:prstClr val="black">
                    <a:lumMod val="95000"/>
                    <a:lumOff val="5000"/>
                  </a:prstClr>
                </a:solidFill>
                <a:effectLst/>
                <a:uLnTx/>
                <a:uFillTx/>
                <a:latin typeface="Futura Bk BT" pitchFamily="34" charset="0"/>
                <a:ea typeface="+mn-ea"/>
              </a:endParaRPr>
            </a:p>
          </p:txBody>
        </p:sp>
      </p:grpSp>
      <p:grpSp>
        <p:nvGrpSpPr>
          <p:cNvPr id="346" name="Group 61"/>
          <p:cNvGrpSpPr/>
          <p:nvPr/>
        </p:nvGrpSpPr>
        <p:grpSpPr>
          <a:xfrm>
            <a:off x="3184677" y="3028077"/>
            <a:ext cx="659538" cy="493538"/>
            <a:chOff x="3636463" y="958132"/>
            <a:chExt cx="1166445" cy="1468361"/>
          </a:xfrm>
          <a:solidFill>
            <a:sysClr val="window" lastClr="FFFFFF">
              <a:lumMod val="50000"/>
            </a:sysClr>
          </a:solidFill>
          <a:effectLst/>
        </p:grpSpPr>
        <p:sp>
          <p:nvSpPr>
            <p:cNvPr id="347" name="Oval 346"/>
            <p:cNvSpPr/>
            <p:nvPr/>
          </p:nvSpPr>
          <p:spPr>
            <a:xfrm>
              <a:off x="3639003" y="958726"/>
              <a:ext cx="268912" cy="288309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</a:endParaRPr>
            </a:p>
          </p:txBody>
        </p:sp>
        <p:sp>
          <p:nvSpPr>
            <p:cNvPr id="348" name="Oval 347"/>
            <p:cNvSpPr/>
            <p:nvPr/>
          </p:nvSpPr>
          <p:spPr>
            <a:xfrm>
              <a:off x="4446075" y="958132"/>
              <a:ext cx="268912" cy="288309"/>
            </a:xfrm>
            <a:prstGeom prst="ellipse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</a:endParaRPr>
            </a:p>
          </p:txBody>
        </p:sp>
        <p:sp>
          <p:nvSpPr>
            <p:cNvPr id="349" name="Rounded Rectangle 123"/>
            <p:cNvSpPr/>
            <p:nvPr/>
          </p:nvSpPr>
          <p:spPr>
            <a:xfrm rot="18614750">
              <a:off x="3884531" y="1271261"/>
              <a:ext cx="110943" cy="584624"/>
            </a:xfrm>
            <a:prstGeom prst="roundRect">
              <a:avLst>
                <a:gd name="adj" fmla="val 50000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</a:endParaRPr>
            </a:p>
          </p:txBody>
        </p:sp>
        <p:sp>
          <p:nvSpPr>
            <p:cNvPr id="350" name="Rectangle 2"/>
            <p:cNvSpPr/>
            <p:nvPr/>
          </p:nvSpPr>
          <p:spPr>
            <a:xfrm rot="19282856">
              <a:off x="4062393" y="1564494"/>
              <a:ext cx="430469" cy="149569"/>
            </a:xfrm>
            <a:custGeom>
              <a:avLst/>
              <a:gdLst>
                <a:gd name="connsiteX0" fmla="*/ 0 w 363489"/>
                <a:gd name="connsiteY0" fmla="*/ 0 h 155357"/>
                <a:gd name="connsiteX1" fmla="*/ 363489 w 363489"/>
                <a:gd name="connsiteY1" fmla="*/ 0 h 155357"/>
                <a:gd name="connsiteX2" fmla="*/ 363489 w 363489"/>
                <a:gd name="connsiteY2" fmla="*/ 155357 h 155357"/>
                <a:gd name="connsiteX3" fmla="*/ 0 w 363489"/>
                <a:gd name="connsiteY3" fmla="*/ 155357 h 155357"/>
                <a:gd name="connsiteX4" fmla="*/ 0 w 363489"/>
                <a:gd name="connsiteY4" fmla="*/ 0 h 155357"/>
                <a:gd name="connsiteX0" fmla="*/ 0 w 407008"/>
                <a:gd name="connsiteY0" fmla="*/ 0 h 155357"/>
                <a:gd name="connsiteX1" fmla="*/ 407008 w 407008"/>
                <a:gd name="connsiteY1" fmla="*/ 10382 h 155357"/>
                <a:gd name="connsiteX2" fmla="*/ 363489 w 407008"/>
                <a:gd name="connsiteY2" fmla="*/ 155357 h 155357"/>
                <a:gd name="connsiteX3" fmla="*/ 0 w 407008"/>
                <a:gd name="connsiteY3" fmla="*/ 155357 h 155357"/>
                <a:gd name="connsiteX4" fmla="*/ 0 w 407008"/>
                <a:gd name="connsiteY4" fmla="*/ 0 h 155357"/>
                <a:gd name="connsiteX0" fmla="*/ 0 w 407008"/>
                <a:gd name="connsiteY0" fmla="*/ 0 h 155357"/>
                <a:gd name="connsiteX1" fmla="*/ 407008 w 407008"/>
                <a:gd name="connsiteY1" fmla="*/ 10382 h 155357"/>
                <a:gd name="connsiteX2" fmla="*/ 305472 w 407008"/>
                <a:gd name="connsiteY2" fmla="*/ 151679 h 155357"/>
                <a:gd name="connsiteX3" fmla="*/ 0 w 407008"/>
                <a:gd name="connsiteY3" fmla="*/ 155357 h 155357"/>
                <a:gd name="connsiteX4" fmla="*/ 0 w 407008"/>
                <a:gd name="connsiteY4" fmla="*/ 0 h 155357"/>
                <a:gd name="connsiteX0" fmla="*/ 0 w 410729"/>
                <a:gd name="connsiteY0" fmla="*/ 0 h 155357"/>
                <a:gd name="connsiteX1" fmla="*/ 410729 w 410729"/>
                <a:gd name="connsiteY1" fmla="*/ 13354 h 155357"/>
                <a:gd name="connsiteX2" fmla="*/ 305472 w 410729"/>
                <a:gd name="connsiteY2" fmla="*/ 151679 h 155357"/>
                <a:gd name="connsiteX3" fmla="*/ 0 w 410729"/>
                <a:gd name="connsiteY3" fmla="*/ 155357 h 155357"/>
                <a:gd name="connsiteX4" fmla="*/ 0 w 410729"/>
                <a:gd name="connsiteY4" fmla="*/ 0 h 155357"/>
                <a:gd name="connsiteX0" fmla="*/ 0 w 414450"/>
                <a:gd name="connsiteY0" fmla="*/ 0 h 155357"/>
                <a:gd name="connsiteX1" fmla="*/ 414450 w 414450"/>
                <a:gd name="connsiteY1" fmla="*/ 16326 h 155357"/>
                <a:gd name="connsiteX2" fmla="*/ 305472 w 414450"/>
                <a:gd name="connsiteY2" fmla="*/ 151679 h 155357"/>
                <a:gd name="connsiteX3" fmla="*/ 0 w 414450"/>
                <a:gd name="connsiteY3" fmla="*/ 155357 h 155357"/>
                <a:gd name="connsiteX4" fmla="*/ 0 w 414450"/>
                <a:gd name="connsiteY4" fmla="*/ 0 h 155357"/>
                <a:gd name="connsiteX0" fmla="*/ 0 w 414450"/>
                <a:gd name="connsiteY0" fmla="*/ 0 h 155357"/>
                <a:gd name="connsiteX1" fmla="*/ 414450 w 414450"/>
                <a:gd name="connsiteY1" fmla="*/ 16326 h 155357"/>
                <a:gd name="connsiteX2" fmla="*/ 310305 w 414450"/>
                <a:gd name="connsiteY2" fmla="*/ 149443 h 155357"/>
                <a:gd name="connsiteX3" fmla="*/ 0 w 414450"/>
                <a:gd name="connsiteY3" fmla="*/ 155357 h 155357"/>
                <a:gd name="connsiteX4" fmla="*/ 0 w 414450"/>
                <a:gd name="connsiteY4" fmla="*/ 0 h 155357"/>
                <a:gd name="connsiteX0" fmla="*/ 0 w 409243"/>
                <a:gd name="connsiteY0" fmla="*/ 0 h 155357"/>
                <a:gd name="connsiteX1" fmla="*/ 409243 w 409243"/>
                <a:gd name="connsiteY1" fmla="*/ 15213 h 155357"/>
                <a:gd name="connsiteX2" fmla="*/ 310305 w 409243"/>
                <a:gd name="connsiteY2" fmla="*/ 149443 h 155357"/>
                <a:gd name="connsiteX3" fmla="*/ 0 w 409243"/>
                <a:gd name="connsiteY3" fmla="*/ 155357 h 155357"/>
                <a:gd name="connsiteX4" fmla="*/ 0 w 409243"/>
                <a:gd name="connsiteY4" fmla="*/ 0 h 155357"/>
                <a:gd name="connsiteX0" fmla="*/ 109352 w 409243"/>
                <a:gd name="connsiteY0" fmla="*/ 8138 h 140144"/>
                <a:gd name="connsiteX1" fmla="*/ 409243 w 409243"/>
                <a:gd name="connsiteY1" fmla="*/ 0 h 140144"/>
                <a:gd name="connsiteX2" fmla="*/ 310305 w 409243"/>
                <a:gd name="connsiteY2" fmla="*/ 134230 h 140144"/>
                <a:gd name="connsiteX3" fmla="*/ 0 w 409243"/>
                <a:gd name="connsiteY3" fmla="*/ 140144 h 140144"/>
                <a:gd name="connsiteX4" fmla="*/ 109352 w 409243"/>
                <a:gd name="connsiteY4" fmla="*/ 8138 h 140144"/>
                <a:gd name="connsiteX0" fmla="*/ 129464 w 429355"/>
                <a:gd name="connsiteY0" fmla="*/ 8138 h 134230"/>
                <a:gd name="connsiteX1" fmla="*/ 429355 w 429355"/>
                <a:gd name="connsiteY1" fmla="*/ 0 h 134230"/>
                <a:gd name="connsiteX2" fmla="*/ 330417 w 429355"/>
                <a:gd name="connsiteY2" fmla="*/ 134230 h 134230"/>
                <a:gd name="connsiteX3" fmla="*/ 0 w 429355"/>
                <a:gd name="connsiteY3" fmla="*/ 96647 h 134230"/>
                <a:gd name="connsiteX4" fmla="*/ 129464 w 429355"/>
                <a:gd name="connsiteY4" fmla="*/ 8138 h 134230"/>
                <a:gd name="connsiteX0" fmla="*/ 129464 w 429355"/>
                <a:gd name="connsiteY0" fmla="*/ 8138 h 141375"/>
                <a:gd name="connsiteX1" fmla="*/ 429355 w 429355"/>
                <a:gd name="connsiteY1" fmla="*/ 0 h 141375"/>
                <a:gd name="connsiteX2" fmla="*/ 330417 w 429355"/>
                <a:gd name="connsiteY2" fmla="*/ 134230 h 141375"/>
                <a:gd name="connsiteX3" fmla="*/ 0 w 429355"/>
                <a:gd name="connsiteY3" fmla="*/ 96647 h 141375"/>
                <a:gd name="connsiteX4" fmla="*/ 129464 w 429355"/>
                <a:gd name="connsiteY4" fmla="*/ 8138 h 141375"/>
                <a:gd name="connsiteX0" fmla="*/ 129464 w 429355"/>
                <a:gd name="connsiteY0" fmla="*/ 8138 h 151387"/>
                <a:gd name="connsiteX1" fmla="*/ 429355 w 429355"/>
                <a:gd name="connsiteY1" fmla="*/ 0 h 151387"/>
                <a:gd name="connsiteX2" fmla="*/ 330417 w 429355"/>
                <a:gd name="connsiteY2" fmla="*/ 134230 h 151387"/>
                <a:gd name="connsiteX3" fmla="*/ 0 w 429355"/>
                <a:gd name="connsiteY3" fmla="*/ 96647 h 151387"/>
                <a:gd name="connsiteX4" fmla="*/ 129464 w 429355"/>
                <a:gd name="connsiteY4" fmla="*/ 8138 h 151387"/>
                <a:gd name="connsiteX0" fmla="*/ 129464 w 429355"/>
                <a:gd name="connsiteY0" fmla="*/ 8138 h 143253"/>
                <a:gd name="connsiteX1" fmla="*/ 429355 w 429355"/>
                <a:gd name="connsiteY1" fmla="*/ 0 h 143253"/>
                <a:gd name="connsiteX2" fmla="*/ 330417 w 429355"/>
                <a:gd name="connsiteY2" fmla="*/ 134230 h 143253"/>
                <a:gd name="connsiteX3" fmla="*/ 0 w 429355"/>
                <a:gd name="connsiteY3" fmla="*/ 96647 h 143253"/>
                <a:gd name="connsiteX4" fmla="*/ 129464 w 429355"/>
                <a:gd name="connsiteY4" fmla="*/ 8138 h 143253"/>
                <a:gd name="connsiteX0" fmla="*/ 129464 w 429355"/>
                <a:gd name="connsiteY0" fmla="*/ 8138 h 143253"/>
                <a:gd name="connsiteX1" fmla="*/ 429355 w 429355"/>
                <a:gd name="connsiteY1" fmla="*/ 0 h 143253"/>
                <a:gd name="connsiteX2" fmla="*/ 330417 w 429355"/>
                <a:gd name="connsiteY2" fmla="*/ 134230 h 143253"/>
                <a:gd name="connsiteX3" fmla="*/ 0 w 429355"/>
                <a:gd name="connsiteY3" fmla="*/ 96647 h 143253"/>
                <a:gd name="connsiteX4" fmla="*/ 129464 w 429355"/>
                <a:gd name="connsiteY4" fmla="*/ 8138 h 143253"/>
                <a:gd name="connsiteX0" fmla="*/ 129464 w 429355"/>
                <a:gd name="connsiteY0" fmla="*/ 8138 h 143253"/>
                <a:gd name="connsiteX1" fmla="*/ 429355 w 429355"/>
                <a:gd name="connsiteY1" fmla="*/ 0 h 143253"/>
                <a:gd name="connsiteX2" fmla="*/ 330417 w 429355"/>
                <a:gd name="connsiteY2" fmla="*/ 134230 h 143253"/>
                <a:gd name="connsiteX3" fmla="*/ 0 w 429355"/>
                <a:gd name="connsiteY3" fmla="*/ 96647 h 143253"/>
                <a:gd name="connsiteX4" fmla="*/ 129464 w 429355"/>
                <a:gd name="connsiteY4" fmla="*/ 8138 h 143253"/>
                <a:gd name="connsiteX0" fmla="*/ 129464 w 429355"/>
                <a:gd name="connsiteY0" fmla="*/ 8138 h 143253"/>
                <a:gd name="connsiteX1" fmla="*/ 429355 w 429355"/>
                <a:gd name="connsiteY1" fmla="*/ 0 h 143253"/>
                <a:gd name="connsiteX2" fmla="*/ 330417 w 429355"/>
                <a:gd name="connsiteY2" fmla="*/ 134230 h 143253"/>
                <a:gd name="connsiteX3" fmla="*/ 0 w 429355"/>
                <a:gd name="connsiteY3" fmla="*/ 96647 h 143253"/>
                <a:gd name="connsiteX4" fmla="*/ 129464 w 429355"/>
                <a:gd name="connsiteY4" fmla="*/ 8138 h 143253"/>
                <a:gd name="connsiteX0" fmla="*/ 129464 w 429355"/>
                <a:gd name="connsiteY0" fmla="*/ 8138 h 143253"/>
                <a:gd name="connsiteX1" fmla="*/ 429355 w 429355"/>
                <a:gd name="connsiteY1" fmla="*/ 0 h 143253"/>
                <a:gd name="connsiteX2" fmla="*/ 330417 w 429355"/>
                <a:gd name="connsiteY2" fmla="*/ 134230 h 143253"/>
                <a:gd name="connsiteX3" fmla="*/ 0 w 429355"/>
                <a:gd name="connsiteY3" fmla="*/ 96647 h 143253"/>
                <a:gd name="connsiteX4" fmla="*/ 129464 w 429355"/>
                <a:gd name="connsiteY4" fmla="*/ 8138 h 143253"/>
                <a:gd name="connsiteX0" fmla="*/ 129464 w 429355"/>
                <a:gd name="connsiteY0" fmla="*/ 8138 h 143253"/>
                <a:gd name="connsiteX1" fmla="*/ 429355 w 429355"/>
                <a:gd name="connsiteY1" fmla="*/ 0 h 143253"/>
                <a:gd name="connsiteX2" fmla="*/ 330417 w 429355"/>
                <a:gd name="connsiteY2" fmla="*/ 134230 h 143253"/>
                <a:gd name="connsiteX3" fmla="*/ 0 w 429355"/>
                <a:gd name="connsiteY3" fmla="*/ 96647 h 143253"/>
                <a:gd name="connsiteX4" fmla="*/ 129464 w 429355"/>
                <a:gd name="connsiteY4" fmla="*/ 8138 h 143253"/>
                <a:gd name="connsiteX0" fmla="*/ 129464 w 429355"/>
                <a:gd name="connsiteY0" fmla="*/ 8138 h 143253"/>
                <a:gd name="connsiteX1" fmla="*/ 429355 w 429355"/>
                <a:gd name="connsiteY1" fmla="*/ 0 h 143253"/>
                <a:gd name="connsiteX2" fmla="*/ 330417 w 429355"/>
                <a:gd name="connsiteY2" fmla="*/ 134230 h 143253"/>
                <a:gd name="connsiteX3" fmla="*/ 0 w 429355"/>
                <a:gd name="connsiteY3" fmla="*/ 96647 h 143253"/>
                <a:gd name="connsiteX4" fmla="*/ 129464 w 429355"/>
                <a:gd name="connsiteY4" fmla="*/ 8138 h 143253"/>
                <a:gd name="connsiteX0" fmla="*/ 129464 w 429355"/>
                <a:gd name="connsiteY0" fmla="*/ 8138 h 143253"/>
                <a:gd name="connsiteX1" fmla="*/ 429355 w 429355"/>
                <a:gd name="connsiteY1" fmla="*/ 0 h 143253"/>
                <a:gd name="connsiteX2" fmla="*/ 330417 w 429355"/>
                <a:gd name="connsiteY2" fmla="*/ 134230 h 143253"/>
                <a:gd name="connsiteX3" fmla="*/ 0 w 429355"/>
                <a:gd name="connsiteY3" fmla="*/ 96647 h 143253"/>
                <a:gd name="connsiteX4" fmla="*/ 129464 w 429355"/>
                <a:gd name="connsiteY4" fmla="*/ 8138 h 143253"/>
                <a:gd name="connsiteX0" fmla="*/ 129464 w 429355"/>
                <a:gd name="connsiteY0" fmla="*/ 8138 h 143700"/>
                <a:gd name="connsiteX1" fmla="*/ 429355 w 429355"/>
                <a:gd name="connsiteY1" fmla="*/ 0 h 143700"/>
                <a:gd name="connsiteX2" fmla="*/ 330417 w 429355"/>
                <a:gd name="connsiteY2" fmla="*/ 134230 h 143700"/>
                <a:gd name="connsiteX3" fmla="*/ 0 w 429355"/>
                <a:gd name="connsiteY3" fmla="*/ 96647 h 143700"/>
                <a:gd name="connsiteX4" fmla="*/ 129464 w 429355"/>
                <a:gd name="connsiteY4" fmla="*/ 8138 h 143700"/>
                <a:gd name="connsiteX0" fmla="*/ 129464 w 431217"/>
                <a:gd name="connsiteY0" fmla="*/ 6652 h 142214"/>
                <a:gd name="connsiteX1" fmla="*/ 431217 w 431217"/>
                <a:gd name="connsiteY1" fmla="*/ 0 h 142214"/>
                <a:gd name="connsiteX2" fmla="*/ 330417 w 431217"/>
                <a:gd name="connsiteY2" fmla="*/ 132744 h 142214"/>
                <a:gd name="connsiteX3" fmla="*/ 0 w 431217"/>
                <a:gd name="connsiteY3" fmla="*/ 95161 h 142214"/>
                <a:gd name="connsiteX4" fmla="*/ 129464 w 431217"/>
                <a:gd name="connsiteY4" fmla="*/ 6652 h 142214"/>
                <a:gd name="connsiteX0" fmla="*/ 129464 w 433077"/>
                <a:gd name="connsiteY0" fmla="*/ 5166 h 140728"/>
                <a:gd name="connsiteX1" fmla="*/ 433077 w 433077"/>
                <a:gd name="connsiteY1" fmla="*/ 0 h 140728"/>
                <a:gd name="connsiteX2" fmla="*/ 330417 w 433077"/>
                <a:gd name="connsiteY2" fmla="*/ 131258 h 140728"/>
                <a:gd name="connsiteX3" fmla="*/ 0 w 433077"/>
                <a:gd name="connsiteY3" fmla="*/ 93675 h 140728"/>
                <a:gd name="connsiteX4" fmla="*/ 129464 w 433077"/>
                <a:gd name="connsiteY4" fmla="*/ 5166 h 140728"/>
                <a:gd name="connsiteX0" fmla="*/ 129464 w 432329"/>
                <a:gd name="connsiteY0" fmla="*/ 11860 h 147422"/>
                <a:gd name="connsiteX1" fmla="*/ 432329 w 432329"/>
                <a:gd name="connsiteY1" fmla="*/ 0 h 147422"/>
                <a:gd name="connsiteX2" fmla="*/ 330417 w 432329"/>
                <a:gd name="connsiteY2" fmla="*/ 137952 h 147422"/>
                <a:gd name="connsiteX3" fmla="*/ 0 w 432329"/>
                <a:gd name="connsiteY3" fmla="*/ 100369 h 147422"/>
                <a:gd name="connsiteX4" fmla="*/ 129464 w 432329"/>
                <a:gd name="connsiteY4" fmla="*/ 11860 h 147422"/>
                <a:gd name="connsiteX0" fmla="*/ 129464 w 431218"/>
                <a:gd name="connsiteY0" fmla="*/ 6652 h 142214"/>
                <a:gd name="connsiteX1" fmla="*/ 431218 w 431218"/>
                <a:gd name="connsiteY1" fmla="*/ 0 h 142214"/>
                <a:gd name="connsiteX2" fmla="*/ 330417 w 431218"/>
                <a:gd name="connsiteY2" fmla="*/ 132744 h 142214"/>
                <a:gd name="connsiteX3" fmla="*/ 0 w 431218"/>
                <a:gd name="connsiteY3" fmla="*/ 95161 h 142214"/>
                <a:gd name="connsiteX4" fmla="*/ 129464 w 431218"/>
                <a:gd name="connsiteY4" fmla="*/ 6652 h 142214"/>
                <a:gd name="connsiteX0" fmla="*/ 129464 w 433453"/>
                <a:gd name="connsiteY0" fmla="*/ 1819 h 137381"/>
                <a:gd name="connsiteX1" fmla="*/ 433453 w 433453"/>
                <a:gd name="connsiteY1" fmla="*/ 0 h 137381"/>
                <a:gd name="connsiteX2" fmla="*/ 330417 w 433453"/>
                <a:gd name="connsiteY2" fmla="*/ 127911 h 137381"/>
                <a:gd name="connsiteX3" fmla="*/ 0 w 433453"/>
                <a:gd name="connsiteY3" fmla="*/ 90328 h 137381"/>
                <a:gd name="connsiteX4" fmla="*/ 129464 w 433453"/>
                <a:gd name="connsiteY4" fmla="*/ 1819 h 137381"/>
                <a:gd name="connsiteX0" fmla="*/ 129464 w 435677"/>
                <a:gd name="connsiteY0" fmla="*/ 12233 h 147795"/>
                <a:gd name="connsiteX1" fmla="*/ 435677 w 435677"/>
                <a:gd name="connsiteY1" fmla="*/ 0 h 147795"/>
                <a:gd name="connsiteX2" fmla="*/ 330417 w 435677"/>
                <a:gd name="connsiteY2" fmla="*/ 138325 h 147795"/>
                <a:gd name="connsiteX3" fmla="*/ 0 w 435677"/>
                <a:gd name="connsiteY3" fmla="*/ 100742 h 147795"/>
                <a:gd name="connsiteX4" fmla="*/ 129464 w 435677"/>
                <a:gd name="connsiteY4" fmla="*/ 12233 h 147795"/>
                <a:gd name="connsiteX0" fmla="*/ 129464 w 435677"/>
                <a:gd name="connsiteY0" fmla="*/ 12233 h 148456"/>
                <a:gd name="connsiteX1" fmla="*/ 435677 w 435677"/>
                <a:gd name="connsiteY1" fmla="*/ 0 h 148456"/>
                <a:gd name="connsiteX2" fmla="*/ 332278 w 435677"/>
                <a:gd name="connsiteY2" fmla="*/ 139811 h 148456"/>
                <a:gd name="connsiteX3" fmla="*/ 0 w 435677"/>
                <a:gd name="connsiteY3" fmla="*/ 100742 h 148456"/>
                <a:gd name="connsiteX4" fmla="*/ 129464 w 435677"/>
                <a:gd name="connsiteY4" fmla="*/ 12233 h 148456"/>
                <a:gd name="connsiteX0" fmla="*/ 129464 w 434565"/>
                <a:gd name="connsiteY0" fmla="*/ 7027 h 143250"/>
                <a:gd name="connsiteX1" fmla="*/ 434565 w 434565"/>
                <a:gd name="connsiteY1" fmla="*/ 0 h 143250"/>
                <a:gd name="connsiteX2" fmla="*/ 332278 w 434565"/>
                <a:gd name="connsiteY2" fmla="*/ 134605 h 143250"/>
                <a:gd name="connsiteX3" fmla="*/ 0 w 434565"/>
                <a:gd name="connsiteY3" fmla="*/ 95536 h 143250"/>
                <a:gd name="connsiteX4" fmla="*/ 129464 w 434565"/>
                <a:gd name="connsiteY4" fmla="*/ 7027 h 143250"/>
                <a:gd name="connsiteX0" fmla="*/ 129464 w 434565"/>
                <a:gd name="connsiteY0" fmla="*/ 7027 h 143250"/>
                <a:gd name="connsiteX1" fmla="*/ 434565 w 434565"/>
                <a:gd name="connsiteY1" fmla="*/ 0 h 143250"/>
                <a:gd name="connsiteX2" fmla="*/ 332278 w 434565"/>
                <a:gd name="connsiteY2" fmla="*/ 134605 h 143250"/>
                <a:gd name="connsiteX3" fmla="*/ 0 w 434565"/>
                <a:gd name="connsiteY3" fmla="*/ 95536 h 143250"/>
                <a:gd name="connsiteX4" fmla="*/ 129464 w 434565"/>
                <a:gd name="connsiteY4" fmla="*/ 7027 h 143250"/>
                <a:gd name="connsiteX0" fmla="*/ 129464 w 436051"/>
                <a:gd name="connsiteY0" fmla="*/ 8887 h 145110"/>
                <a:gd name="connsiteX1" fmla="*/ 436051 w 436051"/>
                <a:gd name="connsiteY1" fmla="*/ 0 h 145110"/>
                <a:gd name="connsiteX2" fmla="*/ 332278 w 436051"/>
                <a:gd name="connsiteY2" fmla="*/ 136465 h 145110"/>
                <a:gd name="connsiteX3" fmla="*/ 0 w 436051"/>
                <a:gd name="connsiteY3" fmla="*/ 97396 h 145110"/>
                <a:gd name="connsiteX4" fmla="*/ 129464 w 436051"/>
                <a:gd name="connsiteY4" fmla="*/ 8887 h 145110"/>
                <a:gd name="connsiteX0" fmla="*/ 129464 w 439771"/>
                <a:gd name="connsiteY0" fmla="*/ 5914 h 142137"/>
                <a:gd name="connsiteX1" fmla="*/ 439771 w 439771"/>
                <a:gd name="connsiteY1" fmla="*/ 0 h 142137"/>
                <a:gd name="connsiteX2" fmla="*/ 332278 w 439771"/>
                <a:gd name="connsiteY2" fmla="*/ 133492 h 142137"/>
                <a:gd name="connsiteX3" fmla="*/ 0 w 439771"/>
                <a:gd name="connsiteY3" fmla="*/ 94423 h 142137"/>
                <a:gd name="connsiteX4" fmla="*/ 129464 w 439771"/>
                <a:gd name="connsiteY4" fmla="*/ 5914 h 142137"/>
                <a:gd name="connsiteX0" fmla="*/ 129464 w 445716"/>
                <a:gd name="connsiteY0" fmla="*/ 13357 h 149580"/>
                <a:gd name="connsiteX1" fmla="*/ 445716 w 445716"/>
                <a:gd name="connsiteY1" fmla="*/ 0 h 149580"/>
                <a:gd name="connsiteX2" fmla="*/ 332278 w 445716"/>
                <a:gd name="connsiteY2" fmla="*/ 140935 h 149580"/>
                <a:gd name="connsiteX3" fmla="*/ 0 w 445716"/>
                <a:gd name="connsiteY3" fmla="*/ 101866 h 149580"/>
                <a:gd name="connsiteX4" fmla="*/ 129464 w 445716"/>
                <a:gd name="connsiteY4" fmla="*/ 13357 h 149580"/>
                <a:gd name="connsiteX0" fmla="*/ 129464 w 422290"/>
                <a:gd name="connsiteY0" fmla="*/ 10738 h 146961"/>
                <a:gd name="connsiteX1" fmla="*/ 422290 w 422290"/>
                <a:gd name="connsiteY1" fmla="*/ 0 h 146961"/>
                <a:gd name="connsiteX2" fmla="*/ 332278 w 422290"/>
                <a:gd name="connsiteY2" fmla="*/ 138316 h 146961"/>
                <a:gd name="connsiteX3" fmla="*/ 0 w 422290"/>
                <a:gd name="connsiteY3" fmla="*/ 99247 h 146961"/>
                <a:gd name="connsiteX4" fmla="*/ 129464 w 422290"/>
                <a:gd name="connsiteY4" fmla="*/ 10738 h 146961"/>
                <a:gd name="connsiteX0" fmla="*/ 129464 w 426010"/>
                <a:gd name="connsiteY0" fmla="*/ 7765 h 143988"/>
                <a:gd name="connsiteX1" fmla="*/ 426010 w 426010"/>
                <a:gd name="connsiteY1" fmla="*/ 0 h 143988"/>
                <a:gd name="connsiteX2" fmla="*/ 332278 w 426010"/>
                <a:gd name="connsiteY2" fmla="*/ 135343 h 143988"/>
                <a:gd name="connsiteX3" fmla="*/ 0 w 426010"/>
                <a:gd name="connsiteY3" fmla="*/ 96274 h 143988"/>
                <a:gd name="connsiteX4" fmla="*/ 129464 w 426010"/>
                <a:gd name="connsiteY4" fmla="*/ 7765 h 143988"/>
                <a:gd name="connsiteX0" fmla="*/ 129464 w 430469"/>
                <a:gd name="connsiteY0" fmla="*/ 13346 h 149569"/>
                <a:gd name="connsiteX1" fmla="*/ 430469 w 430469"/>
                <a:gd name="connsiteY1" fmla="*/ 0 h 149569"/>
                <a:gd name="connsiteX2" fmla="*/ 332278 w 430469"/>
                <a:gd name="connsiteY2" fmla="*/ 140924 h 149569"/>
                <a:gd name="connsiteX3" fmla="*/ 0 w 430469"/>
                <a:gd name="connsiteY3" fmla="*/ 101855 h 149569"/>
                <a:gd name="connsiteX4" fmla="*/ 129464 w 430469"/>
                <a:gd name="connsiteY4" fmla="*/ 13346 h 14956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430469" h="149569">
                  <a:moveTo>
                    <a:pt x="129464" y="13346"/>
                  </a:moveTo>
                  <a:lnTo>
                    <a:pt x="430469" y="0"/>
                  </a:lnTo>
                  <a:lnTo>
                    <a:pt x="332278" y="140924"/>
                  </a:lnTo>
                  <a:cubicBezTo>
                    <a:pt x="217677" y="133978"/>
                    <a:pt x="51802" y="183596"/>
                    <a:pt x="0" y="101855"/>
                  </a:cubicBezTo>
                  <a:cubicBezTo>
                    <a:pt x="57323" y="123290"/>
                    <a:pt x="102712" y="98621"/>
                    <a:pt x="129464" y="13346"/>
                  </a:cubicBezTo>
                  <a:close/>
                </a:path>
              </a:pathLst>
            </a:custGeom>
            <a:grpFill/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</a:endParaRPr>
            </a:p>
          </p:txBody>
        </p:sp>
        <p:sp>
          <p:nvSpPr>
            <p:cNvPr id="351" name="Rounded Rectangle 125"/>
            <p:cNvSpPr/>
            <p:nvPr/>
          </p:nvSpPr>
          <p:spPr>
            <a:xfrm>
              <a:off x="4525059" y="1346966"/>
              <a:ext cx="110943" cy="584624"/>
            </a:xfrm>
            <a:prstGeom prst="roundRect">
              <a:avLst>
                <a:gd name="adj" fmla="val 50000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</a:endParaRPr>
            </a:p>
          </p:txBody>
        </p:sp>
        <p:sp>
          <p:nvSpPr>
            <p:cNvPr id="352" name="Rectangle 126"/>
            <p:cNvSpPr/>
            <p:nvPr/>
          </p:nvSpPr>
          <p:spPr>
            <a:xfrm>
              <a:off x="3639003" y="1839188"/>
              <a:ext cx="246188" cy="587305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</a:endParaRPr>
            </a:p>
          </p:txBody>
        </p:sp>
        <p:sp>
          <p:nvSpPr>
            <p:cNvPr id="353" name="Rounded Rectangle 9"/>
            <p:cNvSpPr/>
            <p:nvPr/>
          </p:nvSpPr>
          <p:spPr>
            <a:xfrm>
              <a:off x="4372440" y="1983106"/>
              <a:ext cx="430468" cy="220027"/>
            </a:xfrm>
            <a:custGeom>
              <a:avLst/>
              <a:gdLst>
                <a:gd name="connsiteX0" fmla="*/ 0 w 430468"/>
                <a:gd name="connsiteY0" fmla="*/ 76919 h 220027"/>
                <a:gd name="connsiteX1" fmla="*/ 76919 w 430468"/>
                <a:gd name="connsiteY1" fmla="*/ 0 h 220027"/>
                <a:gd name="connsiteX2" fmla="*/ 353549 w 430468"/>
                <a:gd name="connsiteY2" fmla="*/ 0 h 220027"/>
                <a:gd name="connsiteX3" fmla="*/ 430468 w 430468"/>
                <a:gd name="connsiteY3" fmla="*/ 76919 h 220027"/>
                <a:gd name="connsiteX4" fmla="*/ 430468 w 430468"/>
                <a:gd name="connsiteY4" fmla="*/ 143108 h 220027"/>
                <a:gd name="connsiteX5" fmla="*/ 353549 w 430468"/>
                <a:gd name="connsiteY5" fmla="*/ 220027 h 220027"/>
                <a:gd name="connsiteX6" fmla="*/ 76919 w 430468"/>
                <a:gd name="connsiteY6" fmla="*/ 220027 h 220027"/>
                <a:gd name="connsiteX7" fmla="*/ 0 w 430468"/>
                <a:gd name="connsiteY7" fmla="*/ 143108 h 220027"/>
                <a:gd name="connsiteX8" fmla="*/ 0 w 430468"/>
                <a:gd name="connsiteY8" fmla="*/ 76919 h 220027"/>
                <a:gd name="connsiteX0" fmla="*/ 0 w 430468"/>
                <a:gd name="connsiteY0" fmla="*/ 76919 h 220027"/>
                <a:gd name="connsiteX1" fmla="*/ 76919 w 430468"/>
                <a:gd name="connsiteY1" fmla="*/ 0 h 220027"/>
                <a:gd name="connsiteX2" fmla="*/ 353549 w 430468"/>
                <a:gd name="connsiteY2" fmla="*/ 0 h 220027"/>
                <a:gd name="connsiteX3" fmla="*/ 430468 w 430468"/>
                <a:gd name="connsiteY3" fmla="*/ 76919 h 220027"/>
                <a:gd name="connsiteX4" fmla="*/ 430468 w 430468"/>
                <a:gd name="connsiteY4" fmla="*/ 143108 h 220027"/>
                <a:gd name="connsiteX5" fmla="*/ 353549 w 430468"/>
                <a:gd name="connsiteY5" fmla="*/ 220027 h 220027"/>
                <a:gd name="connsiteX6" fmla="*/ 184264 w 430468"/>
                <a:gd name="connsiteY6" fmla="*/ 219551 h 220027"/>
                <a:gd name="connsiteX7" fmla="*/ 76919 w 430468"/>
                <a:gd name="connsiteY7" fmla="*/ 220027 h 220027"/>
                <a:gd name="connsiteX8" fmla="*/ 0 w 430468"/>
                <a:gd name="connsiteY8" fmla="*/ 143108 h 220027"/>
                <a:gd name="connsiteX9" fmla="*/ 0 w 430468"/>
                <a:gd name="connsiteY9" fmla="*/ 76919 h 220027"/>
                <a:gd name="connsiteX0" fmla="*/ 0 w 430468"/>
                <a:gd name="connsiteY0" fmla="*/ 76919 h 220027"/>
                <a:gd name="connsiteX1" fmla="*/ 76919 w 430468"/>
                <a:gd name="connsiteY1" fmla="*/ 0 h 220027"/>
                <a:gd name="connsiteX2" fmla="*/ 353549 w 430468"/>
                <a:gd name="connsiteY2" fmla="*/ 0 h 220027"/>
                <a:gd name="connsiteX3" fmla="*/ 430468 w 430468"/>
                <a:gd name="connsiteY3" fmla="*/ 76919 h 220027"/>
                <a:gd name="connsiteX4" fmla="*/ 430468 w 430468"/>
                <a:gd name="connsiteY4" fmla="*/ 143108 h 220027"/>
                <a:gd name="connsiteX5" fmla="*/ 353549 w 430468"/>
                <a:gd name="connsiteY5" fmla="*/ 220027 h 220027"/>
                <a:gd name="connsiteX6" fmla="*/ 246176 w 430468"/>
                <a:gd name="connsiteY6" fmla="*/ 217170 h 220027"/>
                <a:gd name="connsiteX7" fmla="*/ 184264 w 430468"/>
                <a:gd name="connsiteY7" fmla="*/ 219551 h 220027"/>
                <a:gd name="connsiteX8" fmla="*/ 76919 w 430468"/>
                <a:gd name="connsiteY8" fmla="*/ 220027 h 220027"/>
                <a:gd name="connsiteX9" fmla="*/ 0 w 430468"/>
                <a:gd name="connsiteY9" fmla="*/ 143108 h 220027"/>
                <a:gd name="connsiteX10" fmla="*/ 0 w 430468"/>
                <a:gd name="connsiteY10" fmla="*/ 76919 h 220027"/>
                <a:gd name="connsiteX0" fmla="*/ 0 w 430468"/>
                <a:gd name="connsiteY0" fmla="*/ 76919 h 220027"/>
                <a:gd name="connsiteX1" fmla="*/ 76919 w 430468"/>
                <a:gd name="connsiteY1" fmla="*/ 0 h 220027"/>
                <a:gd name="connsiteX2" fmla="*/ 353549 w 430468"/>
                <a:gd name="connsiteY2" fmla="*/ 0 h 220027"/>
                <a:gd name="connsiteX3" fmla="*/ 430468 w 430468"/>
                <a:gd name="connsiteY3" fmla="*/ 76919 h 220027"/>
                <a:gd name="connsiteX4" fmla="*/ 430468 w 430468"/>
                <a:gd name="connsiteY4" fmla="*/ 143108 h 220027"/>
                <a:gd name="connsiteX5" fmla="*/ 353549 w 430468"/>
                <a:gd name="connsiteY5" fmla="*/ 220027 h 220027"/>
                <a:gd name="connsiteX6" fmla="*/ 246176 w 430468"/>
                <a:gd name="connsiteY6" fmla="*/ 217170 h 220027"/>
                <a:gd name="connsiteX7" fmla="*/ 184264 w 430468"/>
                <a:gd name="connsiteY7" fmla="*/ 219551 h 220027"/>
                <a:gd name="connsiteX8" fmla="*/ 76919 w 430468"/>
                <a:gd name="connsiteY8" fmla="*/ 220027 h 220027"/>
                <a:gd name="connsiteX9" fmla="*/ 0 w 430468"/>
                <a:gd name="connsiteY9" fmla="*/ 143108 h 220027"/>
                <a:gd name="connsiteX10" fmla="*/ 0 w 430468"/>
                <a:gd name="connsiteY10" fmla="*/ 76919 h 220027"/>
                <a:gd name="connsiteX0" fmla="*/ 0 w 430468"/>
                <a:gd name="connsiteY0" fmla="*/ 76919 h 220027"/>
                <a:gd name="connsiteX1" fmla="*/ 76919 w 430468"/>
                <a:gd name="connsiteY1" fmla="*/ 0 h 220027"/>
                <a:gd name="connsiteX2" fmla="*/ 353549 w 430468"/>
                <a:gd name="connsiteY2" fmla="*/ 0 h 220027"/>
                <a:gd name="connsiteX3" fmla="*/ 430468 w 430468"/>
                <a:gd name="connsiteY3" fmla="*/ 76919 h 220027"/>
                <a:gd name="connsiteX4" fmla="*/ 430468 w 430468"/>
                <a:gd name="connsiteY4" fmla="*/ 143108 h 220027"/>
                <a:gd name="connsiteX5" fmla="*/ 353549 w 430468"/>
                <a:gd name="connsiteY5" fmla="*/ 220027 h 220027"/>
                <a:gd name="connsiteX6" fmla="*/ 246176 w 430468"/>
                <a:gd name="connsiteY6" fmla="*/ 217170 h 220027"/>
                <a:gd name="connsiteX7" fmla="*/ 184264 w 430468"/>
                <a:gd name="connsiteY7" fmla="*/ 219551 h 220027"/>
                <a:gd name="connsiteX8" fmla="*/ 76919 w 430468"/>
                <a:gd name="connsiteY8" fmla="*/ 220027 h 220027"/>
                <a:gd name="connsiteX9" fmla="*/ 0 w 430468"/>
                <a:gd name="connsiteY9" fmla="*/ 143108 h 220027"/>
                <a:gd name="connsiteX10" fmla="*/ 0 w 430468"/>
                <a:gd name="connsiteY10" fmla="*/ 76919 h 220027"/>
                <a:gd name="connsiteX0" fmla="*/ 0 w 430468"/>
                <a:gd name="connsiteY0" fmla="*/ 76919 h 220027"/>
                <a:gd name="connsiteX1" fmla="*/ 76919 w 430468"/>
                <a:gd name="connsiteY1" fmla="*/ 0 h 220027"/>
                <a:gd name="connsiteX2" fmla="*/ 353549 w 430468"/>
                <a:gd name="connsiteY2" fmla="*/ 0 h 220027"/>
                <a:gd name="connsiteX3" fmla="*/ 430468 w 430468"/>
                <a:gd name="connsiteY3" fmla="*/ 76919 h 220027"/>
                <a:gd name="connsiteX4" fmla="*/ 430468 w 430468"/>
                <a:gd name="connsiteY4" fmla="*/ 143108 h 220027"/>
                <a:gd name="connsiteX5" fmla="*/ 353549 w 430468"/>
                <a:gd name="connsiteY5" fmla="*/ 220027 h 220027"/>
                <a:gd name="connsiteX6" fmla="*/ 246176 w 430468"/>
                <a:gd name="connsiteY6" fmla="*/ 217170 h 220027"/>
                <a:gd name="connsiteX7" fmla="*/ 184264 w 430468"/>
                <a:gd name="connsiteY7" fmla="*/ 219551 h 220027"/>
                <a:gd name="connsiteX8" fmla="*/ 76919 w 430468"/>
                <a:gd name="connsiteY8" fmla="*/ 220027 h 220027"/>
                <a:gd name="connsiteX9" fmla="*/ 0 w 430468"/>
                <a:gd name="connsiteY9" fmla="*/ 143108 h 220027"/>
                <a:gd name="connsiteX10" fmla="*/ 0 w 430468"/>
                <a:gd name="connsiteY10" fmla="*/ 76919 h 2200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430468" h="220027">
                  <a:moveTo>
                    <a:pt x="0" y="76919"/>
                  </a:moveTo>
                  <a:cubicBezTo>
                    <a:pt x="0" y="34438"/>
                    <a:pt x="34438" y="0"/>
                    <a:pt x="76919" y="0"/>
                  </a:cubicBezTo>
                  <a:lnTo>
                    <a:pt x="353549" y="0"/>
                  </a:lnTo>
                  <a:cubicBezTo>
                    <a:pt x="396030" y="0"/>
                    <a:pt x="430468" y="34438"/>
                    <a:pt x="430468" y="76919"/>
                  </a:cubicBezTo>
                  <a:lnTo>
                    <a:pt x="430468" y="143108"/>
                  </a:lnTo>
                  <a:cubicBezTo>
                    <a:pt x="430468" y="185589"/>
                    <a:pt x="396030" y="220027"/>
                    <a:pt x="353549" y="220027"/>
                  </a:cubicBezTo>
                  <a:lnTo>
                    <a:pt x="246176" y="217170"/>
                  </a:lnTo>
                  <a:cubicBezTo>
                    <a:pt x="223158" y="184626"/>
                    <a:pt x="195376" y="197325"/>
                    <a:pt x="184264" y="219551"/>
                  </a:cubicBezTo>
                  <a:lnTo>
                    <a:pt x="76919" y="220027"/>
                  </a:lnTo>
                  <a:cubicBezTo>
                    <a:pt x="34438" y="220027"/>
                    <a:pt x="0" y="185589"/>
                    <a:pt x="0" y="143108"/>
                  </a:cubicBezTo>
                  <a:lnTo>
                    <a:pt x="0" y="76919"/>
                  </a:lnTo>
                  <a:close/>
                </a:path>
              </a:pathLst>
            </a:custGeom>
            <a:grpFill/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</a:endParaRPr>
            </a:p>
          </p:txBody>
        </p:sp>
        <p:sp>
          <p:nvSpPr>
            <p:cNvPr id="354" name="Rectangle 16"/>
            <p:cNvSpPr/>
            <p:nvPr/>
          </p:nvSpPr>
          <p:spPr>
            <a:xfrm>
              <a:off x="4370059" y="2215765"/>
              <a:ext cx="430468" cy="99353"/>
            </a:xfrm>
            <a:custGeom>
              <a:avLst/>
              <a:gdLst>
                <a:gd name="connsiteX0" fmla="*/ 0 w 430468"/>
                <a:gd name="connsiteY0" fmla="*/ 0 h 104299"/>
                <a:gd name="connsiteX1" fmla="*/ 430468 w 430468"/>
                <a:gd name="connsiteY1" fmla="*/ 0 h 104299"/>
                <a:gd name="connsiteX2" fmla="*/ 430468 w 430468"/>
                <a:gd name="connsiteY2" fmla="*/ 104299 h 104299"/>
                <a:gd name="connsiteX3" fmla="*/ 0 w 430468"/>
                <a:gd name="connsiteY3" fmla="*/ 104299 h 104299"/>
                <a:gd name="connsiteX4" fmla="*/ 0 w 430468"/>
                <a:gd name="connsiteY4" fmla="*/ 0 h 104299"/>
                <a:gd name="connsiteX0" fmla="*/ 0 w 430468"/>
                <a:gd name="connsiteY0" fmla="*/ 0 h 104299"/>
                <a:gd name="connsiteX1" fmla="*/ 167595 w 430468"/>
                <a:gd name="connsiteY1" fmla="*/ 158 h 104299"/>
                <a:gd name="connsiteX2" fmla="*/ 430468 w 430468"/>
                <a:gd name="connsiteY2" fmla="*/ 0 h 104299"/>
                <a:gd name="connsiteX3" fmla="*/ 430468 w 430468"/>
                <a:gd name="connsiteY3" fmla="*/ 104299 h 104299"/>
                <a:gd name="connsiteX4" fmla="*/ 0 w 430468"/>
                <a:gd name="connsiteY4" fmla="*/ 104299 h 104299"/>
                <a:gd name="connsiteX5" fmla="*/ 0 w 430468"/>
                <a:gd name="connsiteY5" fmla="*/ 0 h 104299"/>
                <a:gd name="connsiteX0" fmla="*/ 0 w 430468"/>
                <a:gd name="connsiteY0" fmla="*/ 2223 h 106522"/>
                <a:gd name="connsiteX1" fmla="*/ 167595 w 430468"/>
                <a:gd name="connsiteY1" fmla="*/ 2381 h 106522"/>
                <a:gd name="connsiteX2" fmla="*/ 269989 w 430468"/>
                <a:gd name="connsiteY2" fmla="*/ 0 h 106522"/>
                <a:gd name="connsiteX3" fmla="*/ 430468 w 430468"/>
                <a:gd name="connsiteY3" fmla="*/ 2223 h 106522"/>
                <a:gd name="connsiteX4" fmla="*/ 430468 w 430468"/>
                <a:gd name="connsiteY4" fmla="*/ 106522 h 106522"/>
                <a:gd name="connsiteX5" fmla="*/ 0 w 430468"/>
                <a:gd name="connsiteY5" fmla="*/ 106522 h 106522"/>
                <a:gd name="connsiteX6" fmla="*/ 0 w 430468"/>
                <a:gd name="connsiteY6" fmla="*/ 2223 h 106522"/>
                <a:gd name="connsiteX0" fmla="*/ 0 w 430468"/>
                <a:gd name="connsiteY0" fmla="*/ 2223 h 106522"/>
                <a:gd name="connsiteX1" fmla="*/ 167595 w 430468"/>
                <a:gd name="connsiteY1" fmla="*/ 2381 h 106522"/>
                <a:gd name="connsiteX2" fmla="*/ 269989 w 430468"/>
                <a:gd name="connsiteY2" fmla="*/ 0 h 106522"/>
                <a:gd name="connsiteX3" fmla="*/ 430468 w 430468"/>
                <a:gd name="connsiteY3" fmla="*/ 2223 h 106522"/>
                <a:gd name="connsiteX4" fmla="*/ 430468 w 430468"/>
                <a:gd name="connsiteY4" fmla="*/ 106522 h 106522"/>
                <a:gd name="connsiteX5" fmla="*/ 0 w 430468"/>
                <a:gd name="connsiteY5" fmla="*/ 106522 h 106522"/>
                <a:gd name="connsiteX6" fmla="*/ 0 w 430468"/>
                <a:gd name="connsiteY6" fmla="*/ 2223 h 106522"/>
                <a:gd name="connsiteX0" fmla="*/ 0 w 430468"/>
                <a:gd name="connsiteY0" fmla="*/ 2223 h 106522"/>
                <a:gd name="connsiteX1" fmla="*/ 167595 w 430468"/>
                <a:gd name="connsiteY1" fmla="*/ 2381 h 106522"/>
                <a:gd name="connsiteX2" fmla="*/ 269989 w 430468"/>
                <a:gd name="connsiteY2" fmla="*/ 0 h 106522"/>
                <a:gd name="connsiteX3" fmla="*/ 430468 w 430468"/>
                <a:gd name="connsiteY3" fmla="*/ 2223 h 106522"/>
                <a:gd name="connsiteX4" fmla="*/ 430468 w 430468"/>
                <a:gd name="connsiteY4" fmla="*/ 106522 h 106522"/>
                <a:gd name="connsiteX5" fmla="*/ 0 w 430468"/>
                <a:gd name="connsiteY5" fmla="*/ 106522 h 106522"/>
                <a:gd name="connsiteX6" fmla="*/ 0 w 430468"/>
                <a:gd name="connsiteY6" fmla="*/ 2223 h 106522"/>
                <a:gd name="connsiteX0" fmla="*/ 0 w 430468"/>
                <a:gd name="connsiteY0" fmla="*/ 2223 h 106522"/>
                <a:gd name="connsiteX1" fmla="*/ 167595 w 430468"/>
                <a:gd name="connsiteY1" fmla="*/ 2381 h 106522"/>
                <a:gd name="connsiteX2" fmla="*/ 269989 w 430468"/>
                <a:gd name="connsiteY2" fmla="*/ 0 h 106522"/>
                <a:gd name="connsiteX3" fmla="*/ 430468 w 430468"/>
                <a:gd name="connsiteY3" fmla="*/ 2223 h 106522"/>
                <a:gd name="connsiteX4" fmla="*/ 430468 w 430468"/>
                <a:gd name="connsiteY4" fmla="*/ 106522 h 106522"/>
                <a:gd name="connsiteX5" fmla="*/ 0 w 430468"/>
                <a:gd name="connsiteY5" fmla="*/ 106522 h 106522"/>
                <a:gd name="connsiteX6" fmla="*/ 0 w 430468"/>
                <a:gd name="connsiteY6" fmla="*/ 2223 h 106522"/>
                <a:gd name="connsiteX0" fmla="*/ 0 w 430468"/>
                <a:gd name="connsiteY0" fmla="*/ 2223 h 106522"/>
                <a:gd name="connsiteX1" fmla="*/ 167595 w 430468"/>
                <a:gd name="connsiteY1" fmla="*/ 2381 h 106522"/>
                <a:gd name="connsiteX2" fmla="*/ 269989 w 430468"/>
                <a:gd name="connsiteY2" fmla="*/ 0 h 106522"/>
                <a:gd name="connsiteX3" fmla="*/ 430468 w 430468"/>
                <a:gd name="connsiteY3" fmla="*/ 2223 h 106522"/>
                <a:gd name="connsiteX4" fmla="*/ 430468 w 430468"/>
                <a:gd name="connsiteY4" fmla="*/ 106522 h 106522"/>
                <a:gd name="connsiteX5" fmla="*/ 0 w 430468"/>
                <a:gd name="connsiteY5" fmla="*/ 106522 h 106522"/>
                <a:gd name="connsiteX6" fmla="*/ 0 w 430468"/>
                <a:gd name="connsiteY6" fmla="*/ 2223 h 106522"/>
                <a:gd name="connsiteX0" fmla="*/ 0 w 430468"/>
                <a:gd name="connsiteY0" fmla="*/ 2223 h 106522"/>
                <a:gd name="connsiteX1" fmla="*/ 167595 w 430468"/>
                <a:gd name="connsiteY1" fmla="*/ 2381 h 106522"/>
                <a:gd name="connsiteX2" fmla="*/ 269989 w 430468"/>
                <a:gd name="connsiteY2" fmla="*/ 0 h 106522"/>
                <a:gd name="connsiteX3" fmla="*/ 430468 w 430468"/>
                <a:gd name="connsiteY3" fmla="*/ 2223 h 106522"/>
                <a:gd name="connsiteX4" fmla="*/ 430468 w 430468"/>
                <a:gd name="connsiteY4" fmla="*/ 106522 h 106522"/>
                <a:gd name="connsiteX5" fmla="*/ 0 w 430468"/>
                <a:gd name="connsiteY5" fmla="*/ 106522 h 106522"/>
                <a:gd name="connsiteX6" fmla="*/ 0 w 430468"/>
                <a:gd name="connsiteY6" fmla="*/ 2223 h 106522"/>
                <a:gd name="connsiteX0" fmla="*/ 0 w 430468"/>
                <a:gd name="connsiteY0" fmla="*/ 2223 h 106522"/>
                <a:gd name="connsiteX1" fmla="*/ 167595 w 430468"/>
                <a:gd name="connsiteY1" fmla="*/ 2381 h 106522"/>
                <a:gd name="connsiteX2" fmla="*/ 269989 w 430468"/>
                <a:gd name="connsiteY2" fmla="*/ 0 h 106522"/>
                <a:gd name="connsiteX3" fmla="*/ 430468 w 430468"/>
                <a:gd name="connsiteY3" fmla="*/ 2223 h 106522"/>
                <a:gd name="connsiteX4" fmla="*/ 430468 w 430468"/>
                <a:gd name="connsiteY4" fmla="*/ 106522 h 106522"/>
                <a:gd name="connsiteX5" fmla="*/ 0 w 430468"/>
                <a:gd name="connsiteY5" fmla="*/ 106522 h 106522"/>
                <a:gd name="connsiteX6" fmla="*/ 0 w 430468"/>
                <a:gd name="connsiteY6" fmla="*/ 2223 h 10652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430468" h="106522">
                  <a:moveTo>
                    <a:pt x="0" y="2223"/>
                  </a:moveTo>
                  <a:lnTo>
                    <a:pt x="167595" y="2381"/>
                  </a:lnTo>
                  <a:cubicBezTo>
                    <a:pt x="177914" y="77787"/>
                    <a:pt x="240620" y="98425"/>
                    <a:pt x="269989" y="0"/>
                  </a:cubicBezTo>
                  <a:lnTo>
                    <a:pt x="430468" y="2223"/>
                  </a:lnTo>
                  <a:lnTo>
                    <a:pt x="430468" y="106522"/>
                  </a:lnTo>
                  <a:lnTo>
                    <a:pt x="0" y="106522"/>
                  </a:lnTo>
                  <a:lnTo>
                    <a:pt x="0" y="2223"/>
                  </a:lnTo>
                  <a:close/>
                </a:path>
              </a:pathLst>
            </a:custGeom>
            <a:grpFill/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</a:endParaRPr>
            </a:p>
          </p:txBody>
        </p:sp>
        <p:sp>
          <p:nvSpPr>
            <p:cNvPr id="355" name="Rectangle 129"/>
            <p:cNvSpPr/>
            <p:nvPr/>
          </p:nvSpPr>
          <p:spPr>
            <a:xfrm>
              <a:off x="4467424" y="2336006"/>
              <a:ext cx="236832" cy="90487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</a:endParaRPr>
            </a:p>
          </p:txBody>
        </p:sp>
        <p:sp>
          <p:nvSpPr>
            <p:cNvPr id="356" name="Rectangle 18"/>
            <p:cNvSpPr/>
            <p:nvPr/>
          </p:nvSpPr>
          <p:spPr>
            <a:xfrm>
              <a:off x="4467424" y="1838325"/>
              <a:ext cx="236832" cy="121444"/>
            </a:xfrm>
            <a:custGeom>
              <a:avLst/>
              <a:gdLst>
                <a:gd name="connsiteX0" fmla="*/ 0 w 236832"/>
                <a:gd name="connsiteY0" fmla="*/ 0 h 118200"/>
                <a:gd name="connsiteX1" fmla="*/ 236832 w 236832"/>
                <a:gd name="connsiteY1" fmla="*/ 0 h 118200"/>
                <a:gd name="connsiteX2" fmla="*/ 236832 w 236832"/>
                <a:gd name="connsiteY2" fmla="*/ 118200 h 118200"/>
                <a:gd name="connsiteX3" fmla="*/ 0 w 236832"/>
                <a:gd name="connsiteY3" fmla="*/ 118200 h 118200"/>
                <a:gd name="connsiteX4" fmla="*/ 0 w 236832"/>
                <a:gd name="connsiteY4" fmla="*/ 0 h 118200"/>
                <a:gd name="connsiteX0" fmla="*/ 0 w 236832"/>
                <a:gd name="connsiteY0" fmla="*/ 3244 h 121444"/>
                <a:gd name="connsiteX1" fmla="*/ 34511 w 236832"/>
                <a:gd name="connsiteY1" fmla="*/ 0 h 121444"/>
                <a:gd name="connsiteX2" fmla="*/ 236832 w 236832"/>
                <a:gd name="connsiteY2" fmla="*/ 3244 h 121444"/>
                <a:gd name="connsiteX3" fmla="*/ 236832 w 236832"/>
                <a:gd name="connsiteY3" fmla="*/ 121444 h 121444"/>
                <a:gd name="connsiteX4" fmla="*/ 0 w 236832"/>
                <a:gd name="connsiteY4" fmla="*/ 121444 h 121444"/>
                <a:gd name="connsiteX5" fmla="*/ 0 w 236832"/>
                <a:gd name="connsiteY5" fmla="*/ 3244 h 121444"/>
                <a:gd name="connsiteX0" fmla="*/ 0 w 236832"/>
                <a:gd name="connsiteY0" fmla="*/ 3244 h 121444"/>
                <a:gd name="connsiteX1" fmla="*/ 34511 w 236832"/>
                <a:gd name="connsiteY1" fmla="*/ 0 h 121444"/>
                <a:gd name="connsiteX2" fmla="*/ 189292 w 236832"/>
                <a:gd name="connsiteY2" fmla="*/ 0 h 121444"/>
                <a:gd name="connsiteX3" fmla="*/ 236832 w 236832"/>
                <a:gd name="connsiteY3" fmla="*/ 3244 h 121444"/>
                <a:gd name="connsiteX4" fmla="*/ 236832 w 236832"/>
                <a:gd name="connsiteY4" fmla="*/ 121444 h 121444"/>
                <a:gd name="connsiteX5" fmla="*/ 0 w 236832"/>
                <a:gd name="connsiteY5" fmla="*/ 121444 h 121444"/>
                <a:gd name="connsiteX6" fmla="*/ 0 w 236832"/>
                <a:gd name="connsiteY6" fmla="*/ 3244 h 121444"/>
                <a:gd name="connsiteX0" fmla="*/ 0 w 236832"/>
                <a:gd name="connsiteY0" fmla="*/ 3244 h 121444"/>
                <a:gd name="connsiteX1" fmla="*/ 34511 w 236832"/>
                <a:gd name="connsiteY1" fmla="*/ 0 h 121444"/>
                <a:gd name="connsiteX2" fmla="*/ 189292 w 236832"/>
                <a:gd name="connsiteY2" fmla="*/ 0 h 121444"/>
                <a:gd name="connsiteX3" fmla="*/ 236832 w 236832"/>
                <a:gd name="connsiteY3" fmla="*/ 3244 h 121444"/>
                <a:gd name="connsiteX4" fmla="*/ 236832 w 236832"/>
                <a:gd name="connsiteY4" fmla="*/ 121444 h 121444"/>
                <a:gd name="connsiteX5" fmla="*/ 0 w 236832"/>
                <a:gd name="connsiteY5" fmla="*/ 121444 h 121444"/>
                <a:gd name="connsiteX6" fmla="*/ 0 w 236832"/>
                <a:gd name="connsiteY6" fmla="*/ 3244 h 121444"/>
                <a:gd name="connsiteX0" fmla="*/ 0 w 236832"/>
                <a:gd name="connsiteY0" fmla="*/ 3244 h 121444"/>
                <a:gd name="connsiteX1" fmla="*/ 34511 w 236832"/>
                <a:gd name="connsiteY1" fmla="*/ 0 h 121444"/>
                <a:gd name="connsiteX2" fmla="*/ 189292 w 236832"/>
                <a:gd name="connsiteY2" fmla="*/ 0 h 121444"/>
                <a:gd name="connsiteX3" fmla="*/ 236832 w 236832"/>
                <a:gd name="connsiteY3" fmla="*/ 3244 h 121444"/>
                <a:gd name="connsiteX4" fmla="*/ 236832 w 236832"/>
                <a:gd name="connsiteY4" fmla="*/ 121444 h 121444"/>
                <a:gd name="connsiteX5" fmla="*/ 0 w 236832"/>
                <a:gd name="connsiteY5" fmla="*/ 121444 h 121444"/>
                <a:gd name="connsiteX6" fmla="*/ 0 w 236832"/>
                <a:gd name="connsiteY6" fmla="*/ 3244 h 121444"/>
                <a:gd name="connsiteX0" fmla="*/ 0 w 236832"/>
                <a:gd name="connsiteY0" fmla="*/ 3244 h 121444"/>
                <a:gd name="connsiteX1" fmla="*/ 34511 w 236832"/>
                <a:gd name="connsiteY1" fmla="*/ 0 h 121444"/>
                <a:gd name="connsiteX2" fmla="*/ 189292 w 236832"/>
                <a:gd name="connsiteY2" fmla="*/ 0 h 121444"/>
                <a:gd name="connsiteX3" fmla="*/ 236832 w 236832"/>
                <a:gd name="connsiteY3" fmla="*/ 3244 h 121444"/>
                <a:gd name="connsiteX4" fmla="*/ 236832 w 236832"/>
                <a:gd name="connsiteY4" fmla="*/ 121444 h 121444"/>
                <a:gd name="connsiteX5" fmla="*/ 0 w 236832"/>
                <a:gd name="connsiteY5" fmla="*/ 121444 h 121444"/>
                <a:gd name="connsiteX6" fmla="*/ 0 w 236832"/>
                <a:gd name="connsiteY6" fmla="*/ 3244 h 121444"/>
                <a:gd name="connsiteX0" fmla="*/ 0 w 236832"/>
                <a:gd name="connsiteY0" fmla="*/ 3244 h 121444"/>
                <a:gd name="connsiteX1" fmla="*/ 34511 w 236832"/>
                <a:gd name="connsiteY1" fmla="*/ 0 h 121444"/>
                <a:gd name="connsiteX2" fmla="*/ 189292 w 236832"/>
                <a:gd name="connsiteY2" fmla="*/ 0 h 121444"/>
                <a:gd name="connsiteX3" fmla="*/ 236832 w 236832"/>
                <a:gd name="connsiteY3" fmla="*/ 3244 h 121444"/>
                <a:gd name="connsiteX4" fmla="*/ 236832 w 236832"/>
                <a:gd name="connsiteY4" fmla="*/ 121444 h 121444"/>
                <a:gd name="connsiteX5" fmla="*/ 0 w 236832"/>
                <a:gd name="connsiteY5" fmla="*/ 121444 h 121444"/>
                <a:gd name="connsiteX6" fmla="*/ 0 w 236832"/>
                <a:gd name="connsiteY6" fmla="*/ 3244 h 121444"/>
                <a:gd name="connsiteX0" fmla="*/ 0 w 236832"/>
                <a:gd name="connsiteY0" fmla="*/ 3244 h 121444"/>
                <a:gd name="connsiteX1" fmla="*/ 34511 w 236832"/>
                <a:gd name="connsiteY1" fmla="*/ 0 h 121444"/>
                <a:gd name="connsiteX2" fmla="*/ 189292 w 236832"/>
                <a:gd name="connsiteY2" fmla="*/ 0 h 121444"/>
                <a:gd name="connsiteX3" fmla="*/ 236832 w 236832"/>
                <a:gd name="connsiteY3" fmla="*/ 3244 h 121444"/>
                <a:gd name="connsiteX4" fmla="*/ 236832 w 236832"/>
                <a:gd name="connsiteY4" fmla="*/ 121444 h 121444"/>
                <a:gd name="connsiteX5" fmla="*/ 0 w 236832"/>
                <a:gd name="connsiteY5" fmla="*/ 121444 h 121444"/>
                <a:gd name="connsiteX6" fmla="*/ 0 w 236832"/>
                <a:gd name="connsiteY6" fmla="*/ 3244 h 121444"/>
                <a:gd name="connsiteX0" fmla="*/ 0 w 236832"/>
                <a:gd name="connsiteY0" fmla="*/ 3244 h 121444"/>
                <a:gd name="connsiteX1" fmla="*/ 34511 w 236832"/>
                <a:gd name="connsiteY1" fmla="*/ 0 h 121444"/>
                <a:gd name="connsiteX2" fmla="*/ 189292 w 236832"/>
                <a:gd name="connsiteY2" fmla="*/ 0 h 121444"/>
                <a:gd name="connsiteX3" fmla="*/ 236832 w 236832"/>
                <a:gd name="connsiteY3" fmla="*/ 3244 h 121444"/>
                <a:gd name="connsiteX4" fmla="*/ 236832 w 236832"/>
                <a:gd name="connsiteY4" fmla="*/ 121444 h 121444"/>
                <a:gd name="connsiteX5" fmla="*/ 0 w 236832"/>
                <a:gd name="connsiteY5" fmla="*/ 121444 h 121444"/>
                <a:gd name="connsiteX6" fmla="*/ 0 w 236832"/>
                <a:gd name="connsiteY6" fmla="*/ 3244 h 121444"/>
                <a:gd name="connsiteX0" fmla="*/ 0 w 236832"/>
                <a:gd name="connsiteY0" fmla="*/ 3244 h 121444"/>
                <a:gd name="connsiteX1" fmla="*/ 34511 w 236832"/>
                <a:gd name="connsiteY1" fmla="*/ 0 h 121444"/>
                <a:gd name="connsiteX2" fmla="*/ 189292 w 236832"/>
                <a:gd name="connsiteY2" fmla="*/ 0 h 121444"/>
                <a:gd name="connsiteX3" fmla="*/ 236832 w 236832"/>
                <a:gd name="connsiteY3" fmla="*/ 3244 h 121444"/>
                <a:gd name="connsiteX4" fmla="*/ 236832 w 236832"/>
                <a:gd name="connsiteY4" fmla="*/ 121444 h 121444"/>
                <a:gd name="connsiteX5" fmla="*/ 0 w 236832"/>
                <a:gd name="connsiteY5" fmla="*/ 121444 h 121444"/>
                <a:gd name="connsiteX6" fmla="*/ 0 w 236832"/>
                <a:gd name="connsiteY6" fmla="*/ 3244 h 121444"/>
                <a:gd name="connsiteX0" fmla="*/ 0 w 236832"/>
                <a:gd name="connsiteY0" fmla="*/ 3244 h 121444"/>
                <a:gd name="connsiteX1" fmla="*/ 34511 w 236832"/>
                <a:gd name="connsiteY1" fmla="*/ 0 h 121444"/>
                <a:gd name="connsiteX2" fmla="*/ 189292 w 236832"/>
                <a:gd name="connsiteY2" fmla="*/ 0 h 121444"/>
                <a:gd name="connsiteX3" fmla="*/ 236832 w 236832"/>
                <a:gd name="connsiteY3" fmla="*/ 3244 h 121444"/>
                <a:gd name="connsiteX4" fmla="*/ 236832 w 236832"/>
                <a:gd name="connsiteY4" fmla="*/ 121444 h 121444"/>
                <a:gd name="connsiteX5" fmla="*/ 0 w 236832"/>
                <a:gd name="connsiteY5" fmla="*/ 121444 h 121444"/>
                <a:gd name="connsiteX6" fmla="*/ 0 w 236832"/>
                <a:gd name="connsiteY6" fmla="*/ 3244 h 121444"/>
                <a:gd name="connsiteX0" fmla="*/ 0 w 236832"/>
                <a:gd name="connsiteY0" fmla="*/ 3244 h 121444"/>
                <a:gd name="connsiteX1" fmla="*/ 34511 w 236832"/>
                <a:gd name="connsiteY1" fmla="*/ 0 h 121444"/>
                <a:gd name="connsiteX2" fmla="*/ 189292 w 236832"/>
                <a:gd name="connsiteY2" fmla="*/ 0 h 121444"/>
                <a:gd name="connsiteX3" fmla="*/ 236832 w 236832"/>
                <a:gd name="connsiteY3" fmla="*/ 3244 h 121444"/>
                <a:gd name="connsiteX4" fmla="*/ 236832 w 236832"/>
                <a:gd name="connsiteY4" fmla="*/ 121444 h 121444"/>
                <a:gd name="connsiteX5" fmla="*/ 0 w 236832"/>
                <a:gd name="connsiteY5" fmla="*/ 121444 h 121444"/>
                <a:gd name="connsiteX6" fmla="*/ 0 w 236832"/>
                <a:gd name="connsiteY6" fmla="*/ 3244 h 121444"/>
                <a:gd name="connsiteX0" fmla="*/ 0 w 236832"/>
                <a:gd name="connsiteY0" fmla="*/ 3244 h 121444"/>
                <a:gd name="connsiteX1" fmla="*/ 34511 w 236832"/>
                <a:gd name="connsiteY1" fmla="*/ 0 h 121444"/>
                <a:gd name="connsiteX2" fmla="*/ 189292 w 236832"/>
                <a:gd name="connsiteY2" fmla="*/ 0 h 121444"/>
                <a:gd name="connsiteX3" fmla="*/ 236832 w 236832"/>
                <a:gd name="connsiteY3" fmla="*/ 3244 h 121444"/>
                <a:gd name="connsiteX4" fmla="*/ 236832 w 236832"/>
                <a:gd name="connsiteY4" fmla="*/ 121444 h 121444"/>
                <a:gd name="connsiteX5" fmla="*/ 0 w 236832"/>
                <a:gd name="connsiteY5" fmla="*/ 121444 h 121444"/>
                <a:gd name="connsiteX6" fmla="*/ 0 w 236832"/>
                <a:gd name="connsiteY6" fmla="*/ 3244 h 121444"/>
                <a:gd name="connsiteX0" fmla="*/ 0 w 236832"/>
                <a:gd name="connsiteY0" fmla="*/ 3244 h 121444"/>
                <a:gd name="connsiteX1" fmla="*/ 34511 w 236832"/>
                <a:gd name="connsiteY1" fmla="*/ 0 h 121444"/>
                <a:gd name="connsiteX2" fmla="*/ 189292 w 236832"/>
                <a:gd name="connsiteY2" fmla="*/ 0 h 121444"/>
                <a:gd name="connsiteX3" fmla="*/ 236832 w 236832"/>
                <a:gd name="connsiteY3" fmla="*/ 3244 h 121444"/>
                <a:gd name="connsiteX4" fmla="*/ 236832 w 236832"/>
                <a:gd name="connsiteY4" fmla="*/ 121444 h 121444"/>
                <a:gd name="connsiteX5" fmla="*/ 0 w 236832"/>
                <a:gd name="connsiteY5" fmla="*/ 121444 h 121444"/>
                <a:gd name="connsiteX6" fmla="*/ 0 w 236832"/>
                <a:gd name="connsiteY6" fmla="*/ 3244 h 121444"/>
                <a:gd name="connsiteX0" fmla="*/ 0 w 236832"/>
                <a:gd name="connsiteY0" fmla="*/ 3244 h 121444"/>
                <a:gd name="connsiteX1" fmla="*/ 34511 w 236832"/>
                <a:gd name="connsiteY1" fmla="*/ 0 h 121444"/>
                <a:gd name="connsiteX2" fmla="*/ 189292 w 236832"/>
                <a:gd name="connsiteY2" fmla="*/ 0 h 121444"/>
                <a:gd name="connsiteX3" fmla="*/ 236832 w 236832"/>
                <a:gd name="connsiteY3" fmla="*/ 3244 h 121444"/>
                <a:gd name="connsiteX4" fmla="*/ 236832 w 236832"/>
                <a:gd name="connsiteY4" fmla="*/ 121444 h 121444"/>
                <a:gd name="connsiteX5" fmla="*/ 0 w 236832"/>
                <a:gd name="connsiteY5" fmla="*/ 121444 h 121444"/>
                <a:gd name="connsiteX6" fmla="*/ 0 w 236832"/>
                <a:gd name="connsiteY6" fmla="*/ 3244 h 121444"/>
                <a:gd name="connsiteX0" fmla="*/ 0 w 236832"/>
                <a:gd name="connsiteY0" fmla="*/ 3244 h 121444"/>
                <a:gd name="connsiteX1" fmla="*/ 34511 w 236832"/>
                <a:gd name="connsiteY1" fmla="*/ 0 h 121444"/>
                <a:gd name="connsiteX2" fmla="*/ 189292 w 236832"/>
                <a:gd name="connsiteY2" fmla="*/ 0 h 121444"/>
                <a:gd name="connsiteX3" fmla="*/ 236832 w 236832"/>
                <a:gd name="connsiteY3" fmla="*/ 3244 h 121444"/>
                <a:gd name="connsiteX4" fmla="*/ 236832 w 236832"/>
                <a:gd name="connsiteY4" fmla="*/ 121444 h 121444"/>
                <a:gd name="connsiteX5" fmla="*/ 0 w 236832"/>
                <a:gd name="connsiteY5" fmla="*/ 121444 h 121444"/>
                <a:gd name="connsiteX6" fmla="*/ 0 w 236832"/>
                <a:gd name="connsiteY6" fmla="*/ 3244 h 121444"/>
                <a:gd name="connsiteX0" fmla="*/ 0 w 236832"/>
                <a:gd name="connsiteY0" fmla="*/ 3244 h 121444"/>
                <a:gd name="connsiteX1" fmla="*/ 34511 w 236832"/>
                <a:gd name="connsiteY1" fmla="*/ 0 h 121444"/>
                <a:gd name="connsiteX2" fmla="*/ 189292 w 236832"/>
                <a:gd name="connsiteY2" fmla="*/ 0 h 121444"/>
                <a:gd name="connsiteX3" fmla="*/ 236832 w 236832"/>
                <a:gd name="connsiteY3" fmla="*/ 3244 h 121444"/>
                <a:gd name="connsiteX4" fmla="*/ 236832 w 236832"/>
                <a:gd name="connsiteY4" fmla="*/ 121444 h 121444"/>
                <a:gd name="connsiteX5" fmla="*/ 0 w 236832"/>
                <a:gd name="connsiteY5" fmla="*/ 121444 h 121444"/>
                <a:gd name="connsiteX6" fmla="*/ 0 w 236832"/>
                <a:gd name="connsiteY6" fmla="*/ 3244 h 121444"/>
                <a:gd name="connsiteX0" fmla="*/ 0 w 236832"/>
                <a:gd name="connsiteY0" fmla="*/ 3244 h 121444"/>
                <a:gd name="connsiteX1" fmla="*/ 34511 w 236832"/>
                <a:gd name="connsiteY1" fmla="*/ 0 h 121444"/>
                <a:gd name="connsiteX2" fmla="*/ 189292 w 236832"/>
                <a:gd name="connsiteY2" fmla="*/ 0 h 121444"/>
                <a:gd name="connsiteX3" fmla="*/ 236832 w 236832"/>
                <a:gd name="connsiteY3" fmla="*/ 3244 h 121444"/>
                <a:gd name="connsiteX4" fmla="*/ 236832 w 236832"/>
                <a:gd name="connsiteY4" fmla="*/ 121444 h 121444"/>
                <a:gd name="connsiteX5" fmla="*/ 0 w 236832"/>
                <a:gd name="connsiteY5" fmla="*/ 121444 h 121444"/>
                <a:gd name="connsiteX6" fmla="*/ 0 w 236832"/>
                <a:gd name="connsiteY6" fmla="*/ 3244 h 12144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36832" h="121444">
                  <a:moveTo>
                    <a:pt x="0" y="3244"/>
                  </a:moveTo>
                  <a:lnTo>
                    <a:pt x="34511" y="0"/>
                  </a:lnTo>
                  <a:cubicBezTo>
                    <a:pt x="28955" y="102394"/>
                    <a:pt x="166274" y="176211"/>
                    <a:pt x="189292" y="0"/>
                  </a:cubicBezTo>
                  <a:lnTo>
                    <a:pt x="236832" y="3244"/>
                  </a:lnTo>
                  <a:lnTo>
                    <a:pt x="236832" y="121444"/>
                  </a:lnTo>
                  <a:lnTo>
                    <a:pt x="0" y="121444"/>
                  </a:lnTo>
                  <a:lnTo>
                    <a:pt x="0" y="3244"/>
                  </a:lnTo>
                  <a:close/>
                </a:path>
              </a:pathLst>
            </a:custGeom>
            <a:grpFill/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</a:endParaRPr>
            </a:p>
          </p:txBody>
        </p:sp>
        <p:sp>
          <p:nvSpPr>
            <p:cNvPr id="357" name="Rounded Rectangle 19"/>
            <p:cNvSpPr/>
            <p:nvPr/>
          </p:nvSpPr>
          <p:spPr>
            <a:xfrm>
              <a:off x="4420872" y="1298944"/>
              <a:ext cx="307252" cy="517949"/>
            </a:xfrm>
            <a:custGeom>
              <a:avLst/>
              <a:gdLst>
                <a:gd name="connsiteX0" fmla="*/ 0 w 304715"/>
                <a:gd name="connsiteY0" fmla="*/ 50787 h 521402"/>
                <a:gd name="connsiteX1" fmla="*/ 50787 w 304715"/>
                <a:gd name="connsiteY1" fmla="*/ 0 h 521402"/>
                <a:gd name="connsiteX2" fmla="*/ 253928 w 304715"/>
                <a:gd name="connsiteY2" fmla="*/ 0 h 521402"/>
                <a:gd name="connsiteX3" fmla="*/ 304715 w 304715"/>
                <a:gd name="connsiteY3" fmla="*/ 50787 h 521402"/>
                <a:gd name="connsiteX4" fmla="*/ 304715 w 304715"/>
                <a:gd name="connsiteY4" fmla="*/ 470615 h 521402"/>
                <a:gd name="connsiteX5" fmla="*/ 253928 w 304715"/>
                <a:gd name="connsiteY5" fmla="*/ 521402 h 521402"/>
                <a:gd name="connsiteX6" fmla="*/ 50787 w 304715"/>
                <a:gd name="connsiteY6" fmla="*/ 521402 h 521402"/>
                <a:gd name="connsiteX7" fmla="*/ 0 w 304715"/>
                <a:gd name="connsiteY7" fmla="*/ 470615 h 521402"/>
                <a:gd name="connsiteX8" fmla="*/ 0 w 304715"/>
                <a:gd name="connsiteY8" fmla="*/ 50787 h 521402"/>
                <a:gd name="connsiteX0" fmla="*/ 0 w 304715"/>
                <a:gd name="connsiteY0" fmla="*/ 50787 h 521402"/>
                <a:gd name="connsiteX1" fmla="*/ 50787 w 304715"/>
                <a:gd name="connsiteY1" fmla="*/ 0 h 521402"/>
                <a:gd name="connsiteX2" fmla="*/ 253928 w 304715"/>
                <a:gd name="connsiteY2" fmla="*/ 0 h 521402"/>
                <a:gd name="connsiteX3" fmla="*/ 304715 w 304715"/>
                <a:gd name="connsiteY3" fmla="*/ 50787 h 521402"/>
                <a:gd name="connsiteX4" fmla="*/ 304715 w 304715"/>
                <a:gd name="connsiteY4" fmla="*/ 470615 h 521402"/>
                <a:gd name="connsiteX5" fmla="*/ 253928 w 304715"/>
                <a:gd name="connsiteY5" fmla="*/ 521402 h 521402"/>
                <a:gd name="connsiteX6" fmla="*/ 50787 w 304715"/>
                <a:gd name="connsiteY6" fmla="*/ 521402 h 521402"/>
                <a:gd name="connsiteX7" fmla="*/ 0 w 304715"/>
                <a:gd name="connsiteY7" fmla="*/ 50787 h 521402"/>
                <a:gd name="connsiteX0" fmla="*/ 0 w 304715"/>
                <a:gd name="connsiteY0" fmla="*/ 50787 h 521402"/>
                <a:gd name="connsiteX1" fmla="*/ 50787 w 304715"/>
                <a:gd name="connsiteY1" fmla="*/ 0 h 521402"/>
                <a:gd name="connsiteX2" fmla="*/ 253928 w 304715"/>
                <a:gd name="connsiteY2" fmla="*/ 0 h 521402"/>
                <a:gd name="connsiteX3" fmla="*/ 304715 w 304715"/>
                <a:gd name="connsiteY3" fmla="*/ 50787 h 521402"/>
                <a:gd name="connsiteX4" fmla="*/ 304715 w 304715"/>
                <a:gd name="connsiteY4" fmla="*/ 470615 h 521402"/>
                <a:gd name="connsiteX5" fmla="*/ 253928 w 304715"/>
                <a:gd name="connsiteY5" fmla="*/ 521402 h 521402"/>
                <a:gd name="connsiteX6" fmla="*/ 76980 w 304715"/>
                <a:gd name="connsiteY6" fmla="*/ 521402 h 521402"/>
                <a:gd name="connsiteX7" fmla="*/ 0 w 304715"/>
                <a:gd name="connsiteY7" fmla="*/ 50787 h 521402"/>
                <a:gd name="connsiteX0" fmla="*/ 271 w 304986"/>
                <a:gd name="connsiteY0" fmla="*/ 50787 h 521402"/>
                <a:gd name="connsiteX1" fmla="*/ 51058 w 304986"/>
                <a:gd name="connsiteY1" fmla="*/ 0 h 521402"/>
                <a:gd name="connsiteX2" fmla="*/ 254199 w 304986"/>
                <a:gd name="connsiteY2" fmla="*/ 0 h 521402"/>
                <a:gd name="connsiteX3" fmla="*/ 304986 w 304986"/>
                <a:gd name="connsiteY3" fmla="*/ 50787 h 521402"/>
                <a:gd name="connsiteX4" fmla="*/ 304986 w 304986"/>
                <a:gd name="connsiteY4" fmla="*/ 470615 h 521402"/>
                <a:gd name="connsiteX5" fmla="*/ 254199 w 304986"/>
                <a:gd name="connsiteY5" fmla="*/ 521402 h 521402"/>
                <a:gd name="connsiteX6" fmla="*/ 36770 w 304986"/>
                <a:gd name="connsiteY6" fmla="*/ 511877 h 521402"/>
                <a:gd name="connsiteX7" fmla="*/ 271 w 304986"/>
                <a:gd name="connsiteY7" fmla="*/ 50787 h 521402"/>
                <a:gd name="connsiteX0" fmla="*/ 640 w 305355"/>
                <a:gd name="connsiteY0" fmla="*/ 50787 h 521402"/>
                <a:gd name="connsiteX1" fmla="*/ 51427 w 305355"/>
                <a:gd name="connsiteY1" fmla="*/ 0 h 521402"/>
                <a:gd name="connsiteX2" fmla="*/ 254568 w 305355"/>
                <a:gd name="connsiteY2" fmla="*/ 0 h 521402"/>
                <a:gd name="connsiteX3" fmla="*/ 305355 w 305355"/>
                <a:gd name="connsiteY3" fmla="*/ 50787 h 521402"/>
                <a:gd name="connsiteX4" fmla="*/ 305355 w 305355"/>
                <a:gd name="connsiteY4" fmla="*/ 470615 h 521402"/>
                <a:gd name="connsiteX5" fmla="*/ 254568 w 305355"/>
                <a:gd name="connsiteY5" fmla="*/ 521402 h 521402"/>
                <a:gd name="connsiteX6" fmla="*/ 34757 w 305355"/>
                <a:gd name="connsiteY6" fmla="*/ 514258 h 521402"/>
                <a:gd name="connsiteX7" fmla="*/ 640 w 305355"/>
                <a:gd name="connsiteY7" fmla="*/ 50787 h 521402"/>
                <a:gd name="connsiteX0" fmla="*/ 640 w 305355"/>
                <a:gd name="connsiteY0" fmla="*/ 50787 h 521402"/>
                <a:gd name="connsiteX1" fmla="*/ 51427 w 305355"/>
                <a:gd name="connsiteY1" fmla="*/ 0 h 521402"/>
                <a:gd name="connsiteX2" fmla="*/ 254568 w 305355"/>
                <a:gd name="connsiteY2" fmla="*/ 0 h 521402"/>
                <a:gd name="connsiteX3" fmla="*/ 305355 w 305355"/>
                <a:gd name="connsiteY3" fmla="*/ 50787 h 521402"/>
                <a:gd name="connsiteX4" fmla="*/ 305355 w 305355"/>
                <a:gd name="connsiteY4" fmla="*/ 470615 h 521402"/>
                <a:gd name="connsiteX5" fmla="*/ 254568 w 305355"/>
                <a:gd name="connsiteY5" fmla="*/ 521402 h 521402"/>
                <a:gd name="connsiteX6" fmla="*/ 34757 w 305355"/>
                <a:gd name="connsiteY6" fmla="*/ 516639 h 521402"/>
                <a:gd name="connsiteX7" fmla="*/ 640 w 305355"/>
                <a:gd name="connsiteY7" fmla="*/ 50787 h 521402"/>
                <a:gd name="connsiteX0" fmla="*/ 1177 w 305892"/>
                <a:gd name="connsiteY0" fmla="*/ 50787 h 523783"/>
                <a:gd name="connsiteX1" fmla="*/ 51964 w 305892"/>
                <a:gd name="connsiteY1" fmla="*/ 0 h 523783"/>
                <a:gd name="connsiteX2" fmla="*/ 255105 w 305892"/>
                <a:gd name="connsiteY2" fmla="*/ 0 h 523783"/>
                <a:gd name="connsiteX3" fmla="*/ 305892 w 305892"/>
                <a:gd name="connsiteY3" fmla="*/ 50787 h 523783"/>
                <a:gd name="connsiteX4" fmla="*/ 305892 w 305892"/>
                <a:gd name="connsiteY4" fmla="*/ 470615 h 523783"/>
                <a:gd name="connsiteX5" fmla="*/ 255105 w 305892"/>
                <a:gd name="connsiteY5" fmla="*/ 521402 h 523783"/>
                <a:gd name="connsiteX6" fmla="*/ 32912 w 305892"/>
                <a:gd name="connsiteY6" fmla="*/ 523783 h 523783"/>
                <a:gd name="connsiteX7" fmla="*/ 1177 w 305892"/>
                <a:gd name="connsiteY7" fmla="*/ 50787 h 523783"/>
                <a:gd name="connsiteX0" fmla="*/ 1872 w 306587"/>
                <a:gd name="connsiteY0" fmla="*/ 50787 h 523783"/>
                <a:gd name="connsiteX1" fmla="*/ 52659 w 306587"/>
                <a:gd name="connsiteY1" fmla="*/ 0 h 523783"/>
                <a:gd name="connsiteX2" fmla="*/ 255800 w 306587"/>
                <a:gd name="connsiteY2" fmla="*/ 0 h 523783"/>
                <a:gd name="connsiteX3" fmla="*/ 306587 w 306587"/>
                <a:gd name="connsiteY3" fmla="*/ 50787 h 523783"/>
                <a:gd name="connsiteX4" fmla="*/ 306587 w 306587"/>
                <a:gd name="connsiteY4" fmla="*/ 470615 h 523783"/>
                <a:gd name="connsiteX5" fmla="*/ 255800 w 306587"/>
                <a:gd name="connsiteY5" fmla="*/ 521402 h 523783"/>
                <a:gd name="connsiteX6" fmla="*/ 31226 w 306587"/>
                <a:gd name="connsiteY6" fmla="*/ 523783 h 523783"/>
                <a:gd name="connsiteX7" fmla="*/ 1872 w 306587"/>
                <a:gd name="connsiteY7" fmla="*/ 50787 h 523783"/>
                <a:gd name="connsiteX0" fmla="*/ 1872 w 306587"/>
                <a:gd name="connsiteY0" fmla="*/ 50787 h 521402"/>
                <a:gd name="connsiteX1" fmla="*/ 52659 w 306587"/>
                <a:gd name="connsiteY1" fmla="*/ 0 h 521402"/>
                <a:gd name="connsiteX2" fmla="*/ 255800 w 306587"/>
                <a:gd name="connsiteY2" fmla="*/ 0 h 521402"/>
                <a:gd name="connsiteX3" fmla="*/ 306587 w 306587"/>
                <a:gd name="connsiteY3" fmla="*/ 50787 h 521402"/>
                <a:gd name="connsiteX4" fmla="*/ 306587 w 306587"/>
                <a:gd name="connsiteY4" fmla="*/ 470615 h 521402"/>
                <a:gd name="connsiteX5" fmla="*/ 255800 w 306587"/>
                <a:gd name="connsiteY5" fmla="*/ 521402 h 521402"/>
                <a:gd name="connsiteX6" fmla="*/ 31226 w 306587"/>
                <a:gd name="connsiteY6" fmla="*/ 516639 h 521402"/>
                <a:gd name="connsiteX7" fmla="*/ 1872 w 306587"/>
                <a:gd name="connsiteY7" fmla="*/ 50787 h 521402"/>
                <a:gd name="connsiteX0" fmla="*/ 1872 w 306587"/>
                <a:gd name="connsiteY0" fmla="*/ 50787 h 521402"/>
                <a:gd name="connsiteX1" fmla="*/ 52659 w 306587"/>
                <a:gd name="connsiteY1" fmla="*/ 0 h 521402"/>
                <a:gd name="connsiteX2" fmla="*/ 255800 w 306587"/>
                <a:gd name="connsiteY2" fmla="*/ 0 h 521402"/>
                <a:gd name="connsiteX3" fmla="*/ 306587 w 306587"/>
                <a:gd name="connsiteY3" fmla="*/ 50787 h 521402"/>
                <a:gd name="connsiteX4" fmla="*/ 306587 w 306587"/>
                <a:gd name="connsiteY4" fmla="*/ 470615 h 521402"/>
                <a:gd name="connsiteX5" fmla="*/ 255800 w 306587"/>
                <a:gd name="connsiteY5" fmla="*/ 521402 h 521402"/>
                <a:gd name="connsiteX6" fmla="*/ 31226 w 306587"/>
                <a:gd name="connsiteY6" fmla="*/ 516639 h 521402"/>
                <a:gd name="connsiteX7" fmla="*/ 1872 w 306587"/>
                <a:gd name="connsiteY7" fmla="*/ 50787 h 521402"/>
                <a:gd name="connsiteX0" fmla="*/ 1872 w 306587"/>
                <a:gd name="connsiteY0" fmla="*/ 50787 h 521402"/>
                <a:gd name="connsiteX1" fmla="*/ 52659 w 306587"/>
                <a:gd name="connsiteY1" fmla="*/ 0 h 521402"/>
                <a:gd name="connsiteX2" fmla="*/ 255800 w 306587"/>
                <a:gd name="connsiteY2" fmla="*/ 0 h 521402"/>
                <a:gd name="connsiteX3" fmla="*/ 306587 w 306587"/>
                <a:gd name="connsiteY3" fmla="*/ 50787 h 521402"/>
                <a:gd name="connsiteX4" fmla="*/ 306587 w 306587"/>
                <a:gd name="connsiteY4" fmla="*/ 470615 h 521402"/>
                <a:gd name="connsiteX5" fmla="*/ 255800 w 306587"/>
                <a:gd name="connsiteY5" fmla="*/ 521402 h 521402"/>
                <a:gd name="connsiteX6" fmla="*/ 76869 w 306587"/>
                <a:gd name="connsiteY6" fmla="*/ 517875 h 521402"/>
                <a:gd name="connsiteX7" fmla="*/ 31226 w 306587"/>
                <a:gd name="connsiteY7" fmla="*/ 516639 h 521402"/>
                <a:gd name="connsiteX8" fmla="*/ 1872 w 306587"/>
                <a:gd name="connsiteY8" fmla="*/ 50787 h 521402"/>
                <a:gd name="connsiteX0" fmla="*/ 1872 w 306587"/>
                <a:gd name="connsiteY0" fmla="*/ 50787 h 517875"/>
                <a:gd name="connsiteX1" fmla="*/ 52659 w 306587"/>
                <a:gd name="connsiteY1" fmla="*/ 0 h 517875"/>
                <a:gd name="connsiteX2" fmla="*/ 255800 w 306587"/>
                <a:gd name="connsiteY2" fmla="*/ 0 h 517875"/>
                <a:gd name="connsiteX3" fmla="*/ 306587 w 306587"/>
                <a:gd name="connsiteY3" fmla="*/ 50787 h 517875"/>
                <a:gd name="connsiteX4" fmla="*/ 306587 w 306587"/>
                <a:gd name="connsiteY4" fmla="*/ 470615 h 517875"/>
                <a:gd name="connsiteX5" fmla="*/ 72443 w 306587"/>
                <a:gd name="connsiteY5" fmla="*/ 83252 h 517875"/>
                <a:gd name="connsiteX6" fmla="*/ 76869 w 306587"/>
                <a:gd name="connsiteY6" fmla="*/ 517875 h 517875"/>
                <a:gd name="connsiteX7" fmla="*/ 31226 w 306587"/>
                <a:gd name="connsiteY7" fmla="*/ 516639 h 517875"/>
                <a:gd name="connsiteX8" fmla="*/ 1872 w 306587"/>
                <a:gd name="connsiteY8" fmla="*/ 50787 h 517875"/>
                <a:gd name="connsiteX0" fmla="*/ 1872 w 306587"/>
                <a:gd name="connsiteY0" fmla="*/ 50787 h 517875"/>
                <a:gd name="connsiteX1" fmla="*/ 52659 w 306587"/>
                <a:gd name="connsiteY1" fmla="*/ 0 h 517875"/>
                <a:gd name="connsiteX2" fmla="*/ 255800 w 306587"/>
                <a:gd name="connsiteY2" fmla="*/ 0 h 517875"/>
                <a:gd name="connsiteX3" fmla="*/ 306587 w 306587"/>
                <a:gd name="connsiteY3" fmla="*/ 50787 h 517875"/>
                <a:gd name="connsiteX4" fmla="*/ 306587 w 306587"/>
                <a:gd name="connsiteY4" fmla="*/ 470615 h 517875"/>
                <a:gd name="connsiteX5" fmla="*/ 72443 w 306587"/>
                <a:gd name="connsiteY5" fmla="*/ 80871 h 517875"/>
                <a:gd name="connsiteX6" fmla="*/ 76869 w 306587"/>
                <a:gd name="connsiteY6" fmla="*/ 517875 h 517875"/>
                <a:gd name="connsiteX7" fmla="*/ 31226 w 306587"/>
                <a:gd name="connsiteY7" fmla="*/ 516639 h 517875"/>
                <a:gd name="connsiteX8" fmla="*/ 1872 w 306587"/>
                <a:gd name="connsiteY8" fmla="*/ 50787 h 517875"/>
                <a:gd name="connsiteX0" fmla="*/ 1872 w 306587"/>
                <a:gd name="connsiteY0" fmla="*/ 50787 h 517875"/>
                <a:gd name="connsiteX1" fmla="*/ 52659 w 306587"/>
                <a:gd name="connsiteY1" fmla="*/ 0 h 517875"/>
                <a:gd name="connsiteX2" fmla="*/ 255800 w 306587"/>
                <a:gd name="connsiteY2" fmla="*/ 0 h 517875"/>
                <a:gd name="connsiteX3" fmla="*/ 306587 w 306587"/>
                <a:gd name="connsiteY3" fmla="*/ 50787 h 517875"/>
                <a:gd name="connsiteX4" fmla="*/ 306587 w 306587"/>
                <a:gd name="connsiteY4" fmla="*/ 470615 h 517875"/>
                <a:gd name="connsiteX5" fmla="*/ 74824 w 306587"/>
                <a:gd name="connsiteY5" fmla="*/ 83252 h 517875"/>
                <a:gd name="connsiteX6" fmla="*/ 76869 w 306587"/>
                <a:gd name="connsiteY6" fmla="*/ 517875 h 517875"/>
                <a:gd name="connsiteX7" fmla="*/ 31226 w 306587"/>
                <a:gd name="connsiteY7" fmla="*/ 516639 h 517875"/>
                <a:gd name="connsiteX8" fmla="*/ 1872 w 306587"/>
                <a:gd name="connsiteY8" fmla="*/ 50787 h 517875"/>
                <a:gd name="connsiteX0" fmla="*/ 1872 w 306587"/>
                <a:gd name="connsiteY0" fmla="*/ 50787 h 517875"/>
                <a:gd name="connsiteX1" fmla="*/ 52659 w 306587"/>
                <a:gd name="connsiteY1" fmla="*/ 0 h 517875"/>
                <a:gd name="connsiteX2" fmla="*/ 255800 w 306587"/>
                <a:gd name="connsiteY2" fmla="*/ 0 h 517875"/>
                <a:gd name="connsiteX3" fmla="*/ 306587 w 306587"/>
                <a:gd name="connsiteY3" fmla="*/ 50787 h 517875"/>
                <a:gd name="connsiteX4" fmla="*/ 282775 w 306587"/>
                <a:gd name="connsiteY4" fmla="*/ 503952 h 517875"/>
                <a:gd name="connsiteX5" fmla="*/ 74824 w 306587"/>
                <a:gd name="connsiteY5" fmla="*/ 83252 h 517875"/>
                <a:gd name="connsiteX6" fmla="*/ 76869 w 306587"/>
                <a:gd name="connsiteY6" fmla="*/ 517875 h 517875"/>
                <a:gd name="connsiteX7" fmla="*/ 31226 w 306587"/>
                <a:gd name="connsiteY7" fmla="*/ 516639 h 517875"/>
                <a:gd name="connsiteX8" fmla="*/ 1872 w 306587"/>
                <a:gd name="connsiteY8" fmla="*/ 50787 h 517875"/>
                <a:gd name="connsiteX0" fmla="*/ 1872 w 306587"/>
                <a:gd name="connsiteY0" fmla="*/ 50787 h 517875"/>
                <a:gd name="connsiteX1" fmla="*/ 52659 w 306587"/>
                <a:gd name="connsiteY1" fmla="*/ 0 h 517875"/>
                <a:gd name="connsiteX2" fmla="*/ 255800 w 306587"/>
                <a:gd name="connsiteY2" fmla="*/ 0 h 517875"/>
                <a:gd name="connsiteX3" fmla="*/ 306587 w 306587"/>
                <a:gd name="connsiteY3" fmla="*/ 50787 h 517875"/>
                <a:gd name="connsiteX4" fmla="*/ 297063 w 306587"/>
                <a:gd name="connsiteY4" fmla="*/ 501571 h 517875"/>
                <a:gd name="connsiteX5" fmla="*/ 74824 w 306587"/>
                <a:gd name="connsiteY5" fmla="*/ 83252 h 517875"/>
                <a:gd name="connsiteX6" fmla="*/ 76869 w 306587"/>
                <a:gd name="connsiteY6" fmla="*/ 517875 h 517875"/>
                <a:gd name="connsiteX7" fmla="*/ 31226 w 306587"/>
                <a:gd name="connsiteY7" fmla="*/ 516639 h 517875"/>
                <a:gd name="connsiteX8" fmla="*/ 1872 w 306587"/>
                <a:gd name="connsiteY8" fmla="*/ 50787 h 517875"/>
                <a:gd name="connsiteX0" fmla="*/ 1872 w 306587"/>
                <a:gd name="connsiteY0" fmla="*/ 50787 h 517875"/>
                <a:gd name="connsiteX1" fmla="*/ 52659 w 306587"/>
                <a:gd name="connsiteY1" fmla="*/ 0 h 517875"/>
                <a:gd name="connsiteX2" fmla="*/ 255800 w 306587"/>
                <a:gd name="connsiteY2" fmla="*/ 0 h 517875"/>
                <a:gd name="connsiteX3" fmla="*/ 306587 w 306587"/>
                <a:gd name="connsiteY3" fmla="*/ 50787 h 517875"/>
                <a:gd name="connsiteX4" fmla="*/ 301825 w 306587"/>
                <a:gd name="connsiteY4" fmla="*/ 503953 h 517875"/>
                <a:gd name="connsiteX5" fmla="*/ 74824 w 306587"/>
                <a:gd name="connsiteY5" fmla="*/ 83252 h 517875"/>
                <a:gd name="connsiteX6" fmla="*/ 76869 w 306587"/>
                <a:gd name="connsiteY6" fmla="*/ 517875 h 517875"/>
                <a:gd name="connsiteX7" fmla="*/ 31226 w 306587"/>
                <a:gd name="connsiteY7" fmla="*/ 516639 h 517875"/>
                <a:gd name="connsiteX8" fmla="*/ 1872 w 306587"/>
                <a:gd name="connsiteY8" fmla="*/ 50787 h 517875"/>
                <a:gd name="connsiteX0" fmla="*/ 1872 w 306587"/>
                <a:gd name="connsiteY0" fmla="*/ 50787 h 517875"/>
                <a:gd name="connsiteX1" fmla="*/ 52659 w 306587"/>
                <a:gd name="connsiteY1" fmla="*/ 0 h 517875"/>
                <a:gd name="connsiteX2" fmla="*/ 255800 w 306587"/>
                <a:gd name="connsiteY2" fmla="*/ 0 h 517875"/>
                <a:gd name="connsiteX3" fmla="*/ 306587 w 306587"/>
                <a:gd name="connsiteY3" fmla="*/ 50787 h 517875"/>
                <a:gd name="connsiteX4" fmla="*/ 299444 w 306587"/>
                <a:gd name="connsiteY4" fmla="*/ 515859 h 517875"/>
                <a:gd name="connsiteX5" fmla="*/ 74824 w 306587"/>
                <a:gd name="connsiteY5" fmla="*/ 83252 h 517875"/>
                <a:gd name="connsiteX6" fmla="*/ 76869 w 306587"/>
                <a:gd name="connsiteY6" fmla="*/ 517875 h 517875"/>
                <a:gd name="connsiteX7" fmla="*/ 31226 w 306587"/>
                <a:gd name="connsiteY7" fmla="*/ 516639 h 517875"/>
                <a:gd name="connsiteX8" fmla="*/ 1872 w 306587"/>
                <a:gd name="connsiteY8" fmla="*/ 50787 h 517875"/>
                <a:gd name="connsiteX0" fmla="*/ 1872 w 306587"/>
                <a:gd name="connsiteY0" fmla="*/ 50787 h 517875"/>
                <a:gd name="connsiteX1" fmla="*/ 52659 w 306587"/>
                <a:gd name="connsiteY1" fmla="*/ 0 h 517875"/>
                <a:gd name="connsiteX2" fmla="*/ 243893 w 306587"/>
                <a:gd name="connsiteY2" fmla="*/ 9525 h 517875"/>
                <a:gd name="connsiteX3" fmla="*/ 306587 w 306587"/>
                <a:gd name="connsiteY3" fmla="*/ 50787 h 517875"/>
                <a:gd name="connsiteX4" fmla="*/ 299444 w 306587"/>
                <a:gd name="connsiteY4" fmla="*/ 515859 h 517875"/>
                <a:gd name="connsiteX5" fmla="*/ 74824 w 306587"/>
                <a:gd name="connsiteY5" fmla="*/ 83252 h 517875"/>
                <a:gd name="connsiteX6" fmla="*/ 76869 w 306587"/>
                <a:gd name="connsiteY6" fmla="*/ 517875 h 517875"/>
                <a:gd name="connsiteX7" fmla="*/ 31226 w 306587"/>
                <a:gd name="connsiteY7" fmla="*/ 516639 h 517875"/>
                <a:gd name="connsiteX8" fmla="*/ 1872 w 306587"/>
                <a:gd name="connsiteY8" fmla="*/ 50787 h 517875"/>
                <a:gd name="connsiteX0" fmla="*/ 1872 w 306587"/>
                <a:gd name="connsiteY0" fmla="*/ 41262 h 508350"/>
                <a:gd name="connsiteX1" fmla="*/ 83615 w 306587"/>
                <a:gd name="connsiteY1" fmla="*/ 9525 h 508350"/>
                <a:gd name="connsiteX2" fmla="*/ 243893 w 306587"/>
                <a:gd name="connsiteY2" fmla="*/ 0 h 508350"/>
                <a:gd name="connsiteX3" fmla="*/ 306587 w 306587"/>
                <a:gd name="connsiteY3" fmla="*/ 41262 h 508350"/>
                <a:gd name="connsiteX4" fmla="*/ 299444 w 306587"/>
                <a:gd name="connsiteY4" fmla="*/ 506334 h 508350"/>
                <a:gd name="connsiteX5" fmla="*/ 74824 w 306587"/>
                <a:gd name="connsiteY5" fmla="*/ 73727 h 508350"/>
                <a:gd name="connsiteX6" fmla="*/ 76869 w 306587"/>
                <a:gd name="connsiteY6" fmla="*/ 508350 h 508350"/>
                <a:gd name="connsiteX7" fmla="*/ 31226 w 306587"/>
                <a:gd name="connsiteY7" fmla="*/ 507114 h 508350"/>
                <a:gd name="connsiteX8" fmla="*/ 1872 w 306587"/>
                <a:gd name="connsiteY8" fmla="*/ 41262 h 508350"/>
                <a:gd name="connsiteX0" fmla="*/ 1872 w 306587"/>
                <a:gd name="connsiteY0" fmla="*/ 41262 h 508350"/>
                <a:gd name="connsiteX1" fmla="*/ 105046 w 306587"/>
                <a:gd name="connsiteY1" fmla="*/ 0 h 508350"/>
                <a:gd name="connsiteX2" fmla="*/ 243893 w 306587"/>
                <a:gd name="connsiteY2" fmla="*/ 0 h 508350"/>
                <a:gd name="connsiteX3" fmla="*/ 306587 w 306587"/>
                <a:gd name="connsiteY3" fmla="*/ 41262 h 508350"/>
                <a:gd name="connsiteX4" fmla="*/ 299444 w 306587"/>
                <a:gd name="connsiteY4" fmla="*/ 506334 h 508350"/>
                <a:gd name="connsiteX5" fmla="*/ 74824 w 306587"/>
                <a:gd name="connsiteY5" fmla="*/ 73727 h 508350"/>
                <a:gd name="connsiteX6" fmla="*/ 76869 w 306587"/>
                <a:gd name="connsiteY6" fmla="*/ 508350 h 508350"/>
                <a:gd name="connsiteX7" fmla="*/ 31226 w 306587"/>
                <a:gd name="connsiteY7" fmla="*/ 507114 h 508350"/>
                <a:gd name="connsiteX8" fmla="*/ 1872 w 306587"/>
                <a:gd name="connsiteY8" fmla="*/ 41262 h 508350"/>
                <a:gd name="connsiteX0" fmla="*/ 1872 w 306587"/>
                <a:gd name="connsiteY0" fmla="*/ 48406 h 515494"/>
                <a:gd name="connsiteX1" fmla="*/ 105046 w 306587"/>
                <a:gd name="connsiteY1" fmla="*/ 7144 h 515494"/>
                <a:gd name="connsiteX2" fmla="*/ 243893 w 306587"/>
                <a:gd name="connsiteY2" fmla="*/ 0 h 515494"/>
                <a:gd name="connsiteX3" fmla="*/ 306587 w 306587"/>
                <a:gd name="connsiteY3" fmla="*/ 48406 h 515494"/>
                <a:gd name="connsiteX4" fmla="*/ 299444 w 306587"/>
                <a:gd name="connsiteY4" fmla="*/ 513478 h 515494"/>
                <a:gd name="connsiteX5" fmla="*/ 74824 w 306587"/>
                <a:gd name="connsiteY5" fmla="*/ 80871 h 515494"/>
                <a:gd name="connsiteX6" fmla="*/ 76869 w 306587"/>
                <a:gd name="connsiteY6" fmla="*/ 515494 h 515494"/>
                <a:gd name="connsiteX7" fmla="*/ 31226 w 306587"/>
                <a:gd name="connsiteY7" fmla="*/ 514258 h 515494"/>
                <a:gd name="connsiteX8" fmla="*/ 1872 w 306587"/>
                <a:gd name="connsiteY8" fmla="*/ 48406 h 515494"/>
                <a:gd name="connsiteX0" fmla="*/ 1872 w 306587"/>
                <a:gd name="connsiteY0" fmla="*/ 50787 h 517875"/>
                <a:gd name="connsiteX1" fmla="*/ 112189 w 306587"/>
                <a:gd name="connsiteY1" fmla="*/ 0 h 517875"/>
                <a:gd name="connsiteX2" fmla="*/ 243893 w 306587"/>
                <a:gd name="connsiteY2" fmla="*/ 2381 h 517875"/>
                <a:gd name="connsiteX3" fmla="*/ 306587 w 306587"/>
                <a:gd name="connsiteY3" fmla="*/ 50787 h 517875"/>
                <a:gd name="connsiteX4" fmla="*/ 299444 w 306587"/>
                <a:gd name="connsiteY4" fmla="*/ 515859 h 517875"/>
                <a:gd name="connsiteX5" fmla="*/ 74824 w 306587"/>
                <a:gd name="connsiteY5" fmla="*/ 83252 h 517875"/>
                <a:gd name="connsiteX6" fmla="*/ 76869 w 306587"/>
                <a:gd name="connsiteY6" fmla="*/ 517875 h 517875"/>
                <a:gd name="connsiteX7" fmla="*/ 31226 w 306587"/>
                <a:gd name="connsiteY7" fmla="*/ 516639 h 517875"/>
                <a:gd name="connsiteX8" fmla="*/ 1872 w 306587"/>
                <a:gd name="connsiteY8" fmla="*/ 50787 h 517875"/>
                <a:gd name="connsiteX0" fmla="*/ 1872 w 306587"/>
                <a:gd name="connsiteY0" fmla="*/ 88887 h 517875"/>
                <a:gd name="connsiteX1" fmla="*/ 112189 w 306587"/>
                <a:gd name="connsiteY1" fmla="*/ 0 h 517875"/>
                <a:gd name="connsiteX2" fmla="*/ 243893 w 306587"/>
                <a:gd name="connsiteY2" fmla="*/ 2381 h 517875"/>
                <a:gd name="connsiteX3" fmla="*/ 306587 w 306587"/>
                <a:gd name="connsiteY3" fmla="*/ 50787 h 517875"/>
                <a:gd name="connsiteX4" fmla="*/ 299444 w 306587"/>
                <a:gd name="connsiteY4" fmla="*/ 515859 h 517875"/>
                <a:gd name="connsiteX5" fmla="*/ 74824 w 306587"/>
                <a:gd name="connsiteY5" fmla="*/ 83252 h 517875"/>
                <a:gd name="connsiteX6" fmla="*/ 76869 w 306587"/>
                <a:gd name="connsiteY6" fmla="*/ 517875 h 517875"/>
                <a:gd name="connsiteX7" fmla="*/ 31226 w 306587"/>
                <a:gd name="connsiteY7" fmla="*/ 516639 h 517875"/>
                <a:gd name="connsiteX8" fmla="*/ 1872 w 306587"/>
                <a:gd name="connsiteY8" fmla="*/ 88887 h 517875"/>
                <a:gd name="connsiteX0" fmla="*/ 1872 w 306587"/>
                <a:gd name="connsiteY0" fmla="*/ 88887 h 517875"/>
                <a:gd name="connsiteX1" fmla="*/ 112189 w 306587"/>
                <a:gd name="connsiteY1" fmla="*/ 0 h 517875"/>
                <a:gd name="connsiteX2" fmla="*/ 243893 w 306587"/>
                <a:gd name="connsiteY2" fmla="*/ 2381 h 517875"/>
                <a:gd name="connsiteX3" fmla="*/ 306587 w 306587"/>
                <a:gd name="connsiteY3" fmla="*/ 50787 h 517875"/>
                <a:gd name="connsiteX4" fmla="*/ 299444 w 306587"/>
                <a:gd name="connsiteY4" fmla="*/ 515859 h 517875"/>
                <a:gd name="connsiteX5" fmla="*/ 74824 w 306587"/>
                <a:gd name="connsiteY5" fmla="*/ 83252 h 517875"/>
                <a:gd name="connsiteX6" fmla="*/ 76869 w 306587"/>
                <a:gd name="connsiteY6" fmla="*/ 517875 h 517875"/>
                <a:gd name="connsiteX7" fmla="*/ 31226 w 306587"/>
                <a:gd name="connsiteY7" fmla="*/ 516639 h 517875"/>
                <a:gd name="connsiteX8" fmla="*/ 1872 w 306587"/>
                <a:gd name="connsiteY8" fmla="*/ 88887 h 517875"/>
                <a:gd name="connsiteX0" fmla="*/ 1872 w 306587"/>
                <a:gd name="connsiteY0" fmla="*/ 88960 h 517948"/>
                <a:gd name="connsiteX1" fmla="*/ 112189 w 306587"/>
                <a:gd name="connsiteY1" fmla="*/ 73 h 517948"/>
                <a:gd name="connsiteX2" fmla="*/ 243893 w 306587"/>
                <a:gd name="connsiteY2" fmla="*/ 2454 h 517948"/>
                <a:gd name="connsiteX3" fmla="*/ 306587 w 306587"/>
                <a:gd name="connsiteY3" fmla="*/ 50860 h 517948"/>
                <a:gd name="connsiteX4" fmla="*/ 299444 w 306587"/>
                <a:gd name="connsiteY4" fmla="*/ 515932 h 517948"/>
                <a:gd name="connsiteX5" fmla="*/ 74824 w 306587"/>
                <a:gd name="connsiteY5" fmla="*/ 83325 h 517948"/>
                <a:gd name="connsiteX6" fmla="*/ 76869 w 306587"/>
                <a:gd name="connsiteY6" fmla="*/ 517948 h 517948"/>
                <a:gd name="connsiteX7" fmla="*/ 31226 w 306587"/>
                <a:gd name="connsiteY7" fmla="*/ 516712 h 517948"/>
                <a:gd name="connsiteX8" fmla="*/ 1872 w 306587"/>
                <a:gd name="connsiteY8" fmla="*/ 88960 h 517948"/>
                <a:gd name="connsiteX0" fmla="*/ 1872 w 306587"/>
                <a:gd name="connsiteY0" fmla="*/ 88960 h 517948"/>
                <a:gd name="connsiteX1" fmla="*/ 112189 w 306587"/>
                <a:gd name="connsiteY1" fmla="*/ 73 h 517948"/>
                <a:gd name="connsiteX2" fmla="*/ 241511 w 306587"/>
                <a:gd name="connsiteY2" fmla="*/ 72 h 517948"/>
                <a:gd name="connsiteX3" fmla="*/ 306587 w 306587"/>
                <a:gd name="connsiteY3" fmla="*/ 50860 h 517948"/>
                <a:gd name="connsiteX4" fmla="*/ 299444 w 306587"/>
                <a:gd name="connsiteY4" fmla="*/ 515932 h 517948"/>
                <a:gd name="connsiteX5" fmla="*/ 74824 w 306587"/>
                <a:gd name="connsiteY5" fmla="*/ 83325 h 517948"/>
                <a:gd name="connsiteX6" fmla="*/ 76869 w 306587"/>
                <a:gd name="connsiteY6" fmla="*/ 517948 h 517948"/>
                <a:gd name="connsiteX7" fmla="*/ 31226 w 306587"/>
                <a:gd name="connsiteY7" fmla="*/ 516712 h 517948"/>
                <a:gd name="connsiteX8" fmla="*/ 1872 w 306587"/>
                <a:gd name="connsiteY8" fmla="*/ 88960 h 517948"/>
                <a:gd name="connsiteX0" fmla="*/ 273 w 304988"/>
                <a:gd name="connsiteY0" fmla="*/ 88960 h 517948"/>
                <a:gd name="connsiteX1" fmla="*/ 110590 w 304988"/>
                <a:gd name="connsiteY1" fmla="*/ 73 h 517948"/>
                <a:gd name="connsiteX2" fmla="*/ 239912 w 304988"/>
                <a:gd name="connsiteY2" fmla="*/ 72 h 517948"/>
                <a:gd name="connsiteX3" fmla="*/ 304988 w 304988"/>
                <a:gd name="connsiteY3" fmla="*/ 50860 h 517948"/>
                <a:gd name="connsiteX4" fmla="*/ 297845 w 304988"/>
                <a:gd name="connsiteY4" fmla="*/ 515932 h 517948"/>
                <a:gd name="connsiteX5" fmla="*/ 73225 w 304988"/>
                <a:gd name="connsiteY5" fmla="*/ 83325 h 517948"/>
                <a:gd name="connsiteX6" fmla="*/ 75270 w 304988"/>
                <a:gd name="connsiteY6" fmla="*/ 517948 h 517948"/>
                <a:gd name="connsiteX7" fmla="*/ 29627 w 304988"/>
                <a:gd name="connsiteY7" fmla="*/ 516712 h 517948"/>
                <a:gd name="connsiteX8" fmla="*/ 273 w 304988"/>
                <a:gd name="connsiteY8" fmla="*/ 88960 h 517948"/>
                <a:gd name="connsiteX0" fmla="*/ 273 w 304988"/>
                <a:gd name="connsiteY0" fmla="*/ 88960 h 517948"/>
                <a:gd name="connsiteX1" fmla="*/ 110590 w 304988"/>
                <a:gd name="connsiteY1" fmla="*/ 73 h 517948"/>
                <a:gd name="connsiteX2" fmla="*/ 239912 w 304988"/>
                <a:gd name="connsiteY2" fmla="*/ 72 h 517948"/>
                <a:gd name="connsiteX3" fmla="*/ 304988 w 304988"/>
                <a:gd name="connsiteY3" fmla="*/ 50860 h 517948"/>
                <a:gd name="connsiteX4" fmla="*/ 297845 w 304988"/>
                <a:gd name="connsiteY4" fmla="*/ 515932 h 517948"/>
                <a:gd name="connsiteX5" fmla="*/ 73225 w 304988"/>
                <a:gd name="connsiteY5" fmla="*/ 83325 h 517948"/>
                <a:gd name="connsiteX6" fmla="*/ 75270 w 304988"/>
                <a:gd name="connsiteY6" fmla="*/ 517948 h 517948"/>
                <a:gd name="connsiteX7" fmla="*/ 29627 w 304988"/>
                <a:gd name="connsiteY7" fmla="*/ 516712 h 517948"/>
                <a:gd name="connsiteX8" fmla="*/ 273 w 304988"/>
                <a:gd name="connsiteY8" fmla="*/ 88960 h 517948"/>
                <a:gd name="connsiteX0" fmla="*/ 273 w 304988"/>
                <a:gd name="connsiteY0" fmla="*/ 88960 h 517948"/>
                <a:gd name="connsiteX1" fmla="*/ 110590 w 304988"/>
                <a:gd name="connsiteY1" fmla="*/ 73 h 517948"/>
                <a:gd name="connsiteX2" fmla="*/ 239912 w 304988"/>
                <a:gd name="connsiteY2" fmla="*/ 72 h 517948"/>
                <a:gd name="connsiteX3" fmla="*/ 304988 w 304988"/>
                <a:gd name="connsiteY3" fmla="*/ 50860 h 517948"/>
                <a:gd name="connsiteX4" fmla="*/ 297845 w 304988"/>
                <a:gd name="connsiteY4" fmla="*/ 515932 h 517948"/>
                <a:gd name="connsiteX5" fmla="*/ 73225 w 304988"/>
                <a:gd name="connsiteY5" fmla="*/ 83325 h 517948"/>
                <a:gd name="connsiteX6" fmla="*/ 75270 w 304988"/>
                <a:gd name="connsiteY6" fmla="*/ 517948 h 517948"/>
                <a:gd name="connsiteX7" fmla="*/ 29627 w 304988"/>
                <a:gd name="connsiteY7" fmla="*/ 516712 h 517948"/>
                <a:gd name="connsiteX8" fmla="*/ 273 w 304988"/>
                <a:gd name="connsiteY8" fmla="*/ 88960 h 517948"/>
                <a:gd name="connsiteX0" fmla="*/ 273 w 304988"/>
                <a:gd name="connsiteY0" fmla="*/ 88960 h 517948"/>
                <a:gd name="connsiteX1" fmla="*/ 110590 w 304988"/>
                <a:gd name="connsiteY1" fmla="*/ 73 h 517948"/>
                <a:gd name="connsiteX2" fmla="*/ 239912 w 304988"/>
                <a:gd name="connsiteY2" fmla="*/ 72 h 517948"/>
                <a:gd name="connsiteX3" fmla="*/ 304988 w 304988"/>
                <a:gd name="connsiteY3" fmla="*/ 50860 h 517948"/>
                <a:gd name="connsiteX4" fmla="*/ 297845 w 304988"/>
                <a:gd name="connsiteY4" fmla="*/ 515932 h 517948"/>
                <a:gd name="connsiteX5" fmla="*/ 73225 w 304988"/>
                <a:gd name="connsiteY5" fmla="*/ 83325 h 517948"/>
                <a:gd name="connsiteX6" fmla="*/ 75270 w 304988"/>
                <a:gd name="connsiteY6" fmla="*/ 517948 h 517948"/>
                <a:gd name="connsiteX7" fmla="*/ 29627 w 304988"/>
                <a:gd name="connsiteY7" fmla="*/ 516712 h 517948"/>
                <a:gd name="connsiteX8" fmla="*/ 273 w 304988"/>
                <a:gd name="connsiteY8" fmla="*/ 88960 h 517948"/>
                <a:gd name="connsiteX0" fmla="*/ 2130 w 306845"/>
                <a:gd name="connsiteY0" fmla="*/ 88960 h 517948"/>
                <a:gd name="connsiteX1" fmla="*/ 112447 w 306845"/>
                <a:gd name="connsiteY1" fmla="*/ 73 h 517948"/>
                <a:gd name="connsiteX2" fmla="*/ 241769 w 306845"/>
                <a:gd name="connsiteY2" fmla="*/ 72 h 517948"/>
                <a:gd name="connsiteX3" fmla="*/ 306845 w 306845"/>
                <a:gd name="connsiteY3" fmla="*/ 50860 h 517948"/>
                <a:gd name="connsiteX4" fmla="*/ 299702 w 306845"/>
                <a:gd name="connsiteY4" fmla="*/ 515932 h 517948"/>
                <a:gd name="connsiteX5" fmla="*/ 75082 w 306845"/>
                <a:gd name="connsiteY5" fmla="*/ 83325 h 517948"/>
                <a:gd name="connsiteX6" fmla="*/ 77127 w 306845"/>
                <a:gd name="connsiteY6" fmla="*/ 517948 h 517948"/>
                <a:gd name="connsiteX7" fmla="*/ 31484 w 306845"/>
                <a:gd name="connsiteY7" fmla="*/ 516712 h 517948"/>
                <a:gd name="connsiteX8" fmla="*/ 2130 w 306845"/>
                <a:gd name="connsiteY8" fmla="*/ 88960 h 517948"/>
                <a:gd name="connsiteX0" fmla="*/ 1306 w 306021"/>
                <a:gd name="connsiteY0" fmla="*/ 88960 h 517948"/>
                <a:gd name="connsiteX1" fmla="*/ 111623 w 306021"/>
                <a:gd name="connsiteY1" fmla="*/ 73 h 517948"/>
                <a:gd name="connsiteX2" fmla="*/ 240945 w 306021"/>
                <a:gd name="connsiteY2" fmla="*/ 72 h 517948"/>
                <a:gd name="connsiteX3" fmla="*/ 306021 w 306021"/>
                <a:gd name="connsiteY3" fmla="*/ 50860 h 517948"/>
                <a:gd name="connsiteX4" fmla="*/ 298878 w 306021"/>
                <a:gd name="connsiteY4" fmla="*/ 515932 h 517948"/>
                <a:gd name="connsiteX5" fmla="*/ 74258 w 306021"/>
                <a:gd name="connsiteY5" fmla="*/ 83325 h 517948"/>
                <a:gd name="connsiteX6" fmla="*/ 76303 w 306021"/>
                <a:gd name="connsiteY6" fmla="*/ 517948 h 517948"/>
                <a:gd name="connsiteX7" fmla="*/ 30660 w 306021"/>
                <a:gd name="connsiteY7" fmla="*/ 516712 h 517948"/>
                <a:gd name="connsiteX8" fmla="*/ 1306 w 306021"/>
                <a:gd name="connsiteY8" fmla="*/ 88960 h 517948"/>
                <a:gd name="connsiteX0" fmla="*/ 1306 w 306021"/>
                <a:gd name="connsiteY0" fmla="*/ 88960 h 517948"/>
                <a:gd name="connsiteX1" fmla="*/ 111623 w 306021"/>
                <a:gd name="connsiteY1" fmla="*/ 73 h 517948"/>
                <a:gd name="connsiteX2" fmla="*/ 240945 w 306021"/>
                <a:gd name="connsiteY2" fmla="*/ 72 h 517948"/>
                <a:gd name="connsiteX3" fmla="*/ 306021 w 306021"/>
                <a:gd name="connsiteY3" fmla="*/ 69910 h 517948"/>
                <a:gd name="connsiteX4" fmla="*/ 298878 w 306021"/>
                <a:gd name="connsiteY4" fmla="*/ 515932 h 517948"/>
                <a:gd name="connsiteX5" fmla="*/ 74258 w 306021"/>
                <a:gd name="connsiteY5" fmla="*/ 83325 h 517948"/>
                <a:gd name="connsiteX6" fmla="*/ 76303 w 306021"/>
                <a:gd name="connsiteY6" fmla="*/ 517948 h 517948"/>
                <a:gd name="connsiteX7" fmla="*/ 30660 w 306021"/>
                <a:gd name="connsiteY7" fmla="*/ 516712 h 517948"/>
                <a:gd name="connsiteX8" fmla="*/ 1306 w 306021"/>
                <a:gd name="connsiteY8" fmla="*/ 88960 h 517948"/>
                <a:gd name="connsiteX0" fmla="*/ 1306 w 306021"/>
                <a:gd name="connsiteY0" fmla="*/ 89591 h 518579"/>
                <a:gd name="connsiteX1" fmla="*/ 111623 w 306021"/>
                <a:gd name="connsiteY1" fmla="*/ 704 h 518579"/>
                <a:gd name="connsiteX2" fmla="*/ 240945 w 306021"/>
                <a:gd name="connsiteY2" fmla="*/ 703 h 518579"/>
                <a:gd name="connsiteX3" fmla="*/ 306021 w 306021"/>
                <a:gd name="connsiteY3" fmla="*/ 70541 h 518579"/>
                <a:gd name="connsiteX4" fmla="*/ 298878 w 306021"/>
                <a:gd name="connsiteY4" fmla="*/ 516563 h 518579"/>
                <a:gd name="connsiteX5" fmla="*/ 74258 w 306021"/>
                <a:gd name="connsiteY5" fmla="*/ 83956 h 518579"/>
                <a:gd name="connsiteX6" fmla="*/ 76303 w 306021"/>
                <a:gd name="connsiteY6" fmla="*/ 518579 h 518579"/>
                <a:gd name="connsiteX7" fmla="*/ 30660 w 306021"/>
                <a:gd name="connsiteY7" fmla="*/ 517343 h 518579"/>
                <a:gd name="connsiteX8" fmla="*/ 1306 w 306021"/>
                <a:gd name="connsiteY8" fmla="*/ 89591 h 518579"/>
                <a:gd name="connsiteX0" fmla="*/ 1306 w 299336"/>
                <a:gd name="connsiteY0" fmla="*/ 89488 h 518476"/>
                <a:gd name="connsiteX1" fmla="*/ 111623 w 299336"/>
                <a:gd name="connsiteY1" fmla="*/ 601 h 518476"/>
                <a:gd name="connsiteX2" fmla="*/ 240945 w 299336"/>
                <a:gd name="connsiteY2" fmla="*/ 600 h 518476"/>
                <a:gd name="connsiteX3" fmla="*/ 298877 w 299336"/>
                <a:gd name="connsiteY3" fmla="*/ 79963 h 518476"/>
                <a:gd name="connsiteX4" fmla="*/ 298878 w 299336"/>
                <a:gd name="connsiteY4" fmla="*/ 516460 h 518476"/>
                <a:gd name="connsiteX5" fmla="*/ 74258 w 299336"/>
                <a:gd name="connsiteY5" fmla="*/ 83853 h 518476"/>
                <a:gd name="connsiteX6" fmla="*/ 76303 w 299336"/>
                <a:gd name="connsiteY6" fmla="*/ 518476 h 518476"/>
                <a:gd name="connsiteX7" fmla="*/ 30660 w 299336"/>
                <a:gd name="connsiteY7" fmla="*/ 517240 h 518476"/>
                <a:gd name="connsiteX8" fmla="*/ 1306 w 299336"/>
                <a:gd name="connsiteY8" fmla="*/ 89488 h 518476"/>
                <a:gd name="connsiteX0" fmla="*/ 1306 w 299941"/>
                <a:gd name="connsiteY0" fmla="*/ 89560 h 518548"/>
                <a:gd name="connsiteX1" fmla="*/ 111623 w 299941"/>
                <a:gd name="connsiteY1" fmla="*/ 673 h 518548"/>
                <a:gd name="connsiteX2" fmla="*/ 240945 w 299941"/>
                <a:gd name="connsiteY2" fmla="*/ 672 h 518548"/>
                <a:gd name="connsiteX3" fmla="*/ 298877 w 299941"/>
                <a:gd name="connsiteY3" fmla="*/ 80035 h 518548"/>
                <a:gd name="connsiteX4" fmla="*/ 298878 w 299941"/>
                <a:gd name="connsiteY4" fmla="*/ 516532 h 518548"/>
                <a:gd name="connsiteX5" fmla="*/ 74258 w 299941"/>
                <a:gd name="connsiteY5" fmla="*/ 83925 h 518548"/>
                <a:gd name="connsiteX6" fmla="*/ 76303 w 299941"/>
                <a:gd name="connsiteY6" fmla="*/ 518548 h 518548"/>
                <a:gd name="connsiteX7" fmla="*/ 30660 w 299941"/>
                <a:gd name="connsiteY7" fmla="*/ 517312 h 518548"/>
                <a:gd name="connsiteX8" fmla="*/ 1306 w 299941"/>
                <a:gd name="connsiteY8" fmla="*/ 89560 h 518548"/>
                <a:gd name="connsiteX0" fmla="*/ 1306 w 300088"/>
                <a:gd name="connsiteY0" fmla="*/ 88961 h 517949"/>
                <a:gd name="connsiteX1" fmla="*/ 111623 w 300088"/>
                <a:gd name="connsiteY1" fmla="*/ 74 h 517949"/>
                <a:gd name="connsiteX2" fmla="*/ 240945 w 300088"/>
                <a:gd name="connsiteY2" fmla="*/ 73 h 517949"/>
                <a:gd name="connsiteX3" fmla="*/ 298877 w 300088"/>
                <a:gd name="connsiteY3" fmla="*/ 79436 h 517949"/>
                <a:gd name="connsiteX4" fmla="*/ 298878 w 300088"/>
                <a:gd name="connsiteY4" fmla="*/ 515933 h 517949"/>
                <a:gd name="connsiteX5" fmla="*/ 74258 w 300088"/>
                <a:gd name="connsiteY5" fmla="*/ 83326 h 517949"/>
                <a:gd name="connsiteX6" fmla="*/ 76303 w 300088"/>
                <a:gd name="connsiteY6" fmla="*/ 517949 h 517949"/>
                <a:gd name="connsiteX7" fmla="*/ 30660 w 300088"/>
                <a:gd name="connsiteY7" fmla="*/ 516713 h 517949"/>
                <a:gd name="connsiteX8" fmla="*/ 1306 w 300088"/>
                <a:gd name="connsiteY8" fmla="*/ 88961 h 517949"/>
                <a:gd name="connsiteX0" fmla="*/ 1306 w 299166"/>
                <a:gd name="connsiteY0" fmla="*/ 88961 h 517949"/>
                <a:gd name="connsiteX1" fmla="*/ 111623 w 299166"/>
                <a:gd name="connsiteY1" fmla="*/ 74 h 517949"/>
                <a:gd name="connsiteX2" fmla="*/ 240945 w 299166"/>
                <a:gd name="connsiteY2" fmla="*/ 73 h 517949"/>
                <a:gd name="connsiteX3" fmla="*/ 296496 w 299166"/>
                <a:gd name="connsiteY3" fmla="*/ 98486 h 517949"/>
                <a:gd name="connsiteX4" fmla="*/ 298878 w 299166"/>
                <a:gd name="connsiteY4" fmla="*/ 515933 h 517949"/>
                <a:gd name="connsiteX5" fmla="*/ 74258 w 299166"/>
                <a:gd name="connsiteY5" fmla="*/ 83326 h 517949"/>
                <a:gd name="connsiteX6" fmla="*/ 76303 w 299166"/>
                <a:gd name="connsiteY6" fmla="*/ 517949 h 517949"/>
                <a:gd name="connsiteX7" fmla="*/ 30660 w 299166"/>
                <a:gd name="connsiteY7" fmla="*/ 516713 h 517949"/>
                <a:gd name="connsiteX8" fmla="*/ 1306 w 299166"/>
                <a:gd name="connsiteY8" fmla="*/ 88961 h 517949"/>
                <a:gd name="connsiteX0" fmla="*/ 1306 w 299166"/>
                <a:gd name="connsiteY0" fmla="*/ 88961 h 517949"/>
                <a:gd name="connsiteX1" fmla="*/ 111623 w 299166"/>
                <a:gd name="connsiteY1" fmla="*/ 74 h 517949"/>
                <a:gd name="connsiteX2" fmla="*/ 240945 w 299166"/>
                <a:gd name="connsiteY2" fmla="*/ 73 h 517949"/>
                <a:gd name="connsiteX3" fmla="*/ 296496 w 299166"/>
                <a:gd name="connsiteY3" fmla="*/ 98486 h 517949"/>
                <a:gd name="connsiteX4" fmla="*/ 298878 w 299166"/>
                <a:gd name="connsiteY4" fmla="*/ 515933 h 517949"/>
                <a:gd name="connsiteX5" fmla="*/ 74258 w 299166"/>
                <a:gd name="connsiteY5" fmla="*/ 83326 h 517949"/>
                <a:gd name="connsiteX6" fmla="*/ 76303 w 299166"/>
                <a:gd name="connsiteY6" fmla="*/ 517949 h 517949"/>
                <a:gd name="connsiteX7" fmla="*/ 30660 w 299166"/>
                <a:gd name="connsiteY7" fmla="*/ 516713 h 517949"/>
                <a:gd name="connsiteX8" fmla="*/ 1306 w 299166"/>
                <a:gd name="connsiteY8" fmla="*/ 88961 h 517949"/>
                <a:gd name="connsiteX0" fmla="*/ 1306 w 299166"/>
                <a:gd name="connsiteY0" fmla="*/ 88961 h 517949"/>
                <a:gd name="connsiteX1" fmla="*/ 111623 w 299166"/>
                <a:gd name="connsiteY1" fmla="*/ 74 h 517949"/>
                <a:gd name="connsiteX2" fmla="*/ 240945 w 299166"/>
                <a:gd name="connsiteY2" fmla="*/ 73 h 517949"/>
                <a:gd name="connsiteX3" fmla="*/ 296496 w 299166"/>
                <a:gd name="connsiteY3" fmla="*/ 98486 h 517949"/>
                <a:gd name="connsiteX4" fmla="*/ 298878 w 299166"/>
                <a:gd name="connsiteY4" fmla="*/ 515933 h 517949"/>
                <a:gd name="connsiteX5" fmla="*/ 74258 w 299166"/>
                <a:gd name="connsiteY5" fmla="*/ 83326 h 517949"/>
                <a:gd name="connsiteX6" fmla="*/ 76303 w 299166"/>
                <a:gd name="connsiteY6" fmla="*/ 517949 h 517949"/>
                <a:gd name="connsiteX7" fmla="*/ 30660 w 299166"/>
                <a:gd name="connsiteY7" fmla="*/ 516713 h 517949"/>
                <a:gd name="connsiteX8" fmla="*/ 1306 w 299166"/>
                <a:gd name="connsiteY8" fmla="*/ 88961 h 517949"/>
                <a:gd name="connsiteX0" fmla="*/ 1306 w 299166"/>
                <a:gd name="connsiteY0" fmla="*/ 88961 h 544502"/>
                <a:gd name="connsiteX1" fmla="*/ 111623 w 299166"/>
                <a:gd name="connsiteY1" fmla="*/ 74 h 544502"/>
                <a:gd name="connsiteX2" fmla="*/ 240945 w 299166"/>
                <a:gd name="connsiteY2" fmla="*/ 73 h 544502"/>
                <a:gd name="connsiteX3" fmla="*/ 296496 w 299166"/>
                <a:gd name="connsiteY3" fmla="*/ 98486 h 544502"/>
                <a:gd name="connsiteX4" fmla="*/ 298878 w 299166"/>
                <a:gd name="connsiteY4" fmla="*/ 515933 h 544502"/>
                <a:gd name="connsiteX5" fmla="*/ 264421 w 299166"/>
                <a:gd name="connsiteY5" fmla="*/ 460800 h 544502"/>
                <a:gd name="connsiteX6" fmla="*/ 74258 w 299166"/>
                <a:gd name="connsiteY6" fmla="*/ 83326 h 544502"/>
                <a:gd name="connsiteX7" fmla="*/ 76303 w 299166"/>
                <a:gd name="connsiteY7" fmla="*/ 517949 h 544502"/>
                <a:gd name="connsiteX8" fmla="*/ 30660 w 299166"/>
                <a:gd name="connsiteY8" fmla="*/ 516713 h 544502"/>
                <a:gd name="connsiteX9" fmla="*/ 1306 w 299166"/>
                <a:gd name="connsiteY9" fmla="*/ 88961 h 544502"/>
                <a:gd name="connsiteX0" fmla="*/ 1306 w 299166"/>
                <a:gd name="connsiteY0" fmla="*/ 88961 h 563054"/>
                <a:gd name="connsiteX1" fmla="*/ 111623 w 299166"/>
                <a:gd name="connsiteY1" fmla="*/ 74 h 563054"/>
                <a:gd name="connsiteX2" fmla="*/ 240945 w 299166"/>
                <a:gd name="connsiteY2" fmla="*/ 73 h 563054"/>
                <a:gd name="connsiteX3" fmla="*/ 296496 w 299166"/>
                <a:gd name="connsiteY3" fmla="*/ 98486 h 563054"/>
                <a:gd name="connsiteX4" fmla="*/ 298878 w 299166"/>
                <a:gd name="connsiteY4" fmla="*/ 515933 h 563054"/>
                <a:gd name="connsiteX5" fmla="*/ 242990 w 299166"/>
                <a:gd name="connsiteY5" fmla="*/ 510807 h 563054"/>
                <a:gd name="connsiteX6" fmla="*/ 74258 w 299166"/>
                <a:gd name="connsiteY6" fmla="*/ 83326 h 563054"/>
                <a:gd name="connsiteX7" fmla="*/ 76303 w 299166"/>
                <a:gd name="connsiteY7" fmla="*/ 517949 h 563054"/>
                <a:gd name="connsiteX8" fmla="*/ 30660 w 299166"/>
                <a:gd name="connsiteY8" fmla="*/ 516713 h 563054"/>
                <a:gd name="connsiteX9" fmla="*/ 1306 w 299166"/>
                <a:gd name="connsiteY9" fmla="*/ 88961 h 563054"/>
                <a:gd name="connsiteX0" fmla="*/ 1306 w 299166"/>
                <a:gd name="connsiteY0" fmla="*/ 88961 h 540686"/>
                <a:gd name="connsiteX1" fmla="*/ 111623 w 299166"/>
                <a:gd name="connsiteY1" fmla="*/ 74 h 540686"/>
                <a:gd name="connsiteX2" fmla="*/ 240945 w 299166"/>
                <a:gd name="connsiteY2" fmla="*/ 73 h 540686"/>
                <a:gd name="connsiteX3" fmla="*/ 296496 w 299166"/>
                <a:gd name="connsiteY3" fmla="*/ 98486 h 540686"/>
                <a:gd name="connsiteX4" fmla="*/ 298878 w 299166"/>
                <a:gd name="connsiteY4" fmla="*/ 515933 h 540686"/>
                <a:gd name="connsiteX5" fmla="*/ 242990 w 299166"/>
                <a:gd name="connsiteY5" fmla="*/ 510807 h 540686"/>
                <a:gd name="connsiteX6" fmla="*/ 74258 w 299166"/>
                <a:gd name="connsiteY6" fmla="*/ 83326 h 540686"/>
                <a:gd name="connsiteX7" fmla="*/ 76303 w 299166"/>
                <a:gd name="connsiteY7" fmla="*/ 517949 h 540686"/>
                <a:gd name="connsiteX8" fmla="*/ 30660 w 299166"/>
                <a:gd name="connsiteY8" fmla="*/ 516713 h 540686"/>
                <a:gd name="connsiteX9" fmla="*/ 1306 w 299166"/>
                <a:gd name="connsiteY9" fmla="*/ 88961 h 540686"/>
                <a:gd name="connsiteX0" fmla="*/ 1306 w 299166"/>
                <a:gd name="connsiteY0" fmla="*/ 88961 h 517949"/>
                <a:gd name="connsiteX1" fmla="*/ 111623 w 299166"/>
                <a:gd name="connsiteY1" fmla="*/ 74 h 517949"/>
                <a:gd name="connsiteX2" fmla="*/ 240945 w 299166"/>
                <a:gd name="connsiteY2" fmla="*/ 73 h 517949"/>
                <a:gd name="connsiteX3" fmla="*/ 296496 w 299166"/>
                <a:gd name="connsiteY3" fmla="*/ 98486 h 517949"/>
                <a:gd name="connsiteX4" fmla="*/ 298878 w 299166"/>
                <a:gd name="connsiteY4" fmla="*/ 515933 h 517949"/>
                <a:gd name="connsiteX5" fmla="*/ 242990 w 299166"/>
                <a:gd name="connsiteY5" fmla="*/ 510807 h 517949"/>
                <a:gd name="connsiteX6" fmla="*/ 74258 w 299166"/>
                <a:gd name="connsiteY6" fmla="*/ 83326 h 517949"/>
                <a:gd name="connsiteX7" fmla="*/ 76303 w 299166"/>
                <a:gd name="connsiteY7" fmla="*/ 517949 h 517949"/>
                <a:gd name="connsiteX8" fmla="*/ 30660 w 299166"/>
                <a:gd name="connsiteY8" fmla="*/ 516713 h 517949"/>
                <a:gd name="connsiteX9" fmla="*/ 1306 w 299166"/>
                <a:gd name="connsiteY9" fmla="*/ 88961 h 517949"/>
                <a:gd name="connsiteX0" fmla="*/ 1306 w 299166"/>
                <a:gd name="connsiteY0" fmla="*/ 88961 h 517949"/>
                <a:gd name="connsiteX1" fmla="*/ 111623 w 299166"/>
                <a:gd name="connsiteY1" fmla="*/ 74 h 517949"/>
                <a:gd name="connsiteX2" fmla="*/ 240945 w 299166"/>
                <a:gd name="connsiteY2" fmla="*/ 73 h 517949"/>
                <a:gd name="connsiteX3" fmla="*/ 296496 w 299166"/>
                <a:gd name="connsiteY3" fmla="*/ 98486 h 517949"/>
                <a:gd name="connsiteX4" fmla="*/ 298878 w 299166"/>
                <a:gd name="connsiteY4" fmla="*/ 515933 h 517949"/>
                <a:gd name="connsiteX5" fmla="*/ 235846 w 299166"/>
                <a:gd name="connsiteY5" fmla="*/ 506044 h 517949"/>
                <a:gd name="connsiteX6" fmla="*/ 74258 w 299166"/>
                <a:gd name="connsiteY6" fmla="*/ 83326 h 517949"/>
                <a:gd name="connsiteX7" fmla="*/ 76303 w 299166"/>
                <a:gd name="connsiteY7" fmla="*/ 517949 h 517949"/>
                <a:gd name="connsiteX8" fmla="*/ 30660 w 299166"/>
                <a:gd name="connsiteY8" fmla="*/ 516713 h 517949"/>
                <a:gd name="connsiteX9" fmla="*/ 1306 w 299166"/>
                <a:gd name="connsiteY9" fmla="*/ 88961 h 517949"/>
                <a:gd name="connsiteX0" fmla="*/ 1306 w 299166"/>
                <a:gd name="connsiteY0" fmla="*/ 88961 h 517949"/>
                <a:gd name="connsiteX1" fmla="*/ 111623 w 299166"/>
                <a:gd name="connsiteY1" fmla="*/ 74 h 517949"/>
                <a:gd name="connsiteX2" fmla="*/ 240945 w 299166"/>
                <a:gd name="connsiteY2" fmla="*/ 73 h 517949"/>
                <a:gd name="connsiteX3" fmla="*/ 296496 w 299166"/>
                <a:gd name="connsiteY3" fmla="*/ 98486 h 517949"/>
                <a:gd name="connsiteX4" fmla="*/ 298878 w 299166"/>
                <a:gd name="connsiteY4" fmla="*/ 515933 h 517949"/>
                <a:gd name="connsiteX5" fmla="*/ 235846 w 299166"/>
                <a:gd name="connsiteY5" fmla="*/ 506044 h 517949"/>
                <a:gd name="connsiteX6" fmla="*/ 74258 w 299166"/>
                <a:gd name="connsiteY6" fmla="*/ 83326 h 517949"/>
                <a:gd name="connsiteX7" fmla="*/ 76303 w 299166"/>
                <a:gd name="connsiteY7" fmla="*/ 517949 h 517949"/>
                <a:gd name="connsiteX8" fmla="*/ 30660 w 299166"/>
                <a:gd name="connsiteY8" fmla="*/ 516713 h 517949"/>
                <a:gd name="connsiteX9" fmla="*/ 1306 w 299166"/>
                <a:gd name="connsiteY9" fmla="*/ 88961 h 517949"/>
                <a:gd name="connsiteX0" fmla="*/ 1306 w 299166"/>
                <a:gd name="connsiteY0" fmla="*/ 88961 h 517949"/>
                <a:gd name="connsiteX1" fmla="*/ 111623 w 299166"/>
                <a:gd name="connsiteY1" fmla="*/ 74 h 517949"/>
                <a:gd name="connsiteX2" fmla="*/ 240945 w 299166"/>
                <a:gd name="connsiteY2" fmla="*/ 73 h 517949"/>
                <a:gd name="connsiteX3" fmla="*/ 296496 w 299166"/>
                <a:gd name="connsiteY3" fmla="*/ 98486 h 517949"/>
                <a:gd name="connsiteX4" fmla="*/ 298878 w 299166"/>
                <a:gd name="connsiteY4" fmla="*/ 515933 h 517949"/>
                <a:gd name="connsiteX5" fmla="*/ 74258 w 299166"/>
                <a:gd name="connsiteY5" fmla="*/ 83326 h 517949"/>
                <a:gd name="connsiteX6" fmla="*/ 76303 w 299166"/>
                <a:gd name="connsiteY6" fmla="*/ 517949 h 517949"/>
                <a:gd name="connsiteX7" fmla="*/ 30660 w 299166"/>
                <a:gd name="connsiteY7" fmla="*/ 516713 h 517949"/>
                <a:gd name="connsiteX8" fmla="*/ 1306 w 299166"/>
                <a:gd name="connsiteY8" fmla="*/ 88961 h 517949"/>
                <a:gd name="connsiteX0" fmla="*/ 1306 w 299166"/>
                <a:gd name="connsiteY0" fmla="*/ 88961 h 517949"/>
                <a:gd name="connsiteX1" fmla="*/ 111623 w 299166"/>
                <a:gd name="connsiteY1" fmla="*/ 74 h 517949"/>
                <a:gd name="connsiteX2" fmla="*/ 240945 w 299166"/>
                <a:gd name="connsiteY2" fmla="*/ 73 h 517949"/>
                <a:gd name="connsiteX3" fmla="*/ 296496 w 299166"/>
                <a:gd name="connsiteY3" fmla="*/ 98486 h 517949"/>
                <a:gd name="connsiteX4" fmla="*/ 298878 w 299166"/>
                <a:gd name="connsiteY4" fmla="*/ 515933 h 517949"/>
                <a:gd name="connsiteX5" fmla="*/ 145359 w 299166"/>
                <a:gd name="connsiteY5" fmla="*/ 201244 h 517949"/>
                <a:gd name="connsiteX6" fmla="*/ 74258 w 299166"/>
                <a:gd name="connsiteY6" fmla="*/ 83326 h 517949"/>
                <a:gd name="connsiteX7" fmla="*/ 76303 w 299166"/>
                <a:gd name="connsiteY7" fmla="*/ 517949 h 517949"/>
                <a:gd name="connsiteX8" fmla="*/ 30660 w 299166"/>
                <a:gd name="connsiteY8" fmla="*/ 516713 h 517949"/>
                <a:gd name="connsiteX9" fmla="*/ 1306 w 299166"/>
                <a:gd name="connsiteY9" fmla="*/ 88961 h 517949"/>
                <a:gd name="connsiteX0" fmla="*/ 1306 w 299166"/>
                <a:gd name="connsiteY0" fmla="*/ 88961 h 517949"/>
                <a:gd name="connsiteX1" fmla="*/ 111623 w 299166"/>
                <a:gd name="connsiteY1" fmla="*/ 74 h 517949"/>
                <a:gd name="connsiteX2" fmla="*/ 240945 w 299166"/>
                <a:gd name="connsiteY2" fmla="*/ 73 h 517949"/>
                <a:gd name="connsiteX3" fmla="*/ 296496 w 299166"/>
                <a:gd name="connsiteY3" fmla="*/ 98486 h 517949"/>
                <a:gd name="connsiteX4" fmla="*/ 298878 w 299166"/>
                <a:gd name="connsiteY4" fmla="*/ 515933 h 517949"/>
                <a:gd name="connsiteX5" fmla="*/ 238227 w 299166"/>
                <a:gd name="connsiteY5" fmla="*/ 94087 h 517949"/>
                <a:gd name="connsiteX6" fmla="*/ 74258 w 299166"/>
                <a:gd name="connsiteY6" fmla="*/ 83326 h 517949"/>
                <a:gd name="connsiteX7" fmla="*/ 76303 w 299166"/>
                <a:gd name="connsiteY7" fmla="*/ 517949 h 517949"/>
                <a:gd name="connsiteX8" fmla="*/ 30660 w 299166"/>
                <a:gd name="connsiteY8" fmla="*/ 516713 h 517949"/>
                <a:gd name="connsiteX9" fmla="*/ 1306 w 299166"/>
                <a:gd name="connsiteY9" fmla="*/ 88961 h 517949"/>
                <a:gd name="connsiteX0" fmla="*/ 1306 w 299166"/>
                <a:gd name="connsiteY0" fmla="*/ 88961 h 517949"/>
                <a:gd name="connsiteX1" fmla="*/ 111623 w 299166"/>
                <a:gd name="connsiteY1" fmla="*/ 74 h 517949"/>
                <a:gd name="connsiteX2" fmla="*/ 240945 w 299166"/>
                <a:gd name="connsiteY2" fmla="*/ 73 h 517949"/>
                <a:gd name="connsiteX3" fmla="*/ 296496 w 299166"/>
                <a:gd name="connsiteY3" fmla="*/ 98486 h 517949"/>
                <a:gd name="connsiteX4" fmla="*/ 298878 w 299166"/>
                <a:gd name="connsiteY4" fmla="*/ 515933 h 517949"/>
                <a:gd name="connsiteX5" fmla="*/ 238227 w 299166"/>
                <a:gd name="connsiteY5" fmla="*/ 94087 h 517949"/>
                <a:gd name="connsiteX6" fmla="*/ 74258 w 299166"/>
                <a:gd name="connsiteY6" fmla="*/ 83326 h 517949"/>
                <a:gd name="connsiteX7" fmla="*/ 76303 w 299166"/>
                <a:gd name="connsiteY7" fmla="*/ 517949 h 517949"/>
                <a:gd name="connsiteX8" fmla="*/ 30660 w 299166"/>
                <a:gd name="connsiteY8" fmla="*/ 516713 h 517949"/>
                <a:gd name="connsiteX9" fmla="*/ 1306 w 299166"/>
                <a:gd name="connsiteY9" fmla="*/ 88961 h 517949"/>
                <a:gd name="connsiteX0" fmla="*/ 1306 w 299166"/>
                <a:gd name="connsiteY0" fmla="*/ 88961 h 517949"/>
                <a:gd name="connsiteX1" fmla="*/ 111623 w 299166"/>
                <a:gd name="connsiteY1" fmla="*/ 74 h 517949"/>
                <a:gd name="connsiteX2" fmla="*/ 240945 w 299166"/>
                <a:gd name="connsiteY2" fmla="*/ 73 h 517949"/>
                <a:gd name="connsiteX3" fmla="*/ 296496 w 299166"/>
                <a:gd name="connsiteY3" fmla="*/ 98486 h 517949"/>
                <a:gd name="connsiteX4" fmla="*/ 298878 w 299166"/>
                <a:gd name="connsiteY4" fmla="*/ 515933 h 517949"/>
                <a:gd name="connsiteX5" fmla="*/ 238227 w 299166"/>
                <a:gd name="connsiteY5" fmla="*/ 96468 h 517949"/>
                <a:gd name="connsiteX6" fmla="*/ 74258 w 299166"/>
                <a:gd name="connsiteY6" fmla="*/ 83326 h 517949"/>
                <a:gd name="connsiteX7" fmla="*/ 76303 w 299166"/>
                <a:gd name="connsiteY7" fmla="*/ 517949 h 517949"/>
                <a:gd name="connsiteX8" fmla="*/ 30660 w 299166"/>
                <a:gd name="connsiteY8" fmla="*/ 516713 h 517949"/>
                <a:gd name="connsiteX9" fmla="*/ 1306 w 299166"/>
                <a:gd name="connsiteY9" fmla="*/ 88961 h 517949"/>
                <a:gd name="connsiteX0" fmla="*/ 1306 w 299166"/>
                <a:gd name="connsiteY0" fmla="*/ 88961 h 517949"/>
                <a:gd name="connsiteX1" fmla="*/ 111623 w 299166"/>
                <a:gd name="connsiteY1" fmla="*/ 74 h 517949"/>
                <a:gd name="connsiteX2" fmla="*/ 240945 w 299166"/>
                <a:gd name="connsiteY2" fmla="*/ 73 h 517949"/>
                <a:gd name="connsiteX3" fmla="*/ 296496 w 299166"/>
                <a:gd name="connsiteY3" fmla="*/ 98486 h 517949"/>
                <a:gd name="connsiteX4" fmla="*/ 298878 w 299166"/>
                <a:gd name="connsiteY4" fmla="*/ 515933 h 517949"/>
                <a:gd name="connsiteX5" fmla="*/ 238227 w 299166"/>
                <a:gd name="connsiteY5" fmla="*/ 96468 h 517949"/>
                <a:gd name="connsiteX6" fmla="*/ 74258 w 299166"/>
                <a:gd name="connsiteY6" fmla="*/ 83326 h 517949"/>
                <a:gd name="connsiteX7" fmla="*/ 76303 w 299166"/>
                <a:gd name="connsiteY7" fmla="*/ 517949 h 517949"/>
                <a:gd name="connsiteX8" fmla="*/ 30660 w 299166"/>
                <a:gd name="connsiteY8" fmla="*/ 516713 h 517949"/>
                <a:gd name="connsiteX9" fmla="*/ 1306 w 299166"/>
                <a:gd name="connsiteY9" fmla="*/ 88961 h 517949"/>
                <a:gd name="connsiteX0" fmla="*/ 1306 w 299166"/>
                <a:gd name="connsiteY0" fmla="*/ 88961 h 544807"/>
                <a:gd name="connsiteX1" fmla="*/ 111623 w 299166"/>
                <a:gd name="connsiteY1" fmla="*/ 74 h 544807"/>
                <a:gd name="connsiteX2" fmla="*/ 240945 w 299166"/>
                <a:gd name="connsiteY2" fmla="*/ 73 h 544807"/>
                <a:gd name="connsiteX3" fmla="*/ 296496 w 299166"/>
                <a:gd name="connsiteY3" fmla="*/ 98486 h 544807"/>
                <a:gd name="connsiteX4" fmla="*/ 298878 w 299166"/>
                <a:gd name="connsiteY4" fmla="*/ 515933 h 544807"/>
                <a:gd name="connsiteX5" fmla="*/ 271565 w 299166"/>
                <a:gd name="connsiteY5" fmla="*/ 463181 h 544807"/>
                <a:gd name="connsiteX6" fmla="*/ 238227 w 299166"/>
                <a:gd name="connsiteY6" fmla="*/ 96468 h 544807"/>
                <a:gd name="connsiteX7" fmla="*/ 74258 w 299166"/>
                <a:gd name="connsiteY7" fmla="*/ 83326 h 544807"/>
                <a:gd name="connsiteX8" fmla="*/ 76303 w 299166"/>
                <a:gd name="connsiteY8" fmla="*/ 517949 h 544807"/>
                <a:gd name="connsiteX9" fmla="*/ 30660 w 299166"/>
                <a:gd name="connsiteY9" fmla="*/ 516713 h 544807"/>
                <a:gd name="connsiteX10" fmla="*/ 1306 w 299166"/>
                <a:gd name="connsiteY10" fmla="*/ 88961 h 544807"/>
                <a:gd name="connsiteX0" fmla="*/ 1306 w 299166"/>
                <a:gd name="connsiteY0" fmla="*/ 88961 h 562380"/>
                <a:gd name="connsiteX1" fmla="*/ 111623 w 299166"/>
                <a:gd name="connsiteY1" fmla="*/ 74 h 562380"/>
                <a:gd name="connsiteX2" fmla="*/ 240945 w 299166"/>
                <a:gd name="connsiteY2" fmla="*/ 73 h 562380"/>
                <a:gd name="connsiteX3" fmla="*/ 296496 w 299166"/>
                <a:gd name="connsiteY3" fmla="*/ 98486 h 562380"/>
                <a:gd name="connsiteX4" fmla="*/ 298878 w 299166"/>
                <a:gd name="connsiteY4" fmla="*/ 515933 h 562380"/>
                <a:gd name="connsiteX5" fmla="*/ 238228 w 299166"/>
                <a:gd name="connsiteY5" fmla="*/ 510806 h 562380"/>
                <a:gd name="connsiteX6" fmla="*/ 238227 w 299166"/>
                <a:gd name="connsiteY6" fmla="*/ 96468 h 562380"/>
                <a:gd name="connsiteX7" fmla="*/ 74258 w 299166"/>
                <a:gd name="connsiteY7" fmla="*/ 83326 h 562380"/>
                <a:gd name="connsiteX8" fmla="*/ 76303 w 299166"/>
                <a:gd name="connsiteY8" fmla="*/ 517949 h 562380"/>
                <a:gd name="connsiteX9" fmla="*/ 30660 w 299166"/>
                <a:gd name="connsiteY9" fmla="*/ 516713 h 562380"/>
                <a:gd name="connsiteX10" fmla="*/ 1306 w 299166"/>
                <a:gd name="connsiteY10" fmla="*/ 88961 h 562380"/>
                <a:gd name="connsiteX0" fmla="*/ 1306 w 299166"/>
                <a:gd name="connsiteY0" fmla="*/ 88961 h 562380"/>
                <a:gd name="connsiteX1" fmla="*/ 111623 w 299166"/>
                <a:gd name="connsiteY1" fmla="*/ 74 h 562380"/>
                <a:gd name="connsiteX2" fmla="*/ 240945 w 299166"/>
                <a:gd name="connsiteY2" fmla="*/ 73 h 562380"/>
                <a:gd name="connsiteX3" fmla="*/ 296496 w 299166"/>
                <a:gd name="connsiteY3" fmla="*/ 98486 h 562380"/>
                <a:gd name="connsiteX4" fmla="*/ 298878 w 299166"/>
                <a:gd name="connsiteY4" fmla="*/ 515933 h 562380"/>
                <a:gd name="connsiteX5" fmla="*/ 238228 w 299166"/>
                <a:gd name="connsiteY5" fmla="*/ 510806 h 562380"/>
                <a:gd name="connsiteX6" fmla="*/ 238227 w 299166"/>
                <a:gd name="connsiteY6" fmla="*/ 96468 h 562380"/>
                <a:gd name="connsiteX7" fmla="*/ 74258 w 299166"/>
                <a:gd name="connsiteY7" fmla="*/ 83326 h 562380"/>
                <a:gd name="connsiteX8" fmla="*/ 76303 w 299166"/>
                <a:gd name="connsiteY8" fmla="*/ 517949 h 562380"/>
                <a:gd name="connsiteX9" fmla="*/ 30660 w 299166"/>
                <a:gd name="connsiteY9" fmla="*/ 516713 h 562380"/>
                <a:gd name="connsiteX10" fmla="*/ 1306 w 299166"/>
                <a:gd name="connsiteY10" fmla="*/ 88961 h 562380"/>
                <a:gd name="connsiteX0" fmla="*/ 1306 w 299166"/>
                <a:gd name="connsiteY0" fmla="*/ 88961 h 562380"/>
                <a:gd name="connsiteX1" fmla="*/ 111623 w 299166"/>
                <a:gd name="connsiteY1" fmla="*/ 74 h 562380"/>
                <a:gd name="connsiteX2" fmla="*/ 240945 w 299166"/>
                <a:gd name="connsiteY2" fmla="*/ 73 h 562380"/>
                <a:gd name="connsiteX3" fmla="*/ 296496 w 299166"/>
                <a:gd name="connsiteY3" fmla="*/ 98486 h 562380"/>
                <a:gd name="connsiteX4" fmla="*/ 298878 w 299166"/>
                <a:gd name="connsiteY4" fmla="*/ 515933 h 562380"/>
                <a:gd name="connsiteX5" fmla="*/ 238228 w 299166"/>
                <a:gd name="connsiteY5" fmla="*/ 510806 h 562380"/>
                <a:gd name="connsiteX6" fmla="*/ 235845 w 299166"/>
                <a:gd name="connsiteY6" fmla="*/ 98849 h 562380"/>
                <a:gd name="connsiteX7" fmla="*/ 74258 w 299166"/>
                <a:gd name="connsiteY7" fmla="*/ 83326 h 562380"/>
                <a:gd name="connsiteX8" fmla="*/ 76303 w 299166"/>
                <a:gd name="connsiteY8" fmla="*/ 517949 h 562380"/>
                <a:gd name="connsiteX9" fmla="*/ 30660 w 299166"/>
                <a:gd name="connsiteY9" fmla="*/ 516713 h 562380"/>
                <a:gd name="connsiteX10" fmla="*/ 1306 w 299166"/>
                <a:gd name="connsiteY10" fmla="*/ 88961 h 562380"/>
                <a:gd name="connsiteX0" fmla="*/ 1306 w 299166"/>
                <a:gd name="connsiteY0" fmla="*/ 88961 h 561214"/>
                <a:gd name="connsiteX1" fmla="*/ 111623 w 299166"/>
                <a:gd name="connsiteY1" fmla="*/ 74 h 561214"/>
                <a:gd name="connsiteX2" fmla="*/ 240945 w 299166"/>
                <a:gd name="connsiteY2" fmla="*/ 73 h 561214"/>
                <a:gd name="connsiteX3" fmla="*/ 296496 w 299166"/>
                <a:gd name="connsiteY3" fmla="*/ 98486 h 561214"/>
                <a:gd name="connsiteX4" fmla="*/ 298878 w 299166"/>
                <a:gd name="connsiteY4" fmla="*/ 515933 h 561214"/>
                <a:gd name="connsiteX5" fmla="*/ 231084 w 299166"/>
                <a:gd name="connsiteY5" fmla="*/ 508425 h 561214"/>
                <a:gd name="connsiteX6" fmla="*/ 235845 w 299166"/>
                <a:gd name="connsiteY6" fmla="*/ 98849 h 561214"/>
                <a:gd name="connsiteX7" fmla="*/ 74258 w 299166"/>
                <a:gd name="connsiteY7" fmla="*/ 83326 h 561214"/>
                <a:gd name="connsiteX8" fmla="*/ 76303 w 299166"/>
                <a:gd name="connsiteY8" fmla="*/ 517949 h 561214"/>
                <a:gd name="connsiteX9" fmla="*/ 30660 w 299166"/>
                <a:gd name="connsiteY9" fmla="*/ 516713 h 561214"/>
                <a:gd name="connsiteX10" fmla="*/ 1306 w 299166"/>
                <a:gd name="connsiteY10" fmla="*/ 88961 h 561214"/>
                <a:gd name="connsiteX0" fmla="*/ 1306 w 299166"/>
                <a:gd name="connsiteY0" fmla="*/ 88961 h 561214"/>
                <a:gd name="connsiteX1" fmla="*/ 111623 w 299166"/>
                <a:gd name="connsiteY1" fmla="*/ 74 h 561214"/>
                <a:gd name="connsiteX2" fmla="*/ 240945 w 299166"/>
                <a:gd name="connsiteY2" fmla="*/ 73 h 561214"/>
                <a:gd name="connsiteX3" fmla="*/ 296496 w 299166"/>
                <a:gd name="connsiteY3" fmla="*/ 98486 h 561214"/>
                <a:gd name="connsiteX4" fmla="*/ 298878 w 299166"/>
                <a:gd name="connsiteY4" fmla="*/ 515933 h 561214"/>
                <a:gd name="connsiteX5" fmla="*/ 233466 w 299166"/>
                <a:gd name="connsiteY5" fmla="*/ 508425 h 561214"/>
                <a:gd name="connsiteX6" fmla="*/ 235845 w 299166"/>
                <a:gd name="connsiteY6" fmla="*/ 98849 h 561214"/>
                <a:gd name="connsiteX7" fmla="*/ 74258 w 299166"/>
                <a:gd name="connsiteY7" fmla="*/ 83326 h 561214"/>
                <a:gd name="connsiteX8" fmla="*/ 76303 w 299166"/>
                <a:gd name="connsiteY8" fmla="*/ 517949 h 561214"/>
                <a:gd name="connsiteX9" fmla="*/ 30660 w 299166"/>
                <a:gd name="connsiteY9" fmla="*/ 516713 h 561214"/>
                <a:gd name="connsiteX10" fmla="*/ 1306 w 299166"/>
                <a:gd name="connsiteY10" fmla="*/ 88961 h 561214"/>
                <a:gd name="connsiteX0" fmla="*/ 1306 w 299166"/>
                <a:gd name="connsiteY0" fmla="*/ 88961 h 561214"/>
                <a:gd name="connsiteX1" fmla="*/ 111623 w 299166"/>
                <a:gd name="connsiteY1" fmla="*/ 74 h 561214"/>
                <a:gd name="connsiteX2" fmla="*/ 240945 w 299166"/>
                <a:gd name="connsiteY2" fmla="*/ 73 h 561214"/>
                <a:gd name="connsiteX3" fmla="*/ 296496 w 299166"/>
                <a:gd name="connsiteY3" fmla="*/ 98486 h 561214"/>
                <a:gd name="connsiteX4" fmla="*/ 298878 w 299166"/>
                <a:gd name="connsiteY4" fmla="*/ 515933 h 561214"/>
                <a:gd name="connsiteX5" fmla="*/ 238228 w 299166"/>
                <a:gd name="connsiteY5" fmla="*/ 508425 h 561214"/>
                <a:gd name="connsiteX6" fmla="*/ 235845 w 299166"/>
                <a:gd name="connsiteY6" fmla="*/ 98849 h 561214"/>
                <a:gd name="connsiteX7" fmla="*/ 74258 w 299166"/>
                <a:gd name="connsiteY7" fmla="*/ 83326 h 561214"/>
                <a:gd name="connsiteX8" fmla="*/ 76303 w 299166"/>
                <a:gd name="connsiteY8" fmla="*/ 517949 h 561214"/>
                <a:gd name="connsiteX9" fmla="*/ 30660 w 299166"/>
                <a:gd name="connsiteY9" fmla="*/ 516713 h 561214"/>
                <a:gd name="connsiteX10" fmla="*/ 1306 w 299166"/>
                <a:gd name="connsiteY10" fmla="*/ 88961 h 561214"/>
                <a:gd name="connsiteX0" fmla="*/ 1306 w 299166"/>
                <a:gd name="connsiteY0" fmla="*/ 88961 h 561214"/>
                <a:gd name="connsiteX1" fmla="*/ 111623 w 299166"/>
                <a:gd name="connsiteY1" fmla="*/ 74 h 561214"/>
                <a:gd name="connsiteX2" fmla="*/ 240945 w 299166"/>
                <a:gd name="connsiteY2" fmla="*/ 73 h 561214"/>
                <a:gd name="connsiteX3" fmla="*/ 296496 w 299166"/>
                <a:gd name="connsiteY3" fmla="*/ 98486 h 561214"/>
                <a:gd name="connsiteX4" fmla="*/ 298878 w 299166"/>
                <a:gd name="connsiteY4" fmla="*/ 515933 h 561214"/>
                <a:gd name="connsiteX5" fmla="*/ 238228 w 299166"/>
                <a:gd name="connsiteY5" fmla="*/ 508425 h 561214"/>
                <a:gd name="connsiteX6" fmla="*/ 233464 w 299166"/>
                <a:gd name="connsiteY6" fmla="*/ 98849 h 561214"/>
                <a:gd name="connsiteX7" fmla="*/ 74258 w 299166"/>
                <a:gd name="connsiteY7" fmla="*/ 83326 h 561214"/>
                <a:gd name="connsiteX8" fmla="*/ 76303 w 299166"/>
                <a:gd name="connsiteY8" fmla="*/ 517949 h 561214"/>
                <a:gd name="connsiteX9" fmla="*/ 30660 w 299166"/>
                <a:gd name="connsiteY9" fmla="*/ 516713 h 561214"/>
                <a:gd name="connsiteX10" fmla="*/ 1306 w 299166"/>
                <a:gd name="connsiteY10" fmla="*/ 88961 h 561214"/>
                <a:gd name="connsiteX0" fmla="*/ 1306 w 299166"/>
                <a:gd name="connsiteY0" fmla="*/ 88961 h 561214"/>
                <a:gd name="connsiteX1" fmla="*/ 111623 w 299166"/>
                <a:gd name="connsiteY1" fmla="*/ 74 h 561214"/>
                <a:gd name="connsiteX2" fmla="*/ 240945 w 299166"/>
                <a:gd name="connsiteY2" fmla="*/ 73 h 561214"/>
                <a:gd name="connsiteX3" fmla="*/ 296496 w 299166"/>
                <a:gd name="connsiteY3" fmla="*/ 98486 h 561214"/>
                <a:gd name="connsiteX4" fmla="*/ 298878 w 299166"/>
                <a:gd name="connsiteY4" fmla="*/ 515933 h 561214"/>
                <a:gd name="connsiteX5" fmla="*/ 238228 w 299166"/>
                <a:gd name="connsiteY5" fmla="*/ 508425 h 561214"/>
                <a:gd name="connsiteX6" fmla="*/ 233464 w 299166"/>
                <a:gd name="connsiteY6" fmla="*/ 98849 h 561214"/>
                <a:gd name="connsiteX7" fmla="*/ 74258 w 299166"/>
                <a:gd name="connsiteY7" fmla="*/ 83326 h 561214"/>
                <a:gd name="connsiteX8" fmla="*/ 76303 w 299166"/>
                <a:gd name="connsiteY8" fmla="*/ 517949 h 561214"/>
                <a:gd name="connsiteX9" fmla="*/ 30660 w 299166"/>
                <a:gd name="connsiteY9" fmla="*/ 516713 h 561214"/>
                <a:gd name="connsiteX10" fmla="*/ 1306 w 299166"/>
                <a:gd name="connsiteY10" fmla="*/ 88961 h 561214"/>
                <a:gd name="connsiteX0" fmla="*/ 1306 w 299166"/>
                <a:gd name="connsiteY0" fmla="*/ 88961 h 540378"/>
                <a:gd name="connsiteX1" fmla="*/ 111623 w 299166"/>
                <a:gd name="connsiteY1" fmla="*/ 74 h 540378"/>
                <a:gd name="connsiteX2" fmla="*/ 240945 w 299166"/>
                <a:gd name="connsiteY2" fmla="*/ 73 h 540378"/>
                <a:gd name="connsiteX3" fmla="*/ 296496 w 299166"/>
                <a:gd name="connsiteY3" fmla="*/ 98486 h 540378"/>
                <a:gd name="connsiteX4" fmla="*/ 298878 w 299166"/>
                <a:gd name="connsiteY4" fmla="*/ 515933 h 540378"/>
                <a:gd name="connsiteX5" fmla="*/ 238228 w 299166"/>
                <a:gd name="connsiteY5" fmla="*/ 508425 h 540378"/>
                <a:gd name="connsiteX6" fmla="*/ 233464 w 299166"/>
                <a:gd name="connsiteY6" fmla="*/ 98849 h 540378"/>
                <a:gd name="connsiteX7" fmla="*/ 74258 w 299166"/>
                <a:gd name="connsiteY7" fmla="*/ 83326 h 540378"/>
                <a:gd name="connsiteX8" fmla="*/ 76303 w 299166"/>
                <a:gd name="connsiteY8" fmla="*/ 517949 h 540378"/>
                <a:gd name="connsiteX9" fmla="*/ 30660 w 299166"/>
                <a:gd name="connsiteY9" fmla="*/ 516713 h 540378"/>
                <a:gd name="connsiteX10" fmla="*/ 1306 w 299166"/>
                <a:gd name="connsiteY10" fmla="*/ 88961 h 540378"/>
                <a:gd name="connsiteX0" fmla="*/ 1306 w 299166"/>
                <a:gd name="connsiteY0" fmla="*/ 88961 h 517949"/>
                <a:gd name="connsiteX1" fmla="*/ 111623 w 299166"/>
                <a:gd name="connsiteY1" fmla="*/ 74 h 517949"/>
                <a:gd name="connsiteX2" fmla="*/ 240945 w 299166"/>
                <a:gd name="connsiteY2" fmla="*/ 73 h 517949"/>
                <a:gd name="connsiteX3" fmla="*/ 296496 w 299166"/>
                <a:gd name="connsiteY3" fmla="*/ 98486 h 517949"/>
                <a:gd name="connsiteX4" fmla="*/ 298878 w 299166"/>
                <a:gd name="connsiteY4" fmla="*/ 515933 h 517949"/>
                <a:gd name="connsiteX5" fmla="*/ 238228 w 299166"/>
                <a:gd name="connsiteY5" fmla="*/ 508425 h 517949"/>
                <a:gd name="connsiteX6" fmla="*/ 233464 w 299166"/>
                <a:gd name="connsiteY6" fmla="*/ 98849 h 517949"/>
                <a:gd name="connsiteX7" fmla="*/ 74258 w 299166"/>
                <a:gd name="connsiteY7" fmla="*/ 83326 h 517949"/>
                <a:gd name="connsiteX8" fmla="*/ 76303 w 299166"/>
                <a:gd name="connsiteY8" fmla="*/ 517949 h 517949"/>
                <a:gd name="connsiteX9" fmla="*/ 30660 w 299166"/>
                <a:gd name="connsiteY9" fmla="*/ 516713 h 517949"/>
                <a:gd name="connsiteX10" fmla="*/ 1306 w 299166"/>
                <a:gd name="connsiteY10" fmla="*/ 88961 h 517949"/>
                <a:gd name="connsiteX0" fmla="*/ 1306 w 299166"/>
                <a:gd name="connsiteY0" fmla="*/ 88961 h 517949"/>
                <a:gd name="connsiteX1" fmla="*/ 111623 w 299166"/>
                <a:gd name="connsiteY1" fmla="*/ 74 h 517949"/>
                <a:gd name="connsiteX2" fmla="*/ 240945 w 299166"/>
                <a:gd name="connsiteY2" fmla="*/ 73 h 517949"/>
                <a:gd name="connsiteX3" fmla="*/ 296496 w 299166"/>
                <a:gd name="connsiteY3" fmla="*/ 98486 h 517949"/>
                <a:gd name="connsiteX4" fmla="*/ 298878 w 299166"/>
                <a:gd name="connsiteY4" fmla="*/ 515933 h 517949"/>
                <a:gd name="connsiteX5" fmla="*/ 238228 w 299166"/>
                <a:gd name="connsiteY5" fmla="*/ 508425 h 517949"/>
                <a:gd name="connsiteX6" fmla="*/ 233464 w 299166"/>
                <a:gd name="connsiteY6" fmla="*/ 98849 h 517949"/>
                <a:gd name="connsiteX7" fmla="*/ 74258 w 299166"/>
                <a:gd name="connsiteY7" fmla="*/ 83326 h 517949"/>
                <a:gd name="connsiteX8" fmla="*/ 76303 w 299166"/>
                <a:gd name="connsiteY8" fmla="*/ 517949 h 517949"/>
                <a:gd name="connsiteX9" fmla="*/ 30660 w 299166"/>
                <a:gd name="connsiteY9" fmla="*/ 516713 h 517949"/>
                <a:gd name="connsiteX10" fmla="*/ 1306 w 299166"/>
                <a:gd name="connsiteY10" fmla="*/ 88961 h 517949"/>
                <a:gd name="connsiteX0" fmla="*/ 1306 w 299166"/>
                <a:gd name="connsiteY0" fmla="*/ 88961 h 517949"/>
                <a:gd name="connsiteX1" fmla="*/ 111623 w 299166"/>
                <a:gd name="connsiteY1" fmla="*/ 74 h 517949"/>
                <a:gd name="connsiteX2" fmla="*/ 240945 w 299166"/>
                <a:gd name="connsiteY2" fmla="*/ 73 h 517949"/>
                <a:gd name="connsiteX3" fmla="*/ 296496 w 299166"/>
                <a:gd name="connsiteY3" fmla="*/ 98486 h 517949"/>
                <a:gd name="connsiteX4" fmla="*/ 298878 w 299166"/>
                <a:gd name="connsiteY4" fmla="*/ 515933 h 517949"/>
                <a:gd name="connsiteX5" fmla="*/ 238228 w 299166"/>
                <a:gd name="connsiteY5" fmla="*/ 508425 h 517949"/>
                <a:gd name="connsiteX6" fmla="*/ 233464 w 299166"/>
                <a:gd name="connsiteY6" fmla="*/ 98849 h 517949"/>
                <a:gd name="connsiteX7" fmla="*/ 74258 w 299166"/>
                <a:gd name="connsiteY7" fmla="*/ 83326 h 517949"/>
                <a:gd name="connsiteX8" fmla="*/ 76303 w 299166"/>
                <a:gd name="connsiteY8" fmla="*/ 517949 h 517949"/>
                <a:gd name="connsiteX9" fmla="*/ 30660 w 299166"/>
                <a:gd name="connsiteY9" fmla="*/ 516713 h 517949"/>
                <a:gd name="connsiteX10" fmla="*/ 1306 w 299166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4026 h 517949"/>
                <a:gd name="connsiteX5" fmla="*/ 238228 w 296954"/>
                <a:gd name="connsiteY5" fmla="*/ 508425 h 517949"/>
                <a:gd name="connsiteX6" fmla="*/ 233464 w 296954"/>
                <a:gd name="connsiteY6" fmla="*/ 98849 h 517949"/>
                <a:gd name="connsiteX7" fmla="*/ 74258 w 296954"/>
                <a:gd name="connsiteY7" fmla="*/ 83326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8228 w 296954"/>
                <a:gd name="connsiteY5" fmla="*/ 508425 h 517949"/>
                <a:gd name="connsiteX6" fmla="*/ 233464 w 296954"/>
                <a:gd name="connsiteY6" fmla="*/ 98849 h 517949"/>
                <a:gd name="connsiteX7" fmla="*/ 74258 w 296954"/>
                <a:gd name="connsiteY7" fmla="*/ 83326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8228 w 296954"/>
                <a:gd name="connsiteY5" fmla="*/ 508425 h 517949"/>
                <a:gd name="connsiteX6" fmla="*/ 235845 w 296954"/>
                <a:gd name="connsiteY6" fmla="*/ 98849 h 517949"/>
                <a:gd name="connsiteX7" fmla="*/ 74258 w 296954"/>
                <a:gd name="connsiteY7" fmla="*/ 83326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8228 w 296954"/>
                <a:gd name="connsiteY5" fmla="*/ 508425 h 517949"/>
                <a:gd name="connsiteX6" fmla="*/ 235845 w 296954"/>
                <a:gd name="connsiteY6" fmla="*/ 98849 h 517949"/>
                <a:gd name="connsiteX7" fmla="*/ 74258 w 296954"/>
                <a:gd name="connsiteY7" fmla="*/ 83326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8228 w 296954"/>
                <a:gd name="connsiteY5" fmla="*/ 508425 h 517949"/>
                <a:gd name="connsiteX6" fmla="*/ 235845 w 296954"/>
                <a:gd name="connsiteY6" fmla="*/ 98849 h 517949"/>
                <a:gd name="connsiteX7" fmla="*/ 74258 w 296954"/>
                <a:gd name="connsiteY7" fmla="*/ 83326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8228 w 296954"/>
                <a:gd name="connsiteY5" fmla="*/ 508425 h 517949"/>
                <a:gd name="connsiteX6" fmla="*/ 235845 w 296954"/>
                <a:gd name="connsiteY6" fmla="*/ 98849 h 517949"/>
                <a:gd name="connsiteX7" fmla="*/ 74258 w 296954"/>
                <a:gd name="connsiteY7" fmla="*/ 83326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8228 w 296954"/>
                <a:gd name="connsiteY5" fmla="*/ 508425 h 517949"/>
                <a:gd name="connsiteX6" fmla="*/ 235845 w 296954"/>
                <a:gd name="connsiteY6" fmla="*/ 98849 h 517949"/>
                <a:gd name="connsiteX7" fmla="*/ 74258 w 296954"/>
                <a:gd name="connsiteY7" fmla="*/ 83326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8228 w 296954"/>
                <a:gd name="connsiteY5" fmla="*/ 508425 h 517949"/>
                <a:gd name="connsiteX6" fmla="*/ 235845 w 296954"/>
                <a:gd name="connsiteY6" fmla="*/ 98849 h 517949"/>
                <a:gd name="connsiteX7" fmla="*/ 74258 w 296954"/>
                <a:gd name="connsiteY7" fmla="*/ 83326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8228 w 296954"/>
                <a:gd name="connsiteY5" fmla="*/ 508425 h 517949"/>
                <a:gd name="connsiteX6" fmla="*/ 235845 w 296954"/>
                <a:gd name="connsiteY6" fmla="*/ 98849 h 517949"/>
                <a:gd name="connsiteX7" fmla="*/ 74258 w 296954"/>
                <a:gd name="connsiteY7" fmla="*/ 83326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8228 w 296954"/>
                <a:gd name="connsiteY5" fmla="*/ 508425 h 517949"/>
                <a:gd name="connsiteX6" fmla="*/ 235845 w 296954"/>
                <a:gd name="connsiteY6" fmla="*/ 98849 h 517949"/>
                <a:gd name="connsiteX7" fmla="*/ 74258 w 296954"/>
                <a:gd name="connsiteY7" fmla="*/ 83326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8228 w 296954"/>
                <a:gd name="connsiteY5" fmla="*/ 508425 h 517949"/>
                <a:gd name="connsiteX6" fmla="*/ 235845 w 296954"/>
                <a:gd name="connsiteY6" fmla="*/ 98849 h 517949"/>
                <a:gd name="connsiteX7" fmla="*/ 74258 w 296954"/>
                <a:gd name="connsiteY7" fmla="*/ 83326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8228 w 296954"/>
                <a:gd name="connsiteY5" fmla="*/ 508425 h 517949"/>
                <a:gd name="connsiteX6" fmla="*/ 235845 w 296954"/>
                <a:gd name="connsiteY6" fmla="*/ 98849 h 517949"/>
                <a:gd name="connsiteX7" fmla="*/ 74258 w 296954"/>
                <a:gd name="connsiteY7" fmla="*/ 83326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8228 w 296954"/>
                <a:gd name="connsiteY5" fmla="*/ 508425 h 517949"/>
                <a:gd name="connsiteX6" fmla="*/ 235845 w 296954"/>
                <a:gd name="connsiteY6" fmla="*/ 98849 h 517949"/>
                <a:gd name="connsiteX7" fmla="*/ 74258 w 296954"/>
                <a:gd name="connsiteY7" fmla="*/ 83326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8228 w 296954"/>
                <a:gd name="connsiteY5" fmla="*/ 508425 h 517949"/>
                <a:gd name="connsiteX6" fmla="*/ 235845 w 296954"/>
                <a:gd name="connsiteY6" fmla="*/ 103611 h 517949"/>
                <a:gd name="connsiteX7" fmla="*/ 74258 w 296954"/>
                <a:gd name="connsiteY7" fmla="*/ 83326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5847 w 296954"/>
                <a:gd name="connsiteY5" fmla="*/ 508425 h 517949"/>
                <a:gd name="connsiteX6" fmla="*/ 235845 w 296954"/>
                <a:gd name="connsiteY6" fmla="*/ 103611 h 517949"/>
                <a:gd name="connsiteX7" fmla="*/ 74258 w 296954"/>
                <a:gd name="connsiteY7" fmla="*/ 83326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5847 w 296954"/>
                <a:gd name="connsiteY5" fmla="*/ 508425 h 517949"/>
                <a:gd name="connsiteX6" fmla="*/ 238226 w 296954"/>
                <a:gd name="connsiteY6" fmla="*/ 108374 h 517949"/>
                <a:gd name="connsiteX7" fmla="*/ 74258 w 296954"/>
                <a:gd name="connsiteY7" fmla="*/ 83326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5847 w 296954"/>
                <a:gd name="connsiteY5" fmla="*/ 508425 h 517949"/>
                <a:gd name="connsiteX6" fmla="*/ 235845 w 296954"/>
                <a:gd name="connsiteY6" fmla="*/ 108374 h 517949"/>
                <a:gd name="connsiteX7" fmla="*/ 74258 w 296954"/>
                <a:gd name="connsiteY7" fmla="*/ 83326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5847 w 296954"/>
                <a:gd name="connsiteY5" fmla="*/ 508425 h 517949"/>
                <a:gd name="connsiteX6" fmla="*/ 245370 w 296954"/>
                <a:gd name="connsiteY6" fmla="*/ 108374 h 517949"/>
                <a:gd name="connsiteX7" fmla="*/ 74258 w 296954"/>
                <a:gd name="connsiteY7" fmla="*/ 83326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5847 w 296954"/>
                <a:gd name="connsiteY5" fmla="*/ 508425 h 517949"/>
                <a:gd name="connsiteX6" fmla="*/ 235845 w 296954"/>
                <a:gd name="connsiteY6" fmla="*/ 113137 h 517949"/>
                <a:gd name="connsiteX7" fmla="*/ 74258 w 296954"/>
                <a:gd name="connsiteY7" fmla="*/ 83326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5847 w 296954"/>
                <a:gd name="connsiteY5" fmla="*/ 508425 h 517949"/>
                <a:gd name="connsiteX6" fmla="*/ 242989 w 296954"/>
                <a:gd name="connsiteY6" fmla="*/ 113137 h 517949"/>
                <a:gd name="connsiteX7" fmla="*/ 74258 w 296954"/>
                <a:gd name="connsiteY7" fmla="*/ 83326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5847 w 296954"/>
                <a:gd name="connsiteY5" fmla="*/ 508425 h 517949"/>
                <a:gd name="connsiteX6" fmla="*/ 235845 w 296954"/>
                <a:gd name="connsiteY6" fmla="*/ 113137 h 517949"/>
                <a:gd name="connsiteX7" fmla="*/ 74258 w 296954"/>
                <a:gd name="connsiteY7" fmla="*/ 83326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5847 w 296954"/>
                <a:gd name="connsiteY5" fmla="*/ 508425 h 517949"/>
                <a:gd name="connsiteX6" fmla="*/ 235845 w 296954"/>
                <a:gd name="connsiteY6" fmla="*/ 115518 h 517949"/>
                <a:gd name="connsiteX7" fmla="*/ 74258 w 296954"/>
                <a:gd name="connsiteY7" fmla="*/ 83326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5847 w 296954"/>
                <a:gd name="connsiteY5" fmla="*/ 508425 h 517949"/>
                <a:gd name="connsiteX6" fmla="*/ 228701 w 296954"/>
                <a:gd name="connsiteY6" fmla="*/ 96468 h 517949"/>
                <a:gd name="connsiteX7" fmla="*/ 74258 w 296954"/>
                <a:gd name="connsiteY7" fmla="*/ 83326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5847 w 296954"/>
                <a:gd name="connsiteY5" fmla="*/ 508425 h 517949"/>
                <a:gd name="connsiteX6" fmla="*/ 231082 w 296954"/>
                <a:gd name="connsiteY6" fmla="*/ 94087 h 517949"/>
                <a:gd name="connsiteX7" fmla="*/ 74258 w 296954"/>
                <a:gd name="connsiteY7" fmla="*/ 83326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5847 w 296954"/>
                <a:gd name="connsiteY5" fmla="*/ 508425 h 517949"/>
                <a:gd name="connsiteX6" fmla="*/ 235844 w 296954"/>
                <a:gd name="connsiteY6" fmla="*/ 94087 h 517949"/>
                <a:gd name="connsiteX7" fmla="*/ 74258 w 296954"/>
                <a:gd name="connsiteY7" fmla="*/ 83326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5847 w 296954"/>
                <a:gd name="connsiteY5" fmla="*/ 508425 h 517949"/>
                <a:gd name="connsiteX6" fmla="*/ 238226 w 296954"/>
                <a:gd name="connsiteY6" fmla="*/ 94087 h 517949"/>
                <a:gd name="connsiteX7" fmla="*/ 74258 w 296954"/>
                <a:gd name="connsiteY7" fmla="*/ 83326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5847 w 296954"/>
                <a:gd name="connsiteY5" fmla="*/ 508425 h 517949"/>
                <a:gd name="connsiteX6" fmla="*/ 238226 w 296954"/>
                <a:gd name="connsiteY6" fmla="*/ 94087 h 517949"/>
                <a:gd name="connsiteX7" fmla="*/ 74258 w 296954"/>
                <a:gd name="connsiteY7" fmla="*/ 83326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5847 w 296954"/>
                <a:gd name="connsiteY5" fmla="*/ 508425 h 517949"/>
                <a:gd name="connsiteX6" fmla="*/ 238226 w 296954"/>
                <a:gd name="connsiteY6" fmla="*/ 91706 h 517949"/>
                <a:gd name="connsiteX7" fmla="*/ 74258 w 296954"/>
                <a:gd name="connsiteY7" fmla="*/ 83326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5847 w 296954"/>
                <a:gd name="connsiteY5" fmla="*/ 508425 h 517949"/>
                <a:gd name="connsiteX6" fmla="*/ 235845 w 296954"/>
                <a:gd name="connsiteY6" fmla="*/ 94088 h 517949"/>
                <a:gd name="connsiteX7" fmla="*/ 74258 w 296954"/>
                <a:gd name="connsiteY7" fmla="*/ 83326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5847 w 296954"/>
                <a:gd name="connsiteY5" fmla="*/ 508425 h 517949"/>
                <a:gd name="connsiteX6" fmla="*/ 235845 w 296954"/>
                <a:gd name="connsiteY6" fmla="*/ 94088 h 517949"/>
                <a:gd name="connsiteX7" fmla="*/ 74258 w 296954"/>
                <a:gd name="connsiteY7" fmla="*/ 99995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5847 w 296954"/>
                <a:gd name="connsiteY5" fmla="*/ 508425 h 517949"/>
                <a:gd name="connsiteX6" fmla="*/ 235845 w 296954"/>
                <a:gd name="connsiteY6" fmla="*/ 94088 h 517949"/>
                <a:gd name="connsiteX7" fmla="*/ 74258 w 296954"/>
                <a:gd name="connsiteY7" fmla="*/ 99995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5847 w 296954"/>
                <a:gd name="connsiteY5" fmla="*/ 508425 h 517949"/>
                <a:gd name="connsiteX6" fmla="*/ 235845 w 296954"/>
                <a:gd name="connsiteY6" fmla="*/ 94088 h 517949"/>
                <a:gd name="connsiteX7" fmla="*/ 74258 w 296954"/>
                <a:gd name="connsiteY7" fmla="*/ 99995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5847 w 296954"/>
                <a:gd name="connsiteY5" fmla="*/ 508425 h 517949"/>
                <a:gd name="connsiteX6" fmla="*/ 235845 w 296954"/>
                <a:gd name="connsiteY6" fmla="*/ 94088 h 517949"/>
                <a:gd name="connsiteX7" fmla="*/ 74258 w 296954"/>
                <a:gd name="connsiteY7" fmla="*/ 99995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5847 w 296954"/>
                <a:gd name="connsiteY5" fmla="*/ 508425 h 517949"/>
                <a:gd name="connsiteX6" fmla="*/ 235845 w 296954"/>
                <a:gd name="connsiteY6" fmla="*/ 94088 h 517949"/>
                <a:gd name="connsiteX7" fmla="*/ 74258 w 296954"/>
                <a:gd name="connsiteY7" fmla="*/ 99995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5847 w 296954"/>
                <a:gd name="connsiteY5" fmla="*/ 508425 h 517949"/>
                <a:gd name="connsiteX6" fmla="*/ 233464 w 296954"/>
                <a:gd name="connsiteY6" fmla="*/ 91707 h 517949"/>
                <a:gd name="connsiteX7" fmla="*/ 74258 w 296954"/>
                <a:gd name="connsiteY7" fmla="*/ 99995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1306 w 296954"/>
                <a:gd name="connsiteY0" fmla="*/ 88961 h 517949"/>
                <a:gd name="connsiteX1" fmla="*/ 111623 w 296954"/>
                <a:gd name="connsiteY1" fmla="*/ 74 h 517949"/>
                <a:gd name="connsiteX2" fmla="*/ 240945 w 296954"/>
                <a:gd name="connsiteY2" fmla="*/ 73 h 517949"/>
                <a:gd name="connsiteX3" fmla="*/ 296496 w 296954"/>
                <a:gd name="connsiteY3" fmla="*/ 98486 h 517949"/>
                <a:gd name="connsiteX4" fmla="*/ 296496 w 296954"/>
                <a:gd name="connsiteY4" fmla="*/ 506407 h 517949"/>
                <a:gd name="connsiteX5" fmla="*/ 235847 w 296954"/>
                <a:gd name="connsiteY5" fmla="*/ 508425 h 517949"/>
                <a:gd name="connsiteX6" fmla="*/ 233464 w 296954"/>
                <a:gd name="connsiteY6" fmla="*/ 91707 h 517949"/>
                <a:gd name="connsiteX7" fmla="*/ 74258 w 296954"/>
                <a:gd name="connsiteY7" fmla="*/ 99995 h 517949"/>
                <a:gd name="connsiteX8" fmla="*/ 76303 w 296954"/>
                <a:gd name="connsiteY8" fmla="*/ 517949 h 517949"/>
                <a:gd name="connsiteX9" fmla="*/ 30660 w 296954"/>
                <a:gd name="connsiteY9" fmla="*/ 516713 h 517949"/>
                <a:gd name="connsiteX10" fmla="*/ 1306 w 296954"/>
                <a:gd name="connsiteY10" fmla="*/ 88961 h 517949"/>
                <a:gd name="connsiteX0" fmla="*/ 273 w 295921"/>
                <a:gd name="connsiteY0" fmla="*/ 88961 h 517949"/>
                <a:gd name="connsiteX1" fmla="*/ 110590 w 295921"/>
                <a:gd name="connsiteY1" fmla="*/ 74 h 517949"/>
                <a:gd name="connsiteX2" fmla="*/ 239912 w 295921"/>
                <a:gd name="connsiteY2" fmla="*/ 73 h 517949"/>
                <a:gd name="connsiteX3" fmla="*/ 295463 w 295921"/>
                <a:gd name="connsiteY3" fmla="*/ 98486 h 517949"/>
                <a:gd name="connsiteX4" fmla="*/ 295463 w 295921"/>
                <a:gd name="connsiteY4" fmla="*/ 506407 h 517949"/>
                <a:gd name="connsiteX5" fmla="*/ 234814 w 295921"/>
                <a:gd name="connsiteY5" fmla="*/ 508425 h 517949"/>
                <a:gd name="connsiteX6" fmla="*/ 232431 w 295921"/>
                <a:gd name="connsiteY6" fmla="*/ 91707 h 517949"/>
                <a:gd name="connsiteX7" fmla="*/ 73225 w 295921"/>
                <a:gd name="connsiteY7" fmla="*/ 99995 h 517949"/>
                <a:gd name="connsiteX8" fmla="*/ 75270 w 295921"/>
                <a:gd name="connsiteY8" fmla="*/ 517949 h 517949"/>
                <a:gd name="connsiteX9" fmla="*/ 29627 w 295921"/>
                <a:gd name="connsiteY9" fmla="*/ 516713 h 517949"/>
                <a:gd name="connsiteX10" fmla="*/ 273 w 295921"/>
                <a:gd name="connsiteY10" fmla="*/ 88961 h 517949"/>
                <a:gd name="connsiteX0" fmla="*/ 1304 w 296952"/>
                <a:gd name="connsiteY0" fmla="*/ 88961 h 517949"/>
                <a:gd name="connsiteX1" fmla="*/ 111621 w 296952"/>
                <a:gd name="connsiteY1" fmla="*/ 74 h 517949"/>
                <a:gd name="connsiteX2" fmla="*/ 240943 w 296952"/>
                <a:gd name="connsiteY2" fmla="*/ 73 h 517949"/>
                <a:gd name="connsiteX3" fmla="*/ 296494 w 296952"/>
                <a:gd name="connsiteY3" fmla="*/ 98486 h 517949"/>
                <a:gd name="connsiteX4" fmla="*/ 296494 w 296952"/>
                <a:gd name="connsiteY4" fmla="*/ 506407 h 517949"/>
                <a:gd name="connsiteX5" fmla="*/ 235845 w 296952"/>
                <a:gd name="connsiteY5" fmla="*/ 508425 h 517949"/>
                <a:gd name="connsiteX6" fmla="*/ 233462 w 296952"/>
                <a:gd name="connsiteY6" fmla="*/ 91707 h 517949"/>
                <a:gd name="connsiteX7" fmla="*/ 74256 w 296952"/>
                <a:gd name="connsiteY7" fmla="*/ 99995 h 517949"/>
                <a:gd name="connsiteX8" fmla="*/ 76301 w 296952"/>
                <a:gd name="connsiteY8" fmla="*/ 517949 h 517949"/>
                <a:gd name="connsiteX9" fmla="*/ 30658 w 296952"/>
                <a:gd name="connsiteY9" fmla="*/ 516713 h 517949"/>
                <a:gd name="connsiteX10" fmla="*/ 1304 w 296952"/>
                <a:gd name="connsiteY10" fmla="*/ 88961 h 517949"/>
                <a:gd name="connsiteX0" fmla="*/ 1304 w 296952"/>
                <a:gd name="connsiteY0" fmla="*/ 88961 h 517949"/>
                <a:gd name="connsiteX1" fmla="*/ 111621 w 296952"/>
                <a:gd name="connsiteY1" fmla="*/ 74 h 517949"/>
                <a:gd name="connsiteX2" fmla="*/ 240943 w 296952"/>
                <a:gd name="connsiteY2" fmla="*/ 73 h 517949"/>
                <a:gd name="connsiteX3" fmla="*/ 296494 w 296952"/>
                <a:gd name="connsiteY3" fmla="*/ 98486 h 517949"/>
                <a:gd name="connsiteX4" fmla="*/ 296494 w 296952"/>
                <a:gd name="connsiteY4" fmla="*/ 506407 h 517949"/>
                <a:gd name="connsiteX5" fmla="*/ 235845 w 296952"/>
                <a:gd name="connsiteY5" fmla="*/ 508425 h 517949"/>
                <a:gd name="connsiteX6" fmla="*/ 233462 w 296952"/>
                <a:gd name="connsiteY6" fmla="*/ 91707 h 517949"/>
                <a:gd name="connsiteX7" fmla="*/ 74256 w 296952"/>
                <a:gd name="connsiteY7" fmla="*/ 99995 h 517949"/>
                <a:gd name="connsiteX8" fmla="*/ 76301 w 296952"/>
                <a:gd name="connsiteY8" fmla="*/ 517949 h 517949"/>
                <a:gd name="connsiteX9" fmla="*/ 30658 w 296952"/>
                <a:gd name="connsiteY9" fmla="*/ 516713 h 517949"/>
                <a:gd name="connsiteX10" fmla="*/ 1304 w 296952"/>
                <a:gd name="connsiteY10" fmla="*/ 88961 h 517949"/>
                <a:gd name="connsiteX0" fmla="*/ 1304 w 296952"/>
                <a:gd name="connsiteY0" fmla="*/ 88961 h 517949"/>
                <a:gd name="connsiteX1" fmla="*/ 111621 w 296952"/>
                <a:gd name="connsiteY1" fmla="*/ 74 h 517949"/>
                <a:gd name="connsiteX2" fmla="*/ 240943 w 296952"/>
                <a:gd name="connsiteY2" fmla="*/ 73 h 517949"/>
                <a:gd name="connsiteX3" fmla="*/ 296494 w 296952"/>
                <a:gd name="connsiteY3" fmla="*/ 98486 h 517949"/>
                <a:gd name="connsiteX4" fmla="*/ 296494 w 296952"/>
                <a:gd name="connsiteY4" fmla="*/ 506407 h 517949"/>
                <a:gd name="connsiteX5" fmla="*/ 235845 w 296952"/>
                <a:gd name="connsiteY5" fmla="*/ 508425 h 517949"/>
                <a:gd name="connsiteX6" fmla="*/ 233462 w 296952"/>
                <a:gd name="connsiteY6" fmla="*/ 91707 h 517949"/>
                <a:gd name="connsiteX7" fmla="*/ 74256 w 296952"/>
                <a:gd name="connsiteY7" fmla="*/ 99995 h 517949"/>
                <a:gd name="connsiteX8" fmla="*/ 76301 w 296952"/>
                <a:gd name="connsiteY8" fmla="*/ 517949 h 517949"/>
                <a:gd name="connsiteX9" fmla="*/ 30658 w 296952"/>
                <a:gd name="connsiteY9" fmla="*/ 516713 h 517949"/>
                <a:gd name="connsiteX10" fmla="*/ 1304 w 296952"/>
                <a:gd name="connsiteY10" fmla="*/ 88961 h 517949"/>
                <a:gd name="connsiteX0" fmla="*/ 1304 w 298844"/>
                <a:gd name="connsiteY0" fmla="*/ 88961 h 517949"/>
                <a:gd name="connsiteX1" fmla="*/ 111621 w 298844"/>
                <a:gd name="connsiteY1" fmla="*/ 74 h 517949"/>
                <a:gd name="connsiteX2" fmla="*/ 240943 w 298844"/>
                <a:gd name="connsiteY2" fmla="*/ 73 h 517949"/>
                <a:gd name="connsiteX3" fmla="*/ 296494 w 298844"/>
                <a:gd name="connsiteY3" fmla="*/ 98486 h 517949"/>
                <a:gd name="connsiteX4" fmla="*/ 296494 w 298844"/>
                <a:gd name="connsiteY4" fmla="*/ 506407 h 517949"/>
                <a:gd name="connsiteX5" fmla="*/ 235845 w 298844"/>
                <a:gd name="connsiteY5" fmla="*/ 508425 h 517949"/>
                <a:gd name="connsiteX6" fmla="*/ 233462 w 298844"/>
                <a:gd name="connsiteY6" fmla="*/ 91707 h 517949"/>
                <a:gd name="connsiteX7" fmla="*/ 74256 w 298844"/>
                <a:gd name="connsiteY7" fmla="*/ 99995 h 517949"/>
                <a:gd name="connsiteX8" fmla="*/ 76301 w 298844"/>
                <a:gd name="connsiteY8" fmla="*/ 517949 h 517949"/>
                <a:gd name="connsiteX9" fmla="*/ 30658 w 298844"/>
                <a:gd name="connsiteY9" fmla="*/ 516713 h 517949"/>
                <a:gd name="connsiteX10" fmla="*/ 1304 w 298844"/>
                <a:gd name="connsiteY10" fmla="*/ 88961 h 517949"/>
                <a:gd name="connsiteX0" fmla="*/ 1304 w 297426"/>
                <a:gd name="connsiteY0" fmla="*/ 88961 h 517949"/>
                <a:gd name="connsiteX1" fmla="*/ 111621 w 297426"/>
                <a:gd name="connsiteY1" fmla="*/ 74 h 517949"/>
                <a:gd name="connsiteX2" fmla="*/ 240943 w 297426"/>
                <a:gd name="connsiteY2" fmla="*/ 73 h 517949"/>
                <a:gd name="connsiteX3" fmla="*/ 296494 w 297426"/>
                <a:gd name="connsiteY3" fmla="*/ 98486 h 517949"/>
                <a:gd name="connsiteX4" fmla="*/ 296494 w 297426"/>
                <a:gd name="connsiteY4" fmla="*/ 506407 h 517949"/>
                <a:gd name="connsiteX5" fmla="*/ 235845 w 297426"/>
                <a:gd name="connsiteY5" fmla="*/ 508425 h 517949"/>
                <a:gd name="connsiteX6" fmla="*/ 233462 w 297426"/>
                <a:gd name="connsiteY6" fmla="*/ 91707 h 517949"/>
                <a:gd name="connsiteX7" fmla="*/ 74256 w 297426"/>
                <a:gd name="connsiteY7" fmla="*/ 99995 h 517949"/>
                <a:gd name="connsiteX8" fmla="*/ 76301 w 297426"/>
                <a:gd name="connsiteY8" fmla="*/ 517949 h 517949"/>
                <a:gd name="connsiteX9" fmla="*/ 30658 w 297426"/>
                <a:gd name="connsiteY9" fmla="*/ 516713 h 517949"/>
                <a:gd name="connsiteX10" fmla="*/ 1304 w 297426"/>
                <a:gd name="connsiteY10" fmla="*/ 88961 h 517949"/>
                <a:gd name="connsiteX0" fmla="*/ 1304 w 296952"/>
                <a:gd name="connsiteY0" fmla="*/ 88961 h 517949"/>
                <a:gd name="connsiteX1" fmla="*/ 111621 w 296952"/>
                <a:gd name="connsiteY1" fmla="*/ 74 h 517949"/>
                <a:gd name="connsiteX2" fmla="*/ 240943 w 296952"/>
                <a:gd name="connsiteY2" fmla="*/ 73 h 517949"/>
                <a:gd name="connsiteX3" fmla="*/ 296494 w 296952"/>
                <a:gd name="connsiteY3" fmla="*/ 98486 h 517949"/>
                <a:gd name="connsiteX4" fmla="*/ 296494 w 296952"/>
                <a:gd name="connsiteY4" fmla="*/ 506407 h 517949"/>
                <a:gd name="connsiteX5" fmla="*/ 235845 w 296952"/>
                <a:gd name="connsiteY5" fmla="*/ 508425 h 517949"/>
                <a:gd name="connsiteX6" fmla="*/ 233462 w 296952"/>
                <a:gd name="connsiteY6" fmla="*/ 91707 h 517949"/>
                <a:gd name="connsiteX7" fmla="*/ 74256 w 296952"/>
                <a:gd name="connsiteY7" fmla="*/ 99995 h 517949"/>
                <a:gd name="connsiteX8" fmla="*/ 76301 w 296952"/>
                <a:gd name="connsiteY8" fmla="*/ 517949 h 517949"/>
                <a:gd name="connsiteX9" fmla="*/ 30658 w 296952"/>
                <a:gd name="connsiteY9" fmla="*/ 516713 h 517949"/>
                <a:gd name="connsiteX10" fmla="*/ 1304 w 296952"/>
                <a:gd name="connsiteY10" fmla="*/ 88961 h 517949"/>
                <a:gd name="connsiteX0" fmla="*/ 1304 w 300328"/>
                <a:gd name="connsiteY0" fmla="*/ 88961 h 517949"/>
                <a:gd name="connsiteX1" fmla="*/ 111621 w 300328"/>
                <a:gd name="connsiteY1" fmla="*/ 74 h 517949"/>
                <a:gd name="connsiteX2" fmla="*/ 240943 w 300328"/>
                <a:gd name="connsiteY2" fmla="*/ 73 h 517949"/>
                <a:gd name="connsiteX3" fmla="*/ 296494 w 300328"/>
                <a:gd name="connsiteY3" fmla="*/ 98486 h 517949"/>
                <a:gd name="connsiteX4" fmla="*/ 296494 w 300328"/>
                <a:gd name="connsiteY4" fmla="*/ 506407 h 517949"/>
                <a:gd name="connsiteX5" fmla="*/ 235845 w 300328"/>
                <a:gd name="connsiteY5" fmla="*/ 508425 h 517949"/>
                <a:gd name="connsiteX6" fmla="*/ 233462 w 300328"/>
                <a:gd name="connsiteY6" fmla="*/ 91707 h 517949"/>
                <a:gd name="connsiteX7" fmla="*/ 74256 w 300328"/>
                <a:gd name="connsiteY7" fmla="*/ 99995 h 517949"/>
                <a:gd name="connsiteX8" fmla="*/ 76301 w 300328"/>
                <a:gd name="connsiteY8" fmla="*/ 517949 h 517949"/>
                <a:gd name="connsiteX9" fmla="*/ 30658 w 300328"/>
                <a:gd name="connsiteY9" fmla="*/ 516713 h 517949"/>
                <a:gd name="connsiteX10" fmla="*/ 1304 w 300328"/>
                <a:gd name="connsiteY10" fmla="*/ 88961 h 517949"/>
                <a:gd name="connsiteX0" fmla="*/ 1304 w 296952"/>
                <a:gd name="connsiteY0" fmla="*/ 88961 h 517949"/>
                <a:gd name="connsiteX1" fmla="*/ 111621 w 296952"/>
                <a:gd name="connsiteY1" fmla="*/ 74 h 517949"/>
                <a:gd name="connsiteX2" fmla="*/ 240943 w 296952"/>
                <a:gd name="connsiteY2" fmla="*/ 73 h 517949"/>
                <a:gd name="connsiteX3" fmla="*/ 296494 w 296952"/>
                <a:gd name="connsiteY3" fmla="*/ 98486 h 517949"/>
                <a:gd name="connsiteX4" fmla="*/ 296494 w 296952"/>
                <a:gd name="connsiteY4" fmla="*/ 506407 h 517949"/>
                <a:gd name="connsiteX5" fmla="*/ 235845 w 296952"/>
                <a:gd name="connsiteY5" fmla="*/ 508425 h 517949"/>
                <a:gd name="connsiteX6" fmla="*/ 233462 w 296952"/>
                <a:gd name="connsiteY6" fmla="*/ 91707 h 517949"/>
                <a:gd name="connsiteX7" fmla="*/ 74256 w 296952"/>
                <a:gd name="connsiteY7" fmla="*/ 99995 h 517949"/>
                <a:gd name="connsiteX8" fmla="*/ 76301 w 296952"/>
                <a:gd name="connsiteY8" fmla="*/ 517949 h 517949"/>
                <a:gd name="connsiteX9" fmla="*/ 30658 w 296952"/>
                <a:gd name="connsiteY9" fmla="*/ 516713 h 517949"/>
                <a:gd name="connsiteX10" fmla="*/ 1304 w 296952"/>
                <a:gd name="connsiteY10" fmla="*/ 88961 h 517949"/>
                <a:gd name="connsiteX0" fmla="*/ 1304 w 296952"/>
                <a:gd name="connsiteY0" fmla="*/ 88961 h 517949"/>
                <a:gd name="connsiteX1" fmla="*/ 111621 w 296952"/>
                <a:gd name="connsiteY1" fmla="*/ 74 h 517949"/>
                <a:gd name="connsiteX2" fmla="*/ 240943 w 296952"/>
                <a:gd name="connsiteY2" fmla="*/ 73 h 517949"/>
                <a:gd name="connsiteX3" fmla="*/ 296494 w 296952"/>
                <a:gd name="connsiteY3" fmla="*/ 98486 h 517949"/>
                <a:gd name="connsiteX4" fmla="*/ 296494 w 296952"/>
                <a:gd name="connsiteY4" fmla="*/ 506407 h 517949"/>
                <a:gd name="connsiteX5" fmla="*/ 235845 w 296952"/>
                <a:gd name="connsiteY5" fmla="*/ 508425 h 517949"/>
                <a:gd name="connsiteX6" fmla="*/ 237048 w 296952"/>
                <a:gd name="connsiteY6" fmla="*/ 109637 h 517949"/>
                <a:gd name="connsiteX7" fmla="*/ 74256 w 296952"/>
                <a:gd name="connsiteY7" fmla="*/ 99995 h 517949"/>
                <a:gd name="connsiteX8" fmla="*/ 76301 w 296952"/>
                <a:gd name="connsiteY8" fmla="*/ 517949 h 517949"/>
                <a:gd name="connsiteX9" fmla="*/ 30658 w 296952"/>
                <a:gd name="connsiteY9" fmla="*/ 516713 h 517949"/>
                <a:gd name="connsiteX10" fmla="*/ 1304 w 296952"/>
                <a:gd name="connsiteY10" fmla="*/ 88961 h 517949"/>
                <a:gd name="connsiteX0" fmla="*/ 1304 w 296952"/>
                <a:gd name="connsiteY0" fmla="*/ 88961 h 517949"/>
                <a:gd name="connsiteX1" fmla="*/ 111621 w 296952"/>
                <a:gd name="connsiteY1" fmla="*/ 74 h 517949"/>
                <a:gd name="connsiteX2" fmla="*/ 240943 w 296952"/>
                <a:gd name="connsiteY2" fmla="*/ 73 h 517949"/>
                <a:gd name="connsiteX3" fmla="*/ 296494 w 296952"/>
                <a:gd name="connsiteY3" fmla="*/ 98486 h 517949"/>
                <a:gd name="connsiteX4" fmla="*/ 296494 w 296952"/>
                <a:gd name="connsiteY4" fmla="*/ 506407 h 517949"/>
                <a:gd name="connsiteX5" fmla="*/ 235845 w 296952"/>
                <a:gd name="connsiteY5" fmla="*/ 508425 h 517949"/>
                <a:gd name="connsiteX6" fmla="*/ 229876 w 296952"/>
                <a:gd name="connsiteY6" fmla="*/ 109637 h 517949"/>
                <a:gd name="connsiteX7" fmla="*/ 74256 w 296952"/>
                <a:gd name="connsiteY7" fmla="*/ 99995 h 517949"/>
                <a:gd name="connsiteX8" fmla="*/ 76301 w 296952"/>
                <a:gd name="connsiteY8" fmla="*/ 517949 h 517949"/>
                <a:gd name="connsiteX9" fmla="*/ 30658 w 296952"/>
                <a:gd name="connsiteY9" fmla="*/ 516713 h 517949"/>
                <a:gd name="connsiteX10" fmla="*/ 1304 w 296952"/>
                <a:gd name="connsiteY10" fmla="*/ 88961 h 517949"/>
                <a:gd name="connsiteX0" fmla="*/ 1304 w 296952"/>
                <a:gd name="connsiteY0" fmla="*/ 88961 h 517949"/>
                <a:gd name="connsiteX1" fmla="*/ 111621 w 296952"/>
                <a:gd name="connsiteY1" fmla="*/ 74 h 517949"/>
                <a:gd name="connsiteX2" fmla="*/ 240943 w 296952"/>
                <a:gd name="connsiteY2" fmla="*/ 73 h 517949"/>
                <a:gd name="connsiteX3" fmla="*/ 296494 w 296952"/>
                <a:gd name="connsiteY3" fmla="*/ 98486 h 517949"/>
                <a:gd name="connsiteX4" fmla="*/ 296494 w 296952"/>
                <a:gd name="connsiteY4" fmla="*/ 506407 h 517949"/>
                <a:gd name="connsiteX5" fmla="*/ 235845 w 296952"/>
                <a:gd name="connsiteY5" fmla="*/ 508425 h 517949"/>
                <a:gd name="connsiteX6" fmla="*/ 229876 w 296952"/>
                <a:gd name="connsiteY6" fmla="*/ 109637 h 517949"/>
                <a:gd name="connsiteX7" fmla="*/ 74256 w 296952"/>
                <a:gd name="connsiteY7" fmla="*/ 99995 h 517949"/>
                <a:gd name="connsiteX8" fmla="*/ 76301 w 296952"/>
                <a:gd name="connsiteY8" fmla="*/ 517949 h 517949"/>
                <a:gd name="connsiteX9" fmla="*/ 30658 w 296952"/>
                <a:gd name="connsiteY9" fmla="*/ 516713 h 517949"/>
                <a:gd name="connsiteX10" fmla="*/ 1304 w 296952"/>
                <a:gd name="connsiteY10" fmla="*/ 88961 h 517949"/>
                <a:gd name="connsiteX0" fmla="*/ 1304 w 303666"/>
                <a:gd name="connsiteY0" fmla="*/ 88961 h 517949"/>
                <a:gd name="connsiteX1" fmla="*/ 111621 w 303666"/>
                <a:gd name="connsiteY1" fmla="*/ 74 h 517949"/>
                <a:gd name="connsiteX2" fmla="*/ 240943 w 303666"/>
                <a:gd name="connsiteY2" fmla="*/ 73 h 517949"/>
                <a:gd name="connsiteX3" fmla="*/ 303666 w 303666"/>
                <a:gd name="connsiteY3" fmla="*/ 98486 h 517949"/>
                <a:gd name="connsiteX4" fmla="*/ 296494 w 303666"/>
                <a:gd name="connsiteY4" fmla="*/ 506407 h 517949"/>
                <a:gd name="connsiteX5" fmla="*/ 235845 w 303666"/>
                <a:gd name="connsiteY5" fmla="*/ 508425 h 517949"/>
                <a:gd name="connsiteX6" fmla="*/ 229876 w 303666"/>
                <a:gd name="connsiteY6" fmla="*/ 109637 h 517949"/>
                <a:gd name="connsiteX7" fmla="*/ 74256 w 303666"/>
                <a:gd name="connsiteY7" fmla="*/ 99995 h 517949"/>
                <a:gd name="connsiteX8" fmla="*/ 76301 w 303666"/>
                <a:gd name="connsiteY8" fmla="*/ 517949 h 517949"/>
                <a:gd name="connsiteX9" fmla="*/ 30658 w 303666"/>
                <a:gd name="connsiteY9" fmla="*/ 516713 h 517949"/>
                <a:gd name="connsiteX10" fmla="*/ 1304 w 303666"/>
                <a:gd name="connsiteY10" fmla="*/ 88961 h 517949"/>
                <a:gd name="connsiteX0" fmla="*/ 1304 w 296737"/>
                <a:gd name="connsiteY0" fmla="*/ 88961 h 517949"/>
                <a:gd name="connsiteX1" fmla="*/ 111621 w 296737"/>
                <a:gd name="connsiteY1" fmla="*/ 74 h 517949"/>
                <a:gd name="connsiteX2" fmla="*/ 240943 w 296737"/>
                <a:gd name="connsiteY2" fmla="*/ 73 h 517949"/>
                <a:gd name="connsiteX3" fmla="*/ 292908 w 296737"/>
                <a:gd name="connsiteY3" fmla="*/ 94900 h 517949"/>
                <a:gd name="connsiteX4" fmla="*/ 296494 w 296737"/>
                <a:gd name="connsiteY4" fmla="*/ 506407 h 517949"/>
                <a:gd name="connsiteX5" fmla="*/ 235845 w 296737"/>
                <a:gd name="connsiteY5" fmla="*/ 508425 h 517949"/>
                <a:gd name="connsiteX6" fmla="*/ 229876 w 296737"/>
                <a:gd name="connsiteY6" fmla="*/ 109637 h 517949"/>
                <a:gd name="connsiteX7" fmla="*/ 74256 w 296737"/>
                <a:gd name="connsiteY7" fmla="*/ 99995 h 517949"/>
                <a:gd name="connsiteX8" fmla="*/ 76301 w 296737"/>
                <a:gd name="connsiteY8" fmla="*/ 517949 h 517949"/>
                <a:gd name="connsiteX9" fmla="*/ 30658 w 296737"/>
                <a:gd name="connsiteY9" fmla="*/ 516713 h 517949"/>
                <a:gd name="connsiteX10" fmla="*/ 1304 w 296737"/>
                <a:gd name="connsiteY10" fmla="*/ 88961 h 517949"/>
                <a:gd name="connsiteX0" fmla="*/ 1304 w 307252"/>
                <a:gd name="connsiteY0" fmla="*/ 88961 h 517949"/>
                <a:gd name="connsiteX1" fmla="*/ 111621 w 307252"/>
                <a:gd name="connsiteY1" fmla="*/ 74 h 517949"/>
                <a:gd name="connsiteX2" fmla="*/ 240943 w 307252"/>
                <a:gd name="connsiteY2" fmla="*/ 73 h 517949"/>
                <a:gd name="connsiteX3" fmla="*/ 307252 w 307252"/>
                <a:gd name="connsiteY3" fmla="*/ 102072 h 517949"/>
                <a:gd name="connsiteX4" fmla="*/ 296494 w 307252"/>
                <a:gd name="connsiteY4" fmla="*/ 506407 h 517949"/>
                <a:gd name="connsiteX5" fmla="*/ 235845 w 307252"/>
                <a:gd name="connsiteY5" fmla="*/ 508425 h 517949"/>
                <a:gd name="connsiteX6" fmla="*/ 229876 w 307252"/>
                <a:gd name="connsiteY6" fmla="*/ 109637 h 517949"/>
                <a:gd name="connsiteX7" fmla="*/ 74256 w 307252"/>
                <a:gd name="connsiteY7" fmla="*/ 99995 h 517949"/>
                <a:gd name="connsiteX8" fmla="*/ 76301 w 307252"/>
                <a:gd name="connsiteY8" fmla="*/ 517949 h 517949"/>
                <a:gd name="connsiteX9" fmla="*/ 30658 w 307252"/>
                <a:gd name="connsiteY9" fmla="*/ 516713 h 517949"/>
                <a:gd name="connsiteX10" fmla="*/ 1304 w 307252"/>
                <a:gd name="connsiteY10" fmla="*/ 88961 h 51794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307252" h="517949">
                  <a:moveTo>
                    <a:pt x="1304" y="88961"/>
                  </a:moveTo>
                  <a:cubicBezTo>
                    <a:pt x="-3458" y="53768"/>
                    <a:pt x="54997" y="-2307"/>
                    <a:pt x="111621" y="74"/>
                  </a:cubicBezTo>
                  <a:lnTo>
                    <a:pt x="240943" y="73"/>
                  </a:lnTo>
                  <a:cubicBezTo>
                    <a:pt x="301181" y="4862"/>
                    <a:pt x="302491" y="47773"/>
                    <a:pt x="307252" y="102072"/>
                  </a:cubicBezTo>
                  <a:cubicBezTo>
                    <a:pt x="305665" y="253127"/>
                    <a:pt x="298081" y="355352"/>
                    <a:pt x="296494" y="506407"/>
                  </a:cubicBezTo>
                  <a:cubicBezTo>
                    <a:pt x="273289" y="510040"/>
                    <a:pt x="265003" y="504517"/>
                    <a:pt x="235845" y="508425"/>
                  </a:cubicBezTo>
                  <a:cubicBezTo>
                    <a:pt x="225737" y="438514"/>
                    <a:pt x="231804" y="201521"/>
                    <a:pt x="229876" y="109637"/>
                  </a:cubicBezTo>
                  <a:cubicBezTo>
                    <a:pt x="223394" y="11343"/>
                    <a:pt x="71478" y="9111"/>
                    <a:pt x="74256" y="99995"/>
                  </a:cubicBezTo>
                  <a:cubicBezTo>
                    <a:pt x="75731" y="244869"/>
                    <a:pt x="74826" y="373075"/>
                    <a:pt x="76301" y="517949"/>
                  </a:cubicBezTo>
                  <a:lnTo>
                    <a:pt x="30658" y="516713"/>
                  </a:lnTo>
                  <a:cubicBezTo>
                    <a:pt x="-16425" y="369221"/>
                    <a:pt x="6067" y="180623"/>
                    <a:pt x="1304" y="88961"/>
                  </a:cubicBezTo>
                  <a:close/>
                </a:path>
              </a:pathLst>
            </a:custGeom>
            <a:grpFill/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</a:endParaRPr>
            </a:p>
          </p:txBody>
        </p:sp>
        <p:sp>
          <p:nvSpPr>
            <p:cNvPr id="358" name="Rectangle 20"/>
            <p:cNvSpPr/>
            <p:nvPr/>
          </p:nvSpPr>
          <p:spPr>
            <a:xfrm>
              <a:off x="3636463" y="1294563"/>
              <a:ext cx="296182" cy="515877"/>
            </a:xfrm>
            <a:custGeom>
              <a:avLst/>
              <a:gdLst>
                <a:gd name="connsiteX0" fmla="*/ 0 w 317626"/>
                <a:gd name="connsiteY0" fmla="*/ 0 h 546150"/>
                <a:gd name="connsiteX1" fmla="*/ 317626 w 317626"/>
                <a:gd name="connsiteY1" fmla="*/ 0 h 546150"/>
                <a:gd name="connsiteX2" fmla="*/ 317626 w 317626"/>
                <a:gd name="connsiteY2" fmla="*/ 546150 h 546150"/>
                <a:gd name="connsiteX3" fmla="*/ 0 w 317626"/>
                <a:gd name="connsiteY3" fmla="*/ 546150 h 546150"/>
                <a:gd name="connsiteX4" fmla="*/ 0 w 317626"/>
                <a:gd name="connsiteY4" fmla="*/ 0 h 546150"/>
                <a:gd name="connsiteX0" fmla="*/ 0 w 317626"/>
                <a:gd name="connsiteY0" fmla="*/ 0 h 546150"/>
                <a:gd name="connsiteX1" fmla="*/ 234137 w 317626"/>
                <a:gd name="connsiteY1" fmla="*/ 31806 h 546150"/>
                <a:gd name="connsiteX2" fmla="*/ 317626 w 317626"/>
                <a:gd name="connsiteY2" fmla="*/ 546150 h 546150"/>
                <a:gd name="connsiteX3" fmla="*/ 0 w 317626"/>
                <a:gd name="connsiteY3" fmla="*/ 546150 h 546150"/>
                <a:gd name="connsiteX4" fmla="*/ 0 w 317626"/>
                <a:gd name="connsiteY4" fmla="*/ 0 h 546150"/>
                <a:gd name="connsiteX0" fmla="*/ 87465 w 317626"/>
                <a:gd name="connsiteY0" fmla="*/ 0 h 526272"/>
                <a:gd name="connsiteX1" fmla="*/ 234137 w 317626"/>
                <a:gd name="connsiteY1" fmla="*/ 11928 h 526272"/>
                <a:gd name="connsiteX2" fmla="*/ 317626 w 317626"/>
                <a:gd name="connsiteY2" fmla="*/ 526272 h 526272"/>
                <a:gd name="connsiteX3" fmla="*/ 0 w 317626"/>
                <a:gd name="connsiteY3" fmla="*/ 526272 h 526272"/>
                <a:gd name="connsiteX4" fmla="*/ 87465 w 317626"/>
                <a:gd name="connsiteY4" fmla="*/ 0 h 526272"/>
                <a:gd name="connsiteX0" fmla="*/ 87465 w 317626"/>
                <a:gd name="connsiteY0" fmla="*/ 0 h 526272"/>
                <a:gd name="connsiteX1" fmla="*/ 234137 w 317626"/>
                <a:gd name="connsiteY1" fmla="*/ 7952 h 526272"/>
                <a:gd name="connsiteX2" fmla="*/ 317626 w 317626"/>
                <a:gd name="connsiteY2" fmla="*/ 526272 h 526272"/>
                <a:gd name="connsiteX3" fmla="*/ 0 w 317626"/>
                <a:gd name="connsiteY3" fmla="*/ 526272 h 526272"/>
                <a:gd name="connsiteX4" fmla="*/ 87465 w 317626"/>
                <a:gd name="connsiteY4" fmla="*/ 0 h 526272"/>
                <a:gd name="connsiteX0" fmla="*/ 87465 w 317626"/>
                <a:gd name="connsiteY0" fmla="*/ 0 h 526272"/>
                <a:gd name="connsiteX1" fmla="*/ 234137 w 317626"/>
                <a:gd name="connsiteY1" fmla="*/ 7952 h 526272"/>
                <a:gd name="connsiteX2" fmla="*/ 317626 w 317626"/>
                <a:gd name="connsiteY2" fmla="*/ 526272 h 526272"/>
                <a:gd name="connsiteX3" fmla="*/ 0 w 317626"/>
                <a:gd name="connsiteY3" fmla="*/ 526272 h 526272"/>
                <a:gd name="connsiteX4" fmla="*/ 87465 w 317626"/>
                <a:gd name="connsiteY4" fmla="*/ 0 h 526272"/>
                <a:gd name="connsiteX0" fmla="*/ 87465 w 317626"/>
                <a:gd name="connsiteY0" fmla="*/ 0 h 526272"/>
                <a:gd name="connsiteX1" fmla="*/ 238112 w 317626"/>
                <a:gd name="connsiteY1" fmla="*/ 1 h 526272"/>
                <a:gd name="connsiteX2" fmla="*/ 317626 w 317626"/>
                <a:gd name="connsiteY2" fmla="*/ 526272 h 526272"/>
                <a:gd name="connsiteX3" fmla="*/ 0 w 317626"/>
                <a:gd name="connsiteY3" fmla="*/ 526272 h 526272"/>
                <a:gd name="connsiteX4" fmla="*/ 87465 w 317626"/>
                <a:gd name="connsiteY4" fmla="*/ 0 h 526272"/>
                <a:gd name="connsiteX0" fmla="*/ 87465 w 317626"/>
                <a:gd name="connsiteY0" fmla="*/ 0 h 526272"/>
                <a:gd name="connsiteX1" fmla="*/ 238112 w 317626"/>
                <a:gd name="connsiteY1" fmla="*/ 1 h 526272"/>
                <a:gd name="connsiteX2" fmla="*/ 317626 w 317626"/>
                <a:gd name="connsiteY2" fmla="*/ 526272 h 526272"/>
                <a:gd name="connsiteX3" fmla="*/ 0 w 317626"/>
                <a:gd name="connsiteY3" fmla="*/ 526272 h 526272"/>
                <a:gd name="connsiteX4" fmla="*/ 45893 w 317626"/>
                <a:gd name="connsiteY4" fmla="*/ 194774 h 526272"/>
                <a:gd name="connsiteX5" fmla="*/ 87465 w 317626"/>
                <a:gd name="connsiteY5" fmla="*/ 0 h 526272"/>
                <a:gd name="connsiteX0" fmla="*/ 87465 w 317626"/>
                <a:gd name="connsiteY0" fmla="*/ 0 h 526272"/>
                <a:gd name="connsiteX1" fmla="*/ 238112 w 317626"/>
                <a:gd name="connsiteY1" fmla="*/ 1 h 526272"/>
                <a:gd name="connsiteX2" fmla="*/ 317626 w 317626"/>
                <a:gd name="connsiteY2" fmla="*/ 526272 h 526272"/>
                <a:gd name="connsiteX3" fmla="*/ 0 w 317626"/>
                <a:gd name="connsiteY3" fmla="*/ 526272 h 526272"/>
                <a:gd name="connsiteX4" fmla="*/ 14088 w 317626"/>
                <a:gd name="connsiteY4" fmla="*/ 95383 h 526272"/>
                <a:gd name="connsiteX5" fmla="*/ 87465 w 317626"/>
                <a:gd name="connsiteY5" fmla="*/ 0 h 526272"/>
                <a:gd name="connsiteX0" fmla="*/ 73377 w 303538"/>
                <a:gd name="connsiteY0" fmla="*/ 0 h 526272"/>
                <a:gd name="connsiteX1" fmla="*/ 224024 w 303538"/>
                <a:gd name="connsiteY1" fmla="*/ 1 h 526272"/>
                <a:gd name="connsiteX2" fmla="*/ 303538 w 303538"/>
                <a:gd name="connsiteY2" fmla="*/ 526272 h 526272"/>
                <a:gd name="connsiteX3" fmla="*/ 5791 w 303538"/>
                <a:gd name="connsiteY3" fmla="*/ 518321 h 526272"/>
                <a:gd name="connsiteX4" fmla="*/ 0 w 303538"/>
                <a:gd name="connsiteY4" fmla="*/ 95383 h 526272"/>
                <a:gd name="connsiteX5" fmla="*/ 73377 w 303538"/>
                <a:gd name="connsiteY5" fmla="*/ 0 h 526272"/>
                <a:gd name="connsiteX0" fmla="*/ 73377 w 303538"/>
                <a:gd name="connsiteY0" fmla="*/ 0 h 526272"/>
                <a:gd name="connsiteX1" fmla="*/ 224024 w 303538"/>
                <a:gd name="connsiteY1" fmla="*/ 1 h 526272"/>
                <a:gd name="connsiteX2" fmla="*/ 250466 w 303538"/>
                <a:gd name="connsiteY2" fmla="*/ 170920 h 526272"/>
                <a:gd name="connsiteX3" fmla="*/ 303538 w 303538"/>
                <a:gd name="connsiteY3" fmla="*/ 526272 h 526272"/>
                <a:gd name="connsiteX4" fmla="*/ 5791 w 303538"/>
                <a:gd name="connsiteY4" fmla="*/ 518321 h 526272"/>
                <a:gd name="connsiteX5" fmla="*/ 0 w 303538"/>
                <a:gd name="connsiteY5" fmla="*/ 95383 h 526272"/>
                <a:gd name="connsiteX6" fmla="*/ 73377 w 303538"/>
                <a:gd name="connsiteY6" fmla="*/ 0 h 526272"/>
                <a:gd name="connsiteX0" fmla="*/ 73377 w 314076"/>
                <a:gd name="connsiteY0" fmla="*/ 0 h 526272"/>
                <a:gd name="connsiteX1" fmla="*/ 224024 w 314076"/>
                <a:gd name="connsiteY1" fmla="*/ 1 h 526272"/>
                <a:gd name="connsiteX2" fmla="*/ 314076 w 314076"/>
                <a:gd name="connsiteY2" fmla="*/ 143090 h 526272"/>
                <a:gd name="connsiteX3" fmla="*/ 303538 w 314076"/>
                <a:gd name="connsiteY3" fmla="*/ 526272 h 526272"/>
                <a:gd name="connsiteX4" fmla="*/ 5791 w 314076"/>
                <a:gd name="connsiteY4" fmla="*/ 518321 h 526272"/>
                <a:gd name="connsiteX5" fmla="*/ 0 w 314076"/>
                <a:gd name="connsiteY5" fmla="*/ 95383 h 526272"/>
                <a:gd name="connsiteX6" fmla="*/ 73377 w 314076"/>
                <a:gd name="connsiteY6" fmla="*/ 0 h 526272"/>
                <a:gd name="connsiteX0" fmla="*/ 73377 w 303538"/>
                <a:gd name="connsiteY0" fmla="*/ 0 h 526272"/>
                <a:gd name="connsiteX1" fmla="*/ 224024 w 303538"/>
                <a:gd name="connsiteY1" fmla="*/ 1 h 526272"/>
                <a:gd name="connsiteX2" fmla="*/ 286247 w 303538"/>
                <a:gd name="connsiteY2" fmla="*/ 151041 h 526272"/>
                <a:gd name="connsiteX3" fmla="*/ 303538 w 303538"/>
                <a:gd name="connsiteY3" fmla="*/ 526272 h 526272"/>
                <a:gd name="connsiteX4" fmla="*/ 5791 w 303538"/>
                <a:gd name="connsiteY4" fmla="*/ 518321 h 526272"/>
                <a:gd name="connsiteX5" fmla="*/ 0 w 303538"/>
                <a:gd name="connsiteY5" fmla="*/ 95383 h 526272"/>
                <a:gd name="connsiteX6" fmla="*/ 73377 w 303538"/>
                <a:gd name="connsiteY6" fmla="*/ 0 h 526272"/>
                <a:gd name="connsiteX0" fmla="*/ 73377 w 303538"/>
                <a:gd name="connsiteY0" fmla="*/ 0 h 526272"/>
                <a:gd name="connsiteX1" fmla="*/ 224024 w 303538"/>
                <a:gd name="connsiteY1" fmla="*/ 1 h 526272"/>
                <a:gd name="connsiteX2" fmla="*/ 286247 w 303538"/>
                <a:gd name="connsiteY2" fmla="*/ 151041 h 526272"/>
                <a:gd name="connsiteX3" fmla="*/ 298174 w 303538"/>
                <a:gd name="connsiteY3" fmla="*/ 381630 h 526272"/>
                <a:gd name="connsiteX4" fmla="*/ 303538 w 303538"/>
                <a:gd name="connsiteY4" fmla="*/ 526272 h 526272"/>
                <a:gd name="connsiteX5" fmla="*/ 5791 w 303538"/>
                <a:gd name="connsiteY5" fmla="*/ 518321 h 526272"/>
                <a:gd name="connsiteX6" fmla="*/ 0 w 303538"/>
                <a:gd name="connsiteY6" fmla="*/ 95383 h 526272"/>
                <a:gd name="connsiteX7" fmla="*/ 73377 w 303538"/>
                <a:gd name="connsiteY7" fmla="*/ 0 h 526272"/>
                <a:gd name="connsiteX0" fmla="*/ 73377 w 303538"/>
                <a:gd name="connsiteY0" fmla="*/ 0 h 526272"/>
                <a:gd name="connsiteX1" fmla="*/ 224024 w 303538"/>
                <a:gd name="connsiteY1" fmla="*/ 1 h 526272"/>
                <a:gd name="connsiteX2" fmla="*/ 286247 w 303538"/>
                <a:gd name="connsiteY2" fmla="*/ 151041 h 526272"/>
                <a:gd name="connsiteX3" fmla="*/ 155051 w 303538"/>
                <a:gd name="connsiteY3" fmla="*/ 55626 h 526272"/>
                <a:gd name="connsiteX4" fmla="*/ 303538 w 303538"/>
                <a:gd name="connsiteY4" fmla="*/ 526272 h 526272"/>
                <a:gd name="connsiteX5" fmla="*/ 5791 w 303538"/>
                <a:gd name="connsiteY5" fmla="*/ 518321 h 526272"/>
                <a:gd name="connsiteX6" fmla="*/ 0 w 303538"/>
                <a:gd name="connsiteY6" fmla="*/ 95383 h 526272"/>
                <a:gd name="connsiteX7" fmla="*/ 73377 w 303538"/>
                <a:gd name="connsiteY7" fmla="*/ 0 h 526272"/>
                <a:gd name="connsiteX0" fmla="*/ 73377 w 303538"/>
                <a:gd name="connsiteY0" fmla="*/ 0 h 526272"/>
                <a:gd name="connsiteX1" fmla="*/ 224024 w 303538"/>
                <a:gd name="connsiteY1" fmla="*/ 1 h 526272"/>
                <a:gd name="connsiteX2" fmla="*/ 286247 w 303538"/>
                <a:gd name="connsiteY2" fmla="*/ 151041 h 526272"/>
                <a:gd name="connsiteX3" fmla="*/ 155051 w 303538"/>
                <a:gd name="connsiteY3" fmla="*/ 55626 h 526272"/>
                <a:gd name="connsiteX4" fmla="*/ 303538 w 303538"/>
                <a:gd name="connsiteY4" fmla="*/ 526272 h 526272"/>
                <a:gd name="connsiteX5" fmla="*/ 5791 w 303538"/>
                <a:gd name="connsiteY5" fmla="*/ 518321 h 526272"/>
                <a:gd name="connsiteX6" fmla="*/ 0 w 303538"/>
                <a:gd name="connsiteY6" fmla="*/ 95383 h 526272"/>
                <a:gd name="connsiteX7" fmla="*/ 73377 w 303538"/>
                <a:gd name="connsiteY7" fmla="*/ 0 h 526272"/>
                <a:gd name="connsiteX0" fmla="*/ 73377 w 303538"/>
                <a:gd name="connsiteY0" fmla="*/ 0 h 526272"/>
                <a:gd name="connsiteX1" fmla="*/ 224024 w 303538"/>
                <a:gd name="connsiteY1" fmla="*/ 1 h 526272"/>
                <a:gd name="connsiteX2" fmla="*/ 286247 w 303538"/>
                <a:gd name="connsiteY2" fmla="*/ 151041 h 526272"/>
                <a:gd name="connsiteX3" fmla="*/ 155051 w 303538"/>
                <a:gd name="connsiteY3" fmla="*/ 55626 h 526272"/>
                <a:gd name="connsiteX4" fmla="*/ 202759 w 303538"/>
                <a:gd name="connsiteY4" fmla="*/ 202725 h 526272"/>
                <a:gd name="connsiteX5" fmla="*/ 303538 w 303538"/>
                <a:gd name="connsiteY5" fmla="*/ 526272 h 526272"/>
                <a:gd name="connsiteX6" fmla="*/ 5791 w 303538"/>
                <a:gd name="connsiteY6" fmla="*/ 518321 h 526272"/>
                <a:gd name="connsiteX7" fmla="*/ 0 w 303538"/>
                <a:gd name="connsiteY7" fmla="*/ 95383 h 526272"/>
                <a:gd name="connsiteX8" fmla="*/ 73377 w 303538"/>
                <a:gd name="connsiteY8" fmla="*/ 0 h 526272"/>
                <a:gd name="connsiteX0" fmla="*/ 73377 w 303538"/>
                <a:gd name="connsiteY0" fmla="*/ 0 h 526272"/>
                <a:gd name="connsiteX1" fmla="*/ 224024 w 303538"/>
                <a:gd name="connsiteY1" fmla="*/ 1 h 526272"/>
                <a:gd name="connsiteX2" fmla="*/ 286247 w 303538"/>
                <a:gd name="connsiteY2" fmla="*/ 151041 h 526272"/>
                <a:gd name="connsiteX3" fmla="*/ 155051 w 303538"/>
                <a:gd name="connsiteY3" fmla="*/ 55626 h 526272"/>
                <a:gd name="connsiteX4" fmla="*/ 51684 w 303538"/>
                <a:gd name="connsiteY4" fmla="*/ 158993 h 526272"/>
                <a:gd name="connsiteX5" fmla="*/ 303538 w 303538"/>
                <a:gd name="connsiteY5" fmla="*/ 526272 h 526272"/>
                <a:gd name="connsiteX6" fmla="*/ 5791 w 303538"/>
                <a:gd name="connsiteY6" fmla="*/ 518321 h 526272"/>
                <a:gd name="connsiteX7" fmla="*/ 0 w 303538"/>
                <a:gd name="connsiteY7" fmla="*/ 95383 h 526272"/>
                <a:gd name="connsiteX8" fmla="*/ 73377 w 303538"/>
                <a:gd name="connsiteY8" fmla="*/ 0 h 526272"/>
                <a:gd name="connsiteX0" fmla="*/ 73377 w 303538"/>
                <a:gd name="connsiteY0" fmla="*/ 0 h 526272"/>
                <a:gd name="connsiteX1" fmla="*/ 224024 w 303538"/>
                <a:gd name="connsiteY1" fmla="*/ 1 h 526272"/>
                <a:gd name="connsiteX2" fmla="*/ 286247 w 303538"/>
                <a:gd name="connsiteY2" fmla="*/ 151041 h 526272"/>
                <a:gd name="connsiteX3" fmla="*/ 155051 w 303538"/>
                <a:gd name="connsiteY3" fmla="*/ 55626 h 526272"/>
                <a:gd name="connsiteX4" fmla="*/ 51684 w 303538"/>
                <a:gd name="connsiteY4" fmla="*/ 158993 h 526272"/>
                <a:gd name="connsiteX5" fmla="*/ 182880 w 303538"/>
                <a:gd name="connsiteY5" fmla="*/ 353800 h 526272"/>
                <a:gd name="connsiteX6" fmla="*/ 303538 w 303538"/>
                <a:gd name="connsiteY6" fmla="*/ 526272 h 526272"/>
                <a:gd name="connsiteX7" fmla="*/ 5791 w 303538"/>
                <a:gd name="connsiteY7" fmla="*/ 518321 h 526272"/>
                <a:gd name="connsiteX8" fmla="*/ 0 w 303538"/>
                <a:gd name="connsiteY8" fmla="*/ 95383 h 526272"/>
                <a:gd name="connsiteX9" fmla="*/ 73377 w 303538"/>
                <a:gd name="connsiteY9" fmla="*/ 0 h 526272"/>
                <a:gd name="connsiteX0" fmla="*/ 73377 w 303538"/>
                <a:gd name="connsiteY0" fmla="*/ 0 h 526272"/>
                <a:gd name="connsiteX1" fmla="*/ 224024 w 303538"/>
                <a:gd name="connsiteY1" fmla="*/ 1 h 526272"/>
                <a:gd name="connsiteX2" fmla="*/ 286247 w 303538"/>
                <a:gd name="connsiteY2" fmla="*/ 151041 h 526272"/>
                <a:gd name="connsiteX3" fmla="*/ 155051 w 303538"/>
                <a:gd name="connsiteY3" fmla="*/ 55626 h 526272"/>
                <a:gd name="connsiteX4" fmla="*/ 51684 w 303538"/>
                <a:gd name="connsiteY4" fmla="*/ 158993 h 526272"/>
                <a:gd name="connsiteX5" fmla="*/ 266369 w 303538"/>
                <a:gd name="connsiteY5" fmla="*/ 337897 h 526272"/>
                <a:gd name="connsiteX6" fmla="*/ 303538 w 303538"/>
                <a:gd name="connsiteY6" fmla="*/ 526272 h 526272"/>
                <a:gd name="connsiteX7" fmla="*/ 5791 w 303538"/>
                <a:gd name="connsiteY7" fmla="*/ 518321 h 526272"/>
                <a:gd name="connsiteX8" fmla="*/ 0 w 303538"/>
                <a:gd name="connsiteY8" fmla="*/ 95383 h 526272"/>
                <a:gd name="connsiteX9" fmla="*/ 73377 w 303538"/>
                <a:gd name="connsiteY9" fmla="*/ 0 h 526272"/>
                <a:gd name="connsiteX0" fmla="*/ 73377 w 286247"/>
                <a:gd name="connsiteY0" fmla="*/ 0 h 518321"/>
                <a:gd name="connsiteX1" fmla="*/ 224024 w 286247"/>
                <a:gd name="connsiteY1" fmla="*/ 1 h 518321"/>
                <a:gd name="connsiteX2" fmla="*/ 286247 w 286247"/>
                <a:gd name="connsiteY2" fmla="*/ 151041 h 518321"/>
                <a:gd name="connsiteX3" fmla="*/ 155051 w 286247"/>
                <a:gd name="connsiteY3" fmla="*/ 55626 h 518321"/>
                <a:gd name="connsiteX4" fmla="*/ 51684 w 286247"/>
                <a:gd name="connsiteY4" fmla="*/ 158993 h 518321"/>
                <a:gd name="connsiteX5" fmla="*/ 266369 w 286247"/>
                <a:gd name="connsiteY5" fmla="*/ 337897 h 518321"/>
                <a:gd name="connsiteX6" fmla="*/ 255830 w 286247"/>
                <a:gd name="connsiteY6" fmla="*/ 514345 h 518321"/>
                <a:gd name="connsiteX7" fmla="*/ 5791 w 286247"/>
                <a:gd name="connsiteY7" fmla="*/ 518321 h 518321"/>
                <a:gd name="connsiteX8" fmla="*/ 0 w 286247"/>
                <a:gd name="connsiteY8" fmla="*/ 95383 h 518321"/>
                <a:gd name="connsiteX9" fmla="*/ 73377 w 286247"/>
                <a:gd name="connsiteY9" fmla="*/ 0 h 518321"/>
                <a:gd name="connsiteX0" fmla="*/ 73377 w 298472"/>
                <a:gd name="connsiteY0" fmla="*/ 0 h 518321"/>
                <a:gd name="connsiteX1" fmla="*/ 224024 w 298472"/>
                <a:gd name="connsiteY1" fmla="*/ 1 h 518321"/>
                <a:gd name="connsiteX2" fmla="*/ 298472 w 298472"/>
                <a:gd name="connsiteY2" fmla="*/ 165710 h 518321"/>
                <a:gd name="connsiteX3" fmla="*/ 155051 w 298472"/>
                <a:gd name="connsiteY3" fmla="*/ 55626 h 518321"/>
                <a:gd name="connsiteX4" fmla="*/ 51684 w 298472"/>
                <a:gd name="connsiteY4" fmla="*/ 158993 h 518321"/>
                <a:gd name="connsiteX5" fmla="*/ 266369 w 298472"/>
                <a:gd name="connsiteY5" fmla="*/ 337897 h 518321"/>
                <a:gd name="connsiteX6" fmla="*/ 255830 w 298472"/>
                <a:gd name="connsiteY6" fmla="*/ 514345 h 518321"/>
                <a:gd name="connsiteX7" fmla="*/ 5791 w 298472"/>
                <a:gd name="connsiteY7" fmla="*/ 518321 h 518321"/>
                <a:gd name="connsiteX8" fmla="*/ 0 w 298472"/>
                <a:gd name="connsiteY8" fmla="*/ 95383 h 518321"/>
                <a:gd name="connsiteX9" fmla="*/ 73377 w 298472"/>
                <a:gd name="connsiteY9" fmla="*/ 0 h 518321"/>
                <a:gd name="connsiteX0" fmla="*/ 73377 w 296027"/>
                <a:gd name="connsiteY0" fmla="*/ 0 h 518321"/>
                <a:gd name="connsiteX1" fmla="*/ 224024 w 296027"/>
                <a:gd name="connsiteY1" fmla="*/ 1 h 518321"/>
                <a:gd name="connsiteX2" fmla="*/ 296027 w 296027"/>
                <a:gd name="connsiteY2" fmla="*/ 173045 h 518321"/>
                <a:gd name="connsiteX3" fmla="*/ 155051 w 296027"/>
                <a:gd name="connsiteY3" fmla="*/ 55626 h 518321"/>
                <a:gd name="connsiteX4" fmla="*/ 51684 w 296027"/>
                <a:gd name="connsiteY4" fmla="*/ 158993 h 518321"/>
                <a:gd name="connsiteX5" fmla="*/ 266369 w 296027"/>
                <a:gd name="connsiteY5" fmla="*/ 337897 h 518321"/>
                <a:gd name="connsiteX6" fmla="*/ 255830 w 296027"/>
                <a:gd name="connsiteY6" fmla="*/ 514345 h 518321"/>
                <a:gd name="connsiteX7" fmla="*/ 5791 w 296027"/>
                <a:gd name="connsiteY7" fmla="*/ 518321 h 518321"/>
                <a:gd name="connsiteX8" fmla="*/ 0 w 296027"/>
                <a:gd name="connsiteY8" fmla="*/ 95383 h 518321"/>
                <a:gd name="connsiteX9" fmla="*/ 73377 w 296027"/>
                <a:gd name="connsiteY9" fmla="*/ 0 h 518321"/>
                <a:gd name="connsiteX0" fmla="*/ 73377 w 296027"/>
                <a:gd name="connsiteY0" fmla="*/ 0 h 518321"/>
                <a:gd name="connsiteX1" fmla="*/ 238694 w 296027"/>
                <a:gd name="connsiteY1" fmla="*/ 19560 h 518321"/>
                <a:gd name="connsiteX2" fmla="*/ 296027 w 296027"/>
                <a:gd name="connsiteY2" fmla="*/ 173045 h 518321"/>
                <a:gd name="connsiteX3" fmla="*/ 155051 w 296027"/>
                <a:gd name="connsiteY3" fmla="*/ 55626 h 518321"/>
                <a:gd name="connsiteX4" fmla="*/ 51684 w 296027"/>
                <a:gd name="connsiteY4" fmla="*/ 158993 h 518321"/>
                <a:gd name="connsiteX5" fmla="*/ 266369 w 296027"/>
                <a:gd name="connsiteY5" fmla="*/ 337897 h 518321"/>
                <a:gd name="connsiteX6" fmla="*/ 255830 w 296027"/>
                <a:gd name="connsiteY6" fmla="*/ 514345 h 518321"/>
                <a:gd name="connsiteX7" fmla="*/ 5791 w 296027"/>
                <a:gd name="connsiteY7" fmla="*/ 518321 h 518321"/>
                <a:gd name="connsiteX8" fmla="*/ 0 w 296027"/>
                <a:gd name="connsiteY8" fmla="*/ 95383 h 518321"/>
                <a:gd name="connsiteX9" fmla="*/ 73377 w 296027"/>
                <a:gd name="connsiteY9" fmla="*/ 0 h 518321"/>
                <a:gd name="connsiteX0" fmla="*/ 58707 w 296027"/>
                <a:gd name="connsiteY0" fmla="*/ 0 h 515877"/>
                <a:gd name="connsiteX1" fmla="*/ 238694 w 296027"/>
                <a:gd name="connsiteY1" fmla="*/ 17116 h 515877"/>
                <a:gd name="connsiteX2" fmla="*/ 296027 w 296027"/>
                <a:gd name="connsiteY2" fmla="*/ 170601 h 515877"/>
                <a:gd name="connsiteX3" fmla="*/ 155051 w 296027"/>
                <a:gd name="connsiteY3" fmla="*/ 53182 h 515877"/>
                <a:gd name="connsiteX4" fmla="*/ 51684 w 296027"/>
                <a:gd name="connsiteY4" fmla="*/ 156549 h 515877"/>
                <a:gd name="connsiteX5" fmla="*/ 266369 w 296027"/>
                <a:gd name="connsiteY5" fmla="*/ 335453 h 515877"/>
                <a:gd name="connsiteX6" fmla="*/ 255830 w 296027"/>
                <a:gd name="connsiteY6" fmla="*/ 511901 h 515877"/>
                <a:gd name="connsiteX7" fmla="*/ 5791 w 296027"/>
                <a:gd name="connsiteY7" fmla="*/ 515877 h 515877"/>
                <a:gd name="connsiteX8" fmla="*/ 0 w 296027"/>
                <a:gd name="connsiteY8" fmla="*/ 92939 h 515877"/>
                <a:gd name="connsiteX9" fmla="*/ 58707 w 296027"/>
                <a:gd name="connsiteY9" fmla="*/ 0 h 515877"/>
                <a:gd name="connsiteX0" fmla="*/ 58707 w 296027"/>
                <a:gd name="connsiteY0" fmla="*/ 0 h 515877"/>
                <a:gd name="connsiteX1" fmla="*/ 206910 w 296027"/>
                <a:gd name="connsiteY1" fmla="*/ 1 h 515877"/>
                <a:gd name="connsiteX2" fmla="*/ 296027 w 296027"/>
                <a:gd name="connsiteY2" fmla="*/ 170601 h 515877"/>
                <a:gd name="connsiteX3" fmla="*/ 155051 w 296027"/>
                <a:gd name="connsiteY3" fmla="*/ 53182 h 515877"/>
                <a:gd name="connsiteX4" fmla="*/ 51684 w 296027"/>
                <a:gd name="connsiteY4" fmla="*/ 156549 h 515877"/>
                <a:gd name="connsiteX5" fmla="*/ 266369 w 296027"/>
                <a:gd name="connsiteY5" fmla="*/ 335453 h 515877"/>
                <a:gd name="connsiteX6" fmla="*/ 255830 w 296027"/>
                <a:gd name="connsiteY6" fmla="*/ 511901 h 515877"/>
                <a:gd name="connsiteX7" fmla="*/ 5791 w 296027"/>
                <a:gd name="connsiteY7" fmla="*/ 515877 h 515877"/>
                <a:gd name="connsiteX8" fmla="*/ 0 w 296027"/>
                <a:gd name="connsiteY8" fmla="*/ 92939 h 515877"/>
                <a:gd name="connsiteX9" fmla="*/ 58707 w 296027"/>
                <a:gd name="connsiteY9" fmla="*/ 0 h 515877"/>
                <a:gd name="connsiteX0" fmla="*/ 58707 w 296027"/>
                <a:gd name="connsiteY0" fmla="*/ 0 h 515877"/>
                <a:gd name="connsiteX1" fmla="*/ 206910 w 296027"/>
                <a:gd name="connsiteY1" fmla="*/ 1 h 515877"/>
                <a:gd name="connsiteX2" fmla="*/ 296027 w 296027"/>
                <a:gd name="connsiteY2" fmla="*/ 170601 h 515877"/>
                <a:gd name="connsiteX3" fmla="*/ 155051 w 296027"/>
                <a:gd name="connsiteY3" fmla="*/ 53182 h 515877"/>
                <a:gd name="connsiteX4" fmla="*/ 51684 w 296027"/>
                <a:gd name="connsiteY4" fmla="*/ 156549 h 515877"/>
                <a:gd name="connsiteX5" fmla="*/ 266369 w 296027"/>
                <a:gd name="connsiteY5" fmla="*/ 335453 h 515877"/>
                <a:gd name="connsiteX6" fmla="*/ 255830 w 296027"/>
                <a:gd name="connsiteY6" fmla="*/ 511901 h 515877"/>
                <a:gd name="connsiteX7" fmla="*/ 5791 w 296027"/>
                <a:gd name="connsiteY7" fmla="*/ 515877 h 515877"/>
                <a:gd name="connsiteX8" fmla="*/ 0 w 296027"/>
                <a:gd name="connsiteY8" fmla="*/ 92939 h 515877"/>
                <a:gd name="connsiteX9" fmla="*/ 58707 w 296027"/>
                <a:gd name="connsiteY9" fmla="*/ 0 h 515877"/>
                <a:gd name="connsiteX0" fmla="*/ 61152 w 296027"/>
                <a:gd name="connsiteY0" fmla="*/ 0 h 515877"/>
                <a:gd name="connsiteX1" fmla="*/ 206910 w 296027"/>
                <a:gd name="connsiteY1" fmla="*/ 1 h 515877"/>
                <a:gd name="connsiteX2" fmla="*/ 296027 w 296027"/>
                <a:gd name="connsiteY2" fmla="*/ 170601 h 515877"/>
                <a:gd name="connsiteX3" fmla="*/ 155051 w 296027"/>
                <a:gd name="connsiteY3" fmla="*/ 53182 h 515877"/>
                <a:gd name="connsiteX4" fmla="*/ 51684 w 296027"/>
                <a:gd name="connsiteY4" fmla="*/ 156549 h 515877"/>
                <a:gd name="connsiteX5" fmla="*/ 266369 w 296027"/>
                <a:gd name="connsiteY5" fmla="*/ 335453 h 515877"/>
                <a:gd name="connsiteX6" fmla="*/ 255830 w 296027"/>
                <a:gd name="connsiteY6" fmla="*/ 511901 h 515877"/>
                <a:gd name="connsiteX7" fmla="*/ 5791 w 296027"/>
                <a:gd name="connsiteY7" fmla="*/ 515877 h 515877"/>
                <a:gd name="connsiteX8" fmla="*/ 0 w 296027"/>
                <a:gd name="connsiteY8" fmla="*/ 92939 h 515877"/>
                <a:gd name="connsiteX9" fmla="*/ 61152 w 296027"/>
                <a:gd name="connsiteY9" fmla="*/ 0 h 515877"/>
                <a:gd name="connsiteX0" fmla="*/ 61152 w 296027"/>
                <a:gd name="connsiteY0" fmla="*/ 0 h 515877"/>
                <a:gd name="connsiteX1" fmla="*/ 206910 w 296027"/>
                <a:gd name="connsiteY1" fmla="*/ 1 h 515877"/>
                <a:gd name="connsiteX2" fmla="*/ 296027 w 296027"/>
                <a:gd name="connsiteY2" fmla="*/ 170601 h 515877"/>
                <a:gd name="connsiteX3" fmla="*/ 155051 w 296027"/>
                <a:gd name="connsiteY3" fmla="*/ 53182 h 515877"/>
                <a:gd name="connsiteX4" fmla="*/ 51684 w 296027"/>
                <a:gd name="connsiteY4" fmla="*/ 156549 h 515877"/>
                <a:gd name="connsiteX5" fmla="*/ 266369 w 296027"/>
                <a:gd name="connsiteY5" fmla="*/ 335453 h 515877"/>
                <a:gd name="connsiteX6" fmla="*/ 255830 w 296027"/>
                <a:gd name="connsiteY6" fmla="*/ 511901 h 515877"/>
                <a:gd name="connsiteX7" fmla="*/ 5791 w 296027"/>
                <a:gd name="connsiteY7" fmla="*/ 515877 h 515877"/>
                <a:gd name="connsiteX8" fmla="*/ 0 w 296027"/>
                <a:gd name="connsiteY8" fmla="*/ 92939 h 515877"/>
                <a:gd name="connsiteX9" fmla="*/ 61152 w 296027"/>
                <a:gd name="connsiteY9" fmla="*/ 0 h 515877"/>
                <a:gd name="connsiteX0" fmla="*/ 64850 w 299725"/>
                <a:gd name="connsiteY0" fmla="*/ 0 h 515877"/>
                <a:gd name="connsiteX1" fmla="*/ 210608 w 299725"/>
                <a:gd name="connsiteY1" fmla="*/ 1 h 515877"/>
                <a:gd name="connsiteX2" fmla="*/ 299725 w 299725"/>
                <a:gd name="connsiteY2" fmla="*/ 170601 h 515877"/>
                <a:gd name="connsiteX3" fmla="*/ 158749 w 299725"/>
                <a:gd name="connsiteY3" fmla="*/ 53182 h 515877"/>
                <a:gd name="connsiteX4" fmla="*/ 55382 w 299725"/>
                <a:gd name="connsiteY4" fmla="*/ 156549 h 515877"/>
                <a:gd name="connsiteX5" fmla="*/ 270067 w 299725"/>
                <a:gd name="connsiteY5" fmla="*/ 335453 h 515877"/>
                <a:gd name="connsiteX6" fmla="*/ 259528 w 299725"/>
                <a:gd name="connsiteY6" fmla="*/ 511901 h 515877"/>
                <a:gd name="connsiteX7" fmla="*/ 9489 w 299725"/>
                <a:gd name="connsiteY7" fmla="*/ 515877 h 515877"/>
                <a:gd name="connsiteX8" fmla="*/ 3698 w 299725"/>
                <a:gd name="connsiteY8" fmla="*/ 92939 h 515877"/>
                <a:gd name="connsiteX9" fmla="*/ 64850 w 299725"/>
                <a:gd name="connsiteY9" fmla="*/ 0 h 515877"/>
                <a:gd name="connsiteX0" fmla="*/ 64850 w 299725"/>
                <a:gd name="connsiteY0" fmla="*/ 0 h 515877"/>
                <a:gd name="connsiteX1" fmla="*/ 210608 w 299725"/>
                <a:gd name="connsiteY1" fmla="*/ 1 h 515877"/>
                <a:gd name="connsiteX2" fmla="*/ 299725 w 299725"/>
                <a:gd name="connsiteY2" fmla="*/ 170601 h 515877"/>
                <a:gd name="connsiteX3" fmla="*/ 158749 w 299725"/>
                <a:gd name="connsiteY3" fmla="*/ 53182 h 515877"/>
                <a:gd name="connsiteX4" fmla="*/ 55382 w 299725"/>
                <a:gd name="connsiteY4" fmla="*/ 156549 h 515877"/>
                <a:gd name="connsiteX5" fmla="*/ 270067 w 299725"/>
                <a:gd name="connsiteY5" fmla="*/ 335453 h 515877"/>
                <a:gd name="connsiteX6" fmla="*/ 259528 w 299725"/>
                <a:gd name="connsiteY6" fmla="*/ 511901 h 515877"/>
                <a:gd name="connsiteX7" fmla="*/ 9489 w 299725"/>
                <a:gd name="connsiteY7" fmla="*/ 515877 h 515877"/>
                <a:gd name="connsiteX8" fmla="*/ 3698 w 299725"/>
                <a:gd name="connsiteY8" fmla="*/ 92939 h 515877"/>
                <a:gd name="connsiteX9" fmla="*/ 64850 w 299725"/>
                <a:gd name="connsiteY9" fmla="*/ 0 h 515877"/>
                <a:gd name="connsiteX0" fmla="*/ 64850 w 299725"/>
                <a:gd name="connsiteY0" fmla="*/ 0 h 515877"/>
                <a:gd name="connsiteX1" fmla="*/ 210608 w 299725"/>
                <a:gd name="connsiteY1" fmla="*/ 1 h 515877"/>
                <a:gd name="connsiteX2" fmla="*/ 299725 w 299725"/>
                <a:gd name="connsiteY2" fmla="*/ 170601 h 515877"/>
                <a:gd name="connsiteX3" fmla="*/ 158749 w 299725"/>
                <a:gd name="connsiteY3" fmla="*/ 53182 h 515877"/>
                <a:gd name="connsiteX4" fmla="*/ 55382 w 299725"/>
                <a:gd name="connsiteY4" fmla="*/ 156549 h 515877"/>
                <a:gd name="connsiteX5" fmla="*/ 270067 w 299725"/>
                <a:gd name="connsiteY5" fmla="*/ 335453 h 515877"/>
                <a:gd name="connsiteX6" fmla="*/ 259528 w 299725"/>
                <a:gd name="connsiteY6" fmla="*/ 511901 h 515877"/>
                <a:gd name="connsiteX7" fmla="*/ 9489 w 299725"/>
                <a:gd name="connsiteY7" fmla="*/ 515877 h 515877"/>
                <a:gd name="connsiteX8" fmla="*/ 3698 w 299725"/>
                <a:gd name="connsiteY8" fmla="*/ 92939 h 515877"/>
                <a:gd name="connsiteX9" fmla="*/ 64850 w 299725"/>
                <a:gd name="connsiteY9" fmla="*/ 0 h 515877"/>
                <a:gd name="connsiteX0" fmla="*/ 64850 w 299725"/>
                <a:gd name="connsiteY0" fmla="*/ 0 h 515877"/>
                <a:gd name="connsiteX1" fmla="*/ 210608 w 299725"/>
                <a:gd name="connsiteY1" fmla="*/ 1 h 515877"/>
                <a:gd name="connsiteX2" fmla="*/ 299725 w 299725"/>
                <a:gd name="connsiteY2" fmla="*/ 170601 h 515877"/>
                <a:gd name="connsiteX3" fmla="*/ 158749 w 299725"/>
                <a:gd name="connsiteY3" fmla="*/ 53182 h 515877"/>
                <a:gd name="connsiteX4" fmla="*/ 55382 w 299725"/>
                <a:gd name="connsiteY4" fmla="*/ 156549 h 515877"/>
                <a:gd name="connsiteX5" fmla="*/ 270067 w 299725"/>
                <a:gd name="connsiteY5" fmla="*/ 335453 h 515877"/>
                <a:gd name="connsiteX6" fmla="*/ 259528 w 299725"/>
                <a:gd name="connsiteY6" fmla="*/ 511901 h 515877"/>
                <a:gd name="connsiteX7" fmla="*/ 9489 w 299725"/>
                <a:gd name="connsiteY7" fmla="*/ 515877 h 515877"/>
                <a:gd name="connsiteX8" fmla="*/ 3698 w 299725"/>
                <a:gd name="connsiteY8" fmla="*/ 92939 h 515877"/>
                <a:gd name="connsiteX9" fmla="*/ 64850 w 299725"/>
                <a:gd name="connsiteY9" fmla="*/ 0 h 515877"/>
                <a:gd name="connsiteX0" fmla="*/ 64850 w 299725"/>
                <a:gd name="connsiteY0" fmla="*/ 0 h 515877"/>
                <a:gd name="connsiteX1" fmla="*/ 210608 w 299725"/>
                <a:gd name="connsiteY1" fmla="*/ 1 h 515877"/>
                <a:gd name="connsiteX2" fmla="*/ 299725 w 299725"/>
                <a:gd name="connsiteY2" fmla="*/ 170601 h 515877"/>
                <a:gd name="connsiteX3" fmla="*/ 158749 w 299725"/>
                <a:gd name="connsiteY3" fmla="*/ 53182 h 515877"/>
                <a:gd name="connsiteX4" fmla="*/ 55382 w 299725"/>
                <a:gd name="connsiteY4" fmla="*/ 156549 h 515877"/>
                <a:gd name="connsiteX5" fmla="*/ 270067 w 299725"/>
                <a:gd name="connsiteY5" fmla="*/ 335453 h 515877"/>
                <a:gd name="connsiteX6" fmla="*/ 259528 w 299725"/>
                <a:gd name="connsiteY6" fmla="*/ 511901 h 515877"/>
                <a:gd name="connsiteX7" fmla="*/ 9489 w 299725"/>
                <a:gd name="connsiteY7" fmla="*/ 515877 h 515877"/>
                <a:gd name="connsiteX8" fmla="*/ 3698 w 299725"/>
                <a:gd name="connsiteY8" fmla="*/ 92939 h 515877"/>
                <a:gd name="connsiteX9" fmla="*/ 64850 w 299725"/>
                <a:gd name="connsiteY9" fmla="*/ 0 h 515877"/>
                <a:gd name="connsiteX0" fmla="*/ 64850 w 299725"/>
                <a:gd name="connsiteY0" fmla="*/ 0 h 515877"/>
                <a:gd name="connsiteX1" fmla="*/ 210608 w 299725"/>
                <a:gd name="connsiteY1" fmla="*/ 1 h 515877"/>
                <a:gd name="connsiteX2" fmla="*/ 299725 w 299725"/>
                <a:gd name="connsiteY2" fmla="*/ 170601 h 515877"/>
                <a:gd name="connsiteX3" fmla="*/ 158749 w 299725"/>
                <a:gd name="connsiteY3" fmla="*/ 53182 h 515877"/>
                <a:gd name="connsiteX4" fmla="*/ 55382 w 299725"/>
                <a:gd name="connsiteY4" fmla="*/ 156549 h 515877"/>
                <a:gd name="connsiteX5" fmla="*/ 270067 w 299725"/>
                <a:gd name="connsiteY5" fmla="*/ 335453 h 515877"/>
                <a:gd name="connsiteX6" fmla="*/ 259528 w 299725"/>
                <a:gd name="connsiteY6" fmla="*/ 511901 h 515877"/>
                <a:gd name="connsiteX7" fmla="*/ 9489 w 299725"/>
                <a:gd name="connsiteY7" fmla="*/ 515877 h 515877"/>
                <a:gd name="connsiteX8" fmla="*/ 3698 w 299725"/>
                <a:gd name="connsiteY8" fmla="*/ 92939 h 515877"/>
                <a:gd name="connsiteX9" fmla="*/ 64850 w 299725"/>
                <a:gd name="connsiteY9" fmla="*/ 0 h 515877"/>
                <a:gd name="connsiteX0" fmla="*/ 63028 w 297903"/>
                <a:gd name="connsiteY0" fmla="*/ 0 h 515877"/>
                <a:gd name="connsiteX1" fmla="*/ 208786 w 297903"/>
                <a:gd name="connsiteY1" fmla="*/ 1 h 515877"/>
                <a:gd name="connsiteX2" fmla="*/ 297903 w 297903"/>
                <a:gd name="connsiteY2" fmla="*/ 170601 h 515877"/>
                <a:gd name="connsiteX3" fmla="*/ 156927 w 297903"/>
                <a:gd name="connsiteY3" fmla="*/ 53182 h 515877"/>
                <a:gd name="connsiteX4" fmla="*/ 53560 w 297903"/>
                <a:gd name="connsiteY4" fmla="*/ 156549 h 515877"/>
                <a:gd name="connsiteX5" fmla="*/ 268245 w 297903"/>
                <a:gd name="connsiteY5" fmla="*/ 335453 h 515877"/>
                <a:gd name="connsiteX6" fmla="*/ 257706 w 297903"/>
                <a:gd name="connsiteY6" fmla="*/ 511901 h 515877"/>
                <a:gd name="connsiteX7" fmla="*/ 7667 w 297903"/>
                <a:gd name="connsiteY7" fmla="*/ 515877 h 515877"/>
                <a:gd name="connsiteX8" fmla="*/ 1876 w 297903"/>
                <a:gd name="connsiteY8" fmla="*/ 92939 h 515877"/>
                <a:gd name="connsiteX9" fmla="*/ 63028 w 297903"/>
                <a:gd name="connsiteY9" fmla="*/ 0 h 515877"/>
                <a:gd name="connsiteX0" fmla="*/ 61152 w 296027"/>
                <a:gd name="connsiteY0" fmla="*/ 0 h 515877"/>
                <a:gd name="connsiteX1" fmla="*/ 206910 w 296027"/>
                <a:gd name="connsiteY1" fmla="*/ 1 h 515877"/>
                <a:gd name="connsiteX2" fmla="*/ 296027 w 296027"/>
                <a:gd name="connsiteY2" fmla="*/ 170601 h 515877"/>
                <a:gd name="connsiteX3" fmla="*/ 155051 w 296027"/>
                <a:gd name="connsiteY3" fmla="*/ 53182 h 515877"/>
                <a:gd name="connsiteX4" fmla="*/ 51684 w 296027"/>
                <a:gd name="connsiteY4" fmla="*/ 156549 h 515877"/>
                <a:gd name="connsiteX5" fmla="*/ 266369 w 296027"/>
                <a:gd name="connsiteY5" fmla="*/ 335453 h 515877"/>
                <a:gd name="connsiteX6" fmla="*/ 255830 w 296027"/>
                <a:gd name="connsiteY6" fmla="*/ 511901 h 515877"/>
                <a:gd name="connsiteX7" fmla="*/ 5791 w 296027"/>
                <a:gd name="connsiteY7" fmla="*/ 515877 h 515877"/>
                <a:gd name="connsiteX8" fmla="*/ 0 w 296027"/>
                <a:gd name="connsiteY8" fmla="*/ 92939 h 515877"/>
                <a:gd name="connsiteX9" fmla="*/ 61152 w 296027"/>
                <a:gd name="connsiteY9" fmla="*/ 0 h 515877"/>
                <a:gd name="connsiteX0" fmla="*/ 61152 w 296027"/>
                <a:gd name="connsiteY0" fmla="*/ 0 h 515877"/>
                <a:gd name="connsiteX1" fmla="*/ 206910 w 296027"/>
                <a:gd name="connsiteY1" fmla="*/ 1 h 515877"/>
                <a:gd name="connsiteX2" fmla="*/ 296027 w 296027"/>
                <a:gd name="connsiteY2" fmla="*/ 170601 h 515877"/>
                <a:gd name="connsiteX3" fmla="*/ 155051 w 296027"/>
                <a:gd name="connsiteY3" fmla="*/ 53182 h 515877"/>
                <a:gd name="connsiteX4" fmla="*/ 51684 w 296027"/>
                <a:gd name="connsiteY4" fmla="*/ 156549 h 515877"/>
                <a:gd name="connsiteX5" fmla="*/ 266369 w 296027"/>
                <a:gd name="connsiteY5" fmla="*/ 335453 h 515877"/>
                <a:gd name="connsiteX6" fmla="*/ 255830 w 296027"/>
                <a:gd name="connsiteY6" fmla="*/ 511901 h 515877"/>
                <a:gd name="connsiteX7" fmla="*/ 5791 w 296027"/>
                <a:gd name="connsiteY7" fmla="*/ 515877 h 515877"/>
                <a:gd name="connsiteX8" fmla="*/ 0 w 296027"/>
                <a:gd name="connsiteY8" fmla="*/ 92939 h 515877"/>
                <a:gd name="connsiteX9" fmla="*/ 61152 w 296027"/>
                <a:gd name="connsiteY9" fmla="*/ 0 h 515877"/>
                <a:gd name="connsiteX0" fmla="*/ 61152 w 298851"/>
                <a:gd name="connsiteY0" fmla="*/ 0 h 515877"/>
                <a:gd name="connsiteX1" fmla="*/ 206910 w 298851"/>
                <a:gd name="connsiteY1" fmla="*/ 1 h 515877"/>
                <a:gd name="connsiteX2" fmla="*/ 296027 w 298851"/>
                <a:gd name="connsiteY2" fmla="*/ 170601 h 515877"/>
                <a:gd name="connsiteX3" fmla="*/ 155051 w 298851"/>
                <a:gd name="connsiteY3" fmla="*/ 53182 h 515877"/>
                <a:gd name="connsiteX4" fmla="*/ 51684 w 298851"/>
                <a:gd name="connsiteY4" fmla="*/ 156549 h 515877"/>
                <a:gd name="connsiteX5" fmla="*/ 266369 w 298851"/>
                <a:gd name="connsiteY5" fmla="*/ 335453 h 515877"/>
                <a:gd name="connsiteX6" fmla="*/ 255830 w 298851"/>
                <a:gd name="connsiteY6" fmla="*/ 511901 h 515877"/>
                <a:gd name="connsiteX7" fmla="*/ 5791 w 298851"/>
                <a:gd name="connsiteY7" fmla="*/ 515877 h 515877"/>
                <a:gd name="connsiteX8" fmla="*/ 0 w 298851"/>
                <a:gd name="connsiteY8" fmla="*/ 92939 h 515877"/>
                <a:gd name="connsiteX9" fmla="*/ 61152 w 298851"/>
                <a:gd name="connsiteY9" fmla="*/ 0 h 515877"/>
                <a:gd name="connsiteX0" fmla="*/ 61152 w 296528"/>
                <a:gd name="connsiteY0" fmla="*/ 0 h 515877"/>
                <a:gd name="connsiteX1" fmla="*/ 170237 w 296528"/>
                <a:gd name="connsiteY1" fmla="*/ 1 h 515877"/>
                <a:gd name="connsiteX2" fmla="*/ 296027 w 296528"/>
                <a:gd name="connsiteY2" fmla="*/ 170601 h 515877"/>
                <a:gd name="connsiteX3" fmla="*/ 155051 w 296528"/>
                <a:gd name="connsiteY3" fmla="*/ 53182 h 515877"/>
                <a:gd name="connsiteX4" fmla="*/ 51684 w 296528"/>
                <a:gd name="connsiteY4" fmla="*/ 156549 h 515877"/>
                <a:gd name="connsiteX5" fmla="*/ 266369 w 296528"/>
                <a:gd name="connsiteY5" fmla="*/ 335453 h 515877"/>
                <a:gd name="connsiteX6" fmla="*/ 255830 w 296528"/>
                <a:gd name="connsiteY6" fmla="*/ 511901 h 515877"/>
                <a:gd name="connsiteX7" fmla="*/ 5791 w 296528"/>
                <a:gd name="connsiteY7" fmla="*/ 515877 h 515877"/>
                <a:gd name="connsiteX8" fmla="*/ 0 w 296528"/>
                <a:gd name="connsiteY8" fmla="*/ 92939 h 515877"/>
                <a:gd name="connsiteX9" fmla="*/ 61152 w 296528"/>
                <a:gd name="connsiteY9" fmla="*/ 0 h 515877"/>
                <a:gd name="connsiteX0" fmla="*/ 61152 w 297864"/>
                <a:gd name="connsiteY0" fmla="*/ 0 h 515877"/>
                <a:gd name="connsiteX1" fmla="*/ 170237 w 297864"/>
                <a:gd name="connsiteY1" fmla="*/ 1 h 515877"/>
                <a:gd name="connsiteX2" fmla="*/ 296027 w 297864"/>
                <a:gd name="connsiteY2" fmla="*/ 170601 h 515877"/>
                <a:gd name="connsiteX3" fmla="*/ 155051 w 297864"/>
                <a:gd name="connsiteY3" fmla="*/ 53182 h 515877"/>
                <a:gd name="connsiteX4" fmla="*/ 51684 w 297864"/>
                <a:gd name="connsiteY4" fmla="*/ 156549 h 515877"/>
                <a:gd name="connsiteX5" fmla="*/ 266369 w 297864"/>
                <a:gd name="connsiteY5" fmla="*/ 335453 h 515877"/>
                <a:gd name="connsiteX6" fmla="*/ 255830 w 297864"/>
                <a:gd name="connsiteY6" fmla="*/ 511901 h 515877"/>
                <a:gd name="connsiteX7" fmla="*/ 5791 w 297864"/>
                <a:gd name="connsiteY7" fmla="*/ 515877 h 515877"/>
                <a:gd name="connsiteX8" fmla="*/ 0 w 297864"/>
                <a:gd name="connsiteY8" fmla="*/ 92939 h 515877"/>
                <a:gd name="connsiteX9" fmla="*/ 61152 w 297864"/>
                <a:gd name="connsiteY9" fmla="*/ 0 h 515877"/>
                <a:gd name="connsiteX0" fmla="*/ 61152 w 297864"/>
                <a:gd name="connsiteY0" fmla="*/ 0 h 515877"/>
                <a:gd name="connsiteX1" fmla="*/ 170237 w 297864"/>
                <a:gd name="connsiteY1" fmla="*/ 1 h 515877"/>
                <a:gd name="connsiteX2" fmla="*/ 296027 w 297864"/>
                <a:gd name="connsiteY2" fmla="*/ 170601 h 515877"/>
                <a:gd name="connsiteX3" fmla="*/ 155051 w 297864"/>
                <a:gd name="connsiteY3" fmla="*/ 53182 h 515877"/>
                <a:gd name="connsiteX4" fmla="*/ 51684 w 297864"/>
                <a:gd name="connsiteY4" fmla="*/ 156549 h 515877"/>
                <a:gd name="connsiteX5" fmla="*/ 266369 w 297864"/>
                <a:gd name="connsiteY5" fmla="*/ 335453 h 515877"/>
                <a:gd name="connsiteX6" fmla="*/ 255830 w 297864"/>
                <a:gd name="connsiteY6" fmla="*/ 511901 h 515877"/>
                <a:gd name="connsiteX7" fmla="*/ 5791 w 297864"/>
                <a:gd name="connsiteY7" fmla="*/ 515877 h 515877"/>
                <a:gd name="connsiteX8" fmla="*/ 0 w 297864"/>
                <a:gd name="connsiteY8" fmla="*/ 92939 h 515877"/>
                <a:gd name="connsiteX9" fmla="*/ 61152 w 297864"/>
                <a:gd name="connsiteY9" fmla="*/ 0 h 515877"/>
                <a:gd name="connsiteX0" fmla="*/ 61152 w 296027"/>
                <a:gd name="connsiteY0" fmla="*/ 0 h 515877"/>
                <a:gd name="connsiteX1" fmla="*/ 170237 w 296027"/>
                <a:gd name="connsiteY1" fmla="*/ 1 h 515877"/>
                <a:gd name="connsiteX2" fmla="*/ 296027 w 296027"/>
                <a:gd name="connsiteY2" fmla="*/ 170601 h 515877"/>
                <a:gd name="connsiteX3" fmla="*/ 155051 w 296027"/>
                <a:gd name="connsiteY3" fmla="*/ 53182 h 515877"/>
                <a:gd name="connsiteX4" fmla="*/ 51684 w 296027"/>
                <a:gd name="connsiteY4" fmla="*/ 156549 h 515877"/>
                <a:gd name="connsiteX5" fmla="*/ 266369 w 296027"/>
                <a:gd name="connsiteY5" fmla="*/ 335453 h 515877"/>
                <a:gd name="connsiteX6" fmla="*/ 255830 w 296027"/>
                <a:gd name="connsiteY6" fmla="*/ 511901 h 515877"/>
                <a:gd name="connsiteX7" fmla="*/ 5791 w 296027"/>
                <a:gd name="connsiteY7" fmla="*/ 515877 h 515877"/>
                <a:gd name="connsiteX8" fmla="*/ 0 w 296027"/>
                <a:gd name="connsiteY8" fmla="*/ 92939 h 515877"/>
                <a:gd name="connsiteX9" fmla="*/ 61152 w 296027"/>
                <a:gd name="connsiteY9" fmla="*/ 0 h 515877"/>
                <a:gd name="connsiteX0" fmla="*/ 61152 w 296027"/>
                <a:gd name="connsiteY0" fmla="*/ 0 h 515877"/>
                <a:gd name="connsiteX1" fmla="*/ 170237 w 296027"/>
                <a:gd name="connsiteY1" fmla="*/ 1 h 515877"/>
                <a:gd name="connsiteX2" fmla="*/ 296027 w 296027"/>
                <a:gd name="connsiteY2" fmla="*/ 170601 h 515877"/>
                <a:gd name="connsiteX3" fmla="*/ 155051 w 296027"/>
                <a:gd name="connsiteY3" fmla="*/ 53182 h 515877"/>
                <a:gd name="connsiteX4" fmla="*/ 51684 w 296027"/>
                <a:gd name="connsiteY4" fmla="*/ 156549 h 515877"/>
                <a:gd name="connsiteX5" fmla="*/ 266369 w 296027"/>
                <a:gd name="connsiteY5" fmla="*/ 335453 h 515877"/>
                <a:gd name="connsiteX6" fmla="*/ 255830 w 296027"/>
                <a:gd name="connsiteY6" fmla="*/ 511901 h 515877"/>
                <a:gd name="connsiteX7" fmla="*/ 5791 w 296027"/>
                <a:gd name="connsiteY7" fmla="*/ 515877 h 515877"/>
                <a:gd name="connsiteX8" fmla="*/ 0 w 296027"/>
                <a:gd name="connsiteY8" fmla="*/ 92939 h 515877"/>
                <a:gd name="connsiteX9" fmla="*/ 61152 w 296027"/>
                <a:gd name="connsiteY9" fmla="*/ 0 h 515877"/>
                <a:gd name="connsiteX0" fmla="*/ 61152 w 296182"/>
                <a:gd name="connsiteY0" fmla="*/ 0 h 515877"/>
                <a:gd name="connsiteX1" fmla="*/ 170237 w 296182"/>
                <a:gd name="connsiteY1" fmla="*/ 1 h 515877"/>
                <a:gd name="connsiteX2" fmla="*/ 296027 w 296182"/>
                <a:gd name="connsiteY2" fmla="*/ 170601 h 515877"/>
                <a:gd name="connsiteX3" fmla="*/ 155051 w 296182"/>
                <a:gd name="connsiteY3" fmla="*/ 53182 h 515877"/>
                <a:gd name="connsiteX4" fmla="*/ 51684 w 296182"/>
                <a:gd name="connsiteY4" fmla="*/ 156549 h 515877"/>
                <a:gd name="connsiteX5" fmla="*/ 266369 w 296182"/>
                <a:gd name="connsiteY5" fmla="*/ 335453 h 515877"/>
                <a:gd name="connsiteX6" fmla="*/ 255830 w 296182"/>
                <a:gd name="connsiteY6" fmla="*/ 511901 h 515877"/>
                <a:gd name="connsiteX7" fmla="*/ 5791 w 296182"/>
                <a:gd name="connsiteY7" fmla="*/ 515877 h 515877"/>
                <a:gd name="connsiteX8" fmla="*/ 0 w 296182"/>
                <a:gd name="connsiteY8" fmla="*/ 92939 h 515877"/>
                <a:gd name="connsiteX9" fmla="*/ 61152 w 296182"/>
                <a:gd name="connsiteY9" fmla="*/ 0 h 515877"/>
                <a:gd name="connsiteX0" fmla="*/ 61152 w 296182"/>
                <a:gd name="connsiteY0" fmla="*/ 0 h 515877"/>
                <a:gd name="connsiteX1" fmla="*/ 170237 w 296182"/>
                <a:gd name="connsiteY1" fmla="*/ 1 h 515877"/>
                <a:gd name="connsiteX2" fmla="*/ 296027 w 296182"/>
                <a:gd name="connsiteY2" fmla="*/ 170601 h 515877"/>
                <a:gd name="connsiteX3" fmla="*/ 155051 w 296182"/>
                <a:gd name="connsiteY3" fmla="*/ 53182 h 515877"/>
                <a:gd name="connsiteX4" fmla="*/ 63908 w 296182"/>
                <a:gd name="connsiteY4" fmla="*/ 171219 h 515877"/>
                <a:gd name="connsiteX5" fmla="*/ 266369 w 296182"/>
                <a:gd name="connsiteY5" fmla="*/ 335453 h 515877"/>
                <a:gd name="connsiteX6" fmla="*/ 255830 w 296182"/>
                <a:gd name="connsiteY6" fmla="*/ 511901 h 515877"/>
                <a:gd name="connsiteX7" fmla="*/ 5791 w 296182"/>
                <a:gd name="connsiteY7" fmla="*/ 515877 h 515877"/>
                <a:gd name="connsiteX8" fmla="*/ 0 w 296182"/>
                <a:gd name="connsiteY8" fmla="*/ 92939 h 515877"/>
                <a:gd name="connsiteX9" fmla="*/ 61152 w 296182"/>
                <a:gd name="connsiteY9" fmla="*/ 0 h 515877"/>
                <a:gd name="connsiteX0" fmla="*/ 61152 w 296182"/>
                <a:gd name="connsiteY0" fmla="*/ 0 h 515877"/>
                <a:gd name="connsiteX1" fmla="*/ 170237 w 296182"/>
                <a:gd name="connsiteY1" fmla="*/ 1 h 515877"/>
                <a:gd name="connsiteX2" fmla="*/ 296027 w 296182"/>
                <a:gd name="connsiteY2" fmla="*/ 170601 h 515877"/>
                <a:gd name="connsiteX3" fmla="*/ 155051 w 296182"/>
                <a:gd name="connsiteY3" fmla="*/ 53182 h 515877"/>
                <a:gd name="connsiteX4" fmla="*/ 63908 w 296182"/>
                <a:gd name="connsiteY4" fmla="*/ 171219 h 515877"/>
                <a:gd name="connsiteX5" fmla="*/ 266369 w 296182"/>
                <a:gd name="connsiteY5" fmla="*/ 335453 h 515877"/>
                <a:gd name="connsiteX6" fmla="*/ 255830 w 296182"/>
                <a:gd name="connsiteY6" fmla="*/ 511901 h 515877"/>
                <a:gd name="connsiteX7" fmla="*/ 5791 w 296182"/>
                <a:gd name="connsiteY7" fmla="*/ 515877 h 515877"/>
                <a:gd name="connsiteX8" fmla="*/ 0 w 296182"/>
                <a:gd name="connsiteY8" fmla="*/ 92939 h 515877"/>
                <a:gd name="connsiteX9" fmla="*/ 61152 w 296182"/>
                <a:gd name="connsiteY9" fmla="*/ 0 h 515877"/>
                <a:gd name="connsiteX0" fmla="*/ 61152 w 296182"/>
                <a:gd name="connsiteY0" fmla="*/ 0 h 515877"/>
                <a:gd name="connsiteX1" fmla="*/ 170237 w 296182"/>
                <a:gd name="connsiteY1" fmla="*/ 1 h 515877"/>
                <a:gd name="connsiteX2" fmla="*/ 296027 w 296182"/>
                <a:gd name="connsiteY2" fmla="*/ 170601 h 515877"/>
                <a:gd name="connsiteX3" fmla="*/ 155051 w 296182"/>
                <a:gd name="connsiteY3" fmla="*/ 53182 h 515877"/>
                <a:gd name="connsiteX4" fmla="*/ 63908 w 296182"/>
                <a:gd name="connsiteY4" fmla="*/ 171219 h 515877"/>
                <a:gd name="connsiteX5" fmla="*/ 266369 w 296182"/>
                <a:gd name="connsiteY5" fmla="*/ 335453 h 515877"/>
                <a:gd name="connsiteX6" fmla="*/ 255830 w 296182"/>
                <a:gd name="connsiteY6" fmla="*/ 511901 h 515877"/>
                <a:gd name="connsiteX7" fmla="*/ 5791 w 296182"/>
                <a:gd name="connsiteY7" fmla="*/ 515877 h 515877"/>
                <a:gd name="connsiteX8" fmla="*/ 0 w 296182"/>
                <a:gd name="connsiteY8" fmla="*/ 92939 h 515877"/>
                <a:gd name="connsiteX9" fmla="*/ 61152 w 296182"/>
                <a:gd name="connsiteY9" fmla="*/ 0 h 5158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296182" h="515877">
                  <a:moveTo>
                    <a:pt x="61152" y="0"/>
                  </a:moveTo>
                  <a:lnTo>
                    <a:pt x="170237" y="1"/>
                  </a:lnTo>
                  <a:cubicBezTo>
                    <a:pt x="280625" y="635"/>
                    <a:pt x="298105" y="96619"/>
                    <a:pt x="296027" y="170601"/>
                  </a:cubicBezTo>
                  <a:lnTo>
                    <a:pt x="155051" y="53182"/>
                  </a:lnTo>
                  <a:cubicBezTo>
                    <a:pt x="103481" y="9402"/>
                    <a:pt x="-16548" y="78085"/>
                    <a:pt x="63908" y="171219"/>
                  </a:cubicBezTo>
                  <a:lnTo>
                    <a:pt x="266369" y="335453"/>
                  </a:lnTo>
                  <a:lnTo>
                    <a:pt x="255830" y="511901"/>
                  </a:lnTo>
                  <a:lnTo>
                    <a:pt x="5791" y="515877"/>
                  </a:lnTo>
                  <a:cubicBezTo>
                    <a:pt x="3861" y="374898"/>
                    <a:pt x="1930" y="233918"/>
                    <a:pt x="0" y="92939"/>
                  </a:cubicBezTo>
                  <a:cubicBezTo>
                    <a:pt x="3269" y="49735"/>
                    <a:pt x="1649" y="11421"/>
                    <a:pt x="61152" y="0"/>
                  </a:cubicBezTo>
                  <a:close/>
                </a:path>
              </a:pathLst>
            </a:custGeom>
            <a:grpFill/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</a:endParaRPr>
            </a:p>
          </p:txBody>
        </p:sp>
        <p:cxnSp>
          <p:nvCxnSpPr>
            <p:cNvPr id="359" name="Straight Connector 133"/>
            <p:cNvCxnSpPr/>
            <p:nvPr/>
          </p:nvCxnSpPr>
          <p:spPr>
            <a:xfrm>
              <a:off x="4577583" y="2205042"/>
              <a:ext cx="0" cy="51764"/>
            </a:xfrm>
            <a:prstGeom prst="line">
              <a:avLst/>
            </a:prstGeom>
            <a:grpFill/>
            <a:ln w="6350" cap="flat" cmpd="sng" algn="ctr">
              <a:solidFill>
                <a:sysClr val="window" lastClr="FFFFFF">
                  <a:lumMod val="85000"/>
                </a:sysClr>
              </a:solidFill>
              <a:prstDash val="solid"/>
              <a:miter lim="800000"/>
            </a:ln>
            <a:effectLst/>
          </p:spPr>
        </p:cxnSp>
        <p:cxnSp>
          <p:nvCxnSpPr>
            <p:cNvPr id="360" name="Straight Connector 134"/>
            <p:cNvCxnSpPr/>
            <p:nvPr/>
          </p:nvCxnSpPr>
          <p:spPr>
            <a:xfrm>
              <a:off x="4607734" y="2205043"/>
              <a:ext cx="0" cy="51764"/>
            </a:xfrm>
            <a:prstGeom prst="line">
              <a:avLst/>
            </a:prstGeom>
            <a:grpFill/>
            <a:ln w="6350" cap="flat" cmpd="sng" algn="ctr">
              <a:solidFill>
                <a:sysClr val="window" lastClr="FFFFFF">
                  <a:lumMod val="85000"/>
                </a:sysClr>
              </a:solidFill>
              <a:prstDash val="solid"/>
              <a:miter lim="800000"/>
            </a:ln>
            <a:effectLst/>
          </p:spPr>
        </p:cxnSp>
      </p:grpSp>
      <p:pic>
        <p:nvPicPr>
          <p:cNvPr id="2054" name="Picture 6" descr="C:\Users\selda.ulutas\Desktop\paralar.jpg"/>
          <p:cNvPicPr>
            <a:picLocks noChangeAspect="1" noChangeArrowheads="1"/>
          </p:cNvPicPr>
          <p:nvPr/>
        </p:nvPicPr>
        <p:blipFill>
          <a:blip r:embed="rId6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grayscl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26042" y="2183716"/>
            <a:ext cx="1231777" cy="123177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9026796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şlı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tr-TR" sz="2400" dirty="0" smtClean="0"/>
              <a:t>www.h2020.org.tr</a:t>
            </a:r>
            <a:endParaRPr lang="tr-TR" dirty="0"/>
          </a:p>
        </p:txBody>
      </p:sp>
      <p:sp>
        <p:nvSpPr>
          <p:cNvPr id="4" name="Slayt Numarası Yer Tutucusu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41D7ED6A-D549-40C0-9D8C-C55F5275B6CF}" type="slidenum">
              <a:rPr lang="en-US" altLang="tr-TR" smtClean="0"/>
              <a:pPr>
                <a:defRPr/>
              </a:pPr>
              <a:t>5</a:t>
            </a:fld>
            <a:endParaRPr lang="en-US" altLang="tr-TR"/>
          </a:p>
        </p:txBody>
      </p:sp>
      <p:pic>
        <p:nvPicPr>
          <p:cNvPr id="2051" name="Picture 3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5536" y="908720"/>
            <a:ext cx="8280920" cy="5514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1" name="Dikdörtgen 10"/>
          <p:cNvSpPr/>
          <p:nvPr/>
        </p:nvSpPr>
        <p:spPr>
          <a:xfrm>
            <a:off x="4716016" y="3666207"/>
            <a:ext cx="3960440" cy="2757488"/>
          </a:xfrm>
          <a:prstGeom prst="rect">
            <a:avLst/>
          </a:prstGeom>
          <a:noFill/>
          <a:ln w="57150">
            <a:solidFill>
              <a:srgbClr val="C00000"/>
            </a:solidFill>
          </a:ln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spcFirstLastPara="0" vert="horz" wrap="square" lIns="216354" tIns="189034" rIns="216354" bIns="189034" numCol="1" spcCol="1270" rtlCol="0" anchor="ctr" anchorCtr="0">
            <a:noAutofit/>
          </a:bodyPr>
          <a:lstStyle/>
          <a:p>
            <a:pPr algn="ctr" defTabSz="711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endParaRPr lang="tr-TR" b="1" u="none" kern="1200" dirty="0" smtClean="0">
              <a:ln w="18000">
                <a:solidFill>
                  <a:schemeClr val="accent2">
                    <a:satMod val="140000"/>
                  </a:schemeClr>
                </a:solidFill>
                <a:prstDash val="solid"/>
                <a:miter lim="800000"/>
              </a:ln>
              <a:noFill/>
              <a:effectLst>
                <a:outerShdw blurRad="25500" dist="23000" dir="7020000" algn="tl">
                  <a:srgbClr val="000000">
                    <a:alpha val="50000"/>
                  </a:srgbClr>
                </a:outerShdw>
              </a:effectLst>
              <a:latin typeface="Futura Bk BT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3678213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şlık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tr-TR" sz="2400" dirty="0" smtClean="0"/>
              <a:t>Başvuru Sistemi</a:t>
            </a:r>
            <a:endParaRPr lang="tr-TR" sz="2400" dirty="0"/>
          </a:p>
        </p:txBody>
      </p:sp>
      <p:sp>
        <p:nvSpPr>
          <p:cNvPr id="4" name="Slayt Numarası Yer Tutucusu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41D7ED6A-D549-40C0-9D8C-C55F5275B6CF}" type="slidenum">
              <a:rPr lang="en-US" altLang="tr-TR" smtClean="0"/>
              <a:pPr>
                <a:defRPr/>
              </a:pPr>
              <a:t>6</a:t>
            </a:fld>
            <a:endParaRPr lang="en-US" altLang="tr-TR"/>
          </a:p>
        </p:txBody>
      </p:sp>
      <p:pic>
        <p:nvPicPr>
          <p:cNvPr id="3074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836713"/>
            <a:ext cx="8604448" cy="55446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Yuvarlatılmış Dikdörtgen 6"/>
          <p:cNvSpPr/>
          <p:nvPr/>
        </p:nvSpPr>
        <p:spPr>
          <a:xfrm>
            <a:off x="107504" y="1340768"/>
            <a:ext cx="2016224" cy="3024336"/>
          </a:xfrm>
          <a:prstGeom prst="roundRect">
            <a:avLst>
              <a:gd name="adj" fmla="val 120"/>
            </a:avLst>
          </a:prstGeom>
          <a:noFill/>
          <a:ln w="57150">
            <a:solidFill>
              <a:srgbClr val="C00000"/>
            </a:solidFill>
          </a:ln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spcFirstLastPara="0" vert="horz" wrap="square" lIns="216354" tIns="189034" rIns="216354" bIns="189034" numCol="1" spcCol="1270" rtlCol="0" anchor="ctr" anchorCtr="0">
            <a:noAutofit/>
          </a:bodyPr>
          <a:lstStyle/>
          <a:p>
            <a:pPr algn="ctr" defTabSz="711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endParaRPr lang="tr-TR" b="1" u="none" kern="1200" dirty="0" smtClean="0">
              <a:latin typeface="Futura Bk BT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997554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şlık 1"/>
          <p:cNvSpPr>
            <a:spLocks noGrp="1"/>
          </p:cNvSpPr>
          <p:nvPr>
            <p:ph type="title"/>
          </p:nvPr>
        </p:nvSpPr>
        <p:spPr>
          <a:xfrm>
            <a:off x="35496" y="-27384"/>
            <a:ext cx="7776864" cy="706090"/>
          </a:xfrm>
        </p:spPr>
        <p:txBody>
          <a:bodyPr>
            <a:normAutofit/>
          </a:bodyPr>
          <a:lstStyle/>
          <a:p>
            <a:r>
              <a:rPr lang="tr-TR" sz="2400" dirty="0" smtClean="0"/>
              <a:t>U2020 Seyahat Desteği - 1</a:t>
            </a:r>
            <a:endParaRPr lang="tr-TR" sz="2400" dirty="0"/>
          </a:p>
        </p:txBody>
      </p:sp>
      <p:sp>
        <p:nvSpPr>
          <p:cNvPr id="4" name="Slayt Numarası Yer Tutucusu 3"/>
          <p:cNvSpPr>
            <a:spLocks noGrp="1"/>
          </p:cNvSpPr>
          <p:nvPr>
            <p:ph type="sldNum" sz="quarter" idx="12"/>
          </p:nvPr>
        </p:nvSpPr>
        <p:spPr>
          <a:xfrm>
            <a:off x="6553200" y="6592267"/>
            <a:ext cx="2133600" cy="365125"/>
          </a:xfrm>
        </p:spPr>
        <p:txBody>
          <a:bodyPr/>
          <a:lstStyle/>
          <a:p>
            <a:pPr>
              <a:defRPr/>
            </a:pPr>
            <a:fld id="{41D7ED6A-D549-40C0-9D8C-C55F5275B6CF}" type="slidenum">
              <a:rPr lang="en-US" altLang="tr-TR" smtClean="0"/>
              <a:pPr>
                <a:defRPr/>
              </a:pPr>
              <a:t>7</a:t>
            </a:fld>
            <a:endParaRPr lang="en-US" altLang="tr-TR"/>
          </a:p>
        </p:txBody>
      </p:sp>
      <p:cxnSp>
        <p:nvCxnSpPr>
          <p:cNvPr id="5" name="Straight Arrow Connector 118"/>
          <p:cNvCxnSpPr/>
          <p:nvPr/>
        </p:nvCxnSpPr>
        <p:spPr>
          <a:xfrm>
            <a:off x="876513" y="4498516"/>
            <a:ext cx="0" cy="252813"/>
          </a:xfrm>
          <a:prstGeom prst="straightConnector1">
            <a:avLst/>
          </a:prstGeom>
          <a:ln w="12700"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9" name="Group 52"/>
          <p:cNvGrpSpPr/>
          <p:nvPr/>
        </p:nvGrpSpPr>
        <p:grpSpPr>
          <a:xfrm>
            <a:off x="375879" y="1502744"/>
            <a:ext cx="5881394" cy="2857886"/>
            <a:chOff x="478222" y="1266826"/>
            <a:chExt cx="8487726" cy="4324576"/>
          </a:xfrm>
        </p:grpSpPr>
        <p:grpSp>
          <p:nvGrpSpPr>
            <p:cNvPr id="10" name="Group 48"/>
            <p:cNvGrpSpPr/>
            <p:nvPr/>
          </p:nvGrpSpPr>
          <p:grpSpPr>
            <a:xfrm>
              <a:off x="1564571" y="2047873"/>
              <a:ext cx="2426229" cy="2414739"/>
              <a:chOff x="1564571" y="2047873"/>
              <a:chExt cx="2426229" cy="2414739"/>
            </a:xfrm>
          </p:grpSpPr>
          <p:sp>
            <p:nvSpPr>
              <p:cNvPr id="31" name="Freeform 43"/>
              <p:cNvSpPr/>
              <p:nvPr/>
            </p:nvSpPr>
            <p:spPr>
              <a:xfrm>
                <a:off x="1564571" y="2047873"/>
                <a:ext cx="2426229" cy="2414739"/>
              </a:xfrm>
              <a:custGeom>
                <a:avLst/>
                <a:gdLst>
                  <a:gd name="connsiteX0" fmla="*/ 1188417 w 2426229"/>
                  <a:gd name="connsiteY0" fmla="*/ 530299 h 2414739"/>
                  <a:gd name="connsiteX1" fmla="*/ 519829 w 2426229"/>
                  <a:gd name="connsiteY1" fmla="*/ 1204546 h 2414739"/>
                  <a:gd name="connsiteX2" fmla="*/ 1188417 w 2426229"/>
                  <a:gd name="connsiteY2" fmla="*/ 1878793 h 2414739"/>
                  <a:gd name="connsiteX3" fmla="*/ 1857005 w 2426229"/>
                  <a:gd name="connsiteY3" fmla="*/ 1204546 h 2414739"/>
                  <a:gd name="connsiteX4" fmla="*/ 1188417 w 2426229"/>
                  <a:gd name="connsiteY4" fmla="*/ 530299 h 2414739"/>
                  <a:gd name="connsiteX5" fmla="*/ 1168160 w 2426229"/>
                  <a:gd name="connsiteY5" fmla="*/ 798 h 2414739"/>
                  <a:gd name="connsiteX6" fmla="*/ 1203612 w 2426229"/>
                  <a:gd name="connsiteY6" fmla="*/ 22683 h 2414739"/>
                  <a:gd name="connsiteX7" fmla="*/ 1255935 w 2426229"/>
                  <a:gd name="connsiteY7" fmla="*/ 243810 h 2414739"/>
                  <a:gd name="connsiteX8" fmla="*/ 1287146 w 2426229"/>
                  <a:gd name="connsiteY8" fmla="*/ 245384 h 2414739"/>
                  <a:gd name="connsiteX9" fmla="*/ 1464192 w 2426229"/>
                  <a:gd name="connsiteY9" fmla="*/ 280298 h 2414739"/>
                  <a:gd name="connsiteX10" fmla="*/ 1467494 w 2426229"/>
                  <a:gd name="connsiteY10" fmla="*/ 281620 h 2414739"/>
                  <a:gd name="connsiteX11" fmla="*/ 1591843 w 2426229"/>
                  <a:gd name="connsiteY11" fmla="*/ 76310 h 2414739"/>
                  <a:gd name="connsiteX12" fmla="*/ 1632304 w 2426229"/>
                  <a:gd name="connsiteY12" fmla="*/ 66374 h 2414739"/>
                  <a:gd name="connsiteX13" fmla="*/ 2041598 w 2426229"/>
                  <a:gd name="connsiteY13" fmla="*/ 314268 h 2414739"/>
                  <a:gd name="connsiteX14" fmla="*/ 2051535 w 2426229"/>
                  <a:gd name="connsiteY14" fmla="*/ 354729 h 2414739"/>
                  <a:gd name="connsiteX15" fmla="*/ 1917789 w 2426229"/>
                  <a:gd name="connsiteY15" fmla="*/ 575552 h 2414739"/>
                  <a:gd name="connsiteX16" fmla="*/ 2008124 w 2426229"/>
                  <a:gd name="connsiteY16" fmla="*/ 694704 h 2414739"/>
                  <a:gd name="connsiteX17" fmla="*/ 2030296 w 2426229"/>
                  <a:gd name="connsiteY17" fmla="*/ 736220 h 2414739"/>
                  <a:gd name="connsiteX18" fmla="*/ 2277626 w 2426229"/>
                  <a:gd name="connsiteY18" fmla="*/ 676548 h 2414739"/>
                  <a:gd name="connsiteX19" fmla="*/ 2313173 w 2426229"/>
                  <a:gd name="connsiteY19" fmla="*/ 698277 h 2414739"/>
                  <a:gd name="connsiteX20" fmla="*/ 2425401 w 2426229"/>
                  <a:gd name="connsiteY20" fmla="*/ 1163442 h 2414739"/>
                  <a:gd name="connsiteX21" fmla="*/ 2403672 w 2426229"/>
                  <a:gd name="connsiteY21" fmla="*/ 1198990 h 2414739"/>
                  <a:gd name="connsiteX22" fmla="*/ 2151226 w 2426229"/>
                  <a:gd name="connsiteY22" fmla="*/ 1259896 h 2414739"/>
                  <a:gd name="connsiteX23" fmla="*/ 2149040 w 2426229"/>
                  <a:gd name="connsiteY23" fmla="*/ 1303123 h 2414739"/>
                  <a:gd name="connsiteX24" fmla="*/ 2135595 w 2426229"/>
                  <a:gd name="connsiteY24" fmla="*/ 1392962 h 2414739"/>
                  <a:gd name="connsiteX25" fmla="*/ 2121110 w 2426229"/>
                  <a:gd name="connsiteY25" fmla="*/ 1451473 h 2414739"/>
                  <a:gd name="connsiteX26" fmla="*/ 2345364 w 2426229"/>
                  <a:gd name="connsiteY26" fmla="*/ 1584786 h 2414739"/>
                  <a:gd name="connsiteX27" fmla="*/ 2355634 w 2426229"/>
                  <a:gd name="connsiteY27" fmla="*/ 1625164 h 2414739"/>
                  <a:gd name="connsiteX28" fmla="*/ 2111114 w 2426229"/>
                  <a:gd name="connsiteY28" fmla="*/ 2036484 h 2414739"/>
                  <a:gd name="connsiteX29" fmla="*/ 2070737 w 2426229"/>
                  <a:gd name="connsiteY29" fmla="*/ 2046753 h 2414739"/>
                  <a:gd name="connsiteX30" fmla="*/ 1843633 w 2426229"/>
                  <a:gd name="connsiteY30" fmla="*/ 1911745 h 2414739"/>
                  <a:gd name="connsiteX31" fmla="*/ 1837670 w 2426229"/>
                  <a:gd name="connsiteY31" fmla="*/ 1918218 h 2414739"/>
                  <a:gd name="connsiteX32" fmla="*/ 1699035 w 2426229"/>
                  <a:gd name="connsiteY32" fmla="*/ 2023005 h 2414739"/>
                  <a:gd name="connsiteX33" fmla="*/ 1692667 w 2426229"/>
                  <a:gd name="connsiteY33" fmla="*/ 2026211 h 2414739"/>
                  <a:gd name="connsiteX34" fmla="*/ 1749302 w 2426229"/>
                  <a:gd name="connsiteY34" fmla="*/ 2270587 h 2414739"/>
                  <a:gd name="connsiteX35" fmla="*/ 1727254 w 2426229"/>
                  <a:gd name="connsiteY35" fmla="*/ 2305938 h 2414739"/>
                  <a:gd name="connsiteX36" fmla="*/ 1261097 w 2426229"/>
                  <a:gd name="connsiteY36" fmla="*/ 2413972 h 2414739"/>
                  <a:gd name="connsiteX37" fmla="*/ 1225747 w 2426229"/>
                  <a:gd name="connsiteY37" fmla="*/ 2391923 h 2414739"/>
                  <a:gd name="connsiteX38" fmla="*/ 1173840 w 2426229"/>
                  <a:gd name="connsiteY38" fmla="*/ 2167949 h 2414739"/>
                  <a:gd name="connsiteX39" fmla="*/ 1089690 w 2426229"/>
                  <a:gd name="connsiteY39" fmla="*/ 2163706 h 2414739"/>
                  <a:gd name="connsiteX40" fmla="*/ 999714 w 2426229"/>
                  <a:gd name="connsiteY40" fmla="*/ 2150282 h 2414739"/>
                  <a:gd name="connsiteX41" fmla="*/ 964275 w 2426229"/>
                  <a:gd name="connsiteY41" fmla="*/ 2141535 h 2414739"/>
                  <a:gd name="connsiteX42" fmla="*/ 842389 w 2426229"/>
                  <a:gd name="connsiteY42" fmla="*/ 2339366 h 2414739"/>
                  <a:gd name="connsiteX43" fmla="*/ 801855 w 2426229"/>
                  <a:gd name="connsiteY43" fmla="*/ 2348995 h 2414739"/>
                  <a:gd name="connsiteX44" fmla="*/ 394457 w 2426229"/>
                  <a:gd name="connsiteY44" fmla="*/ 2097995 h 2414739"/>
                  <a:gd name="connsiteX45" fmla="*/ 384829 w 2426229"/>
                  <a:gd name="connsiteY45" fmla="*/ 2057460 h 2414739"/>
                  <a:gd name="connsiteX46" fmla="*/ 497452 w 2426229"/>
                  <a:gd name="connsiteY46" fmla="*/ 1874661 h 2414739"/>
                  <a:gd name="connsiteX47" fmla="*/ 473658 w 2426229"/>
                  <a:gd name="connsiteY47" fmla="*/ 1852810 h 2414739"/>
                  <a:gd name="connsiteX48" fmla="*/ 368712 w 2426229"/>
                  <a:gd name="connsiteY48" fmla="*/ 1714386 h 2414739"/>
                  <a:gd name="connsiteX49" fmla="*/ 356516 w 2426229"/>
                  <a:gd name="connsiteY49" fmla="*/ 1690231 h 2414739"/>
                  <a:gd name="connsiteX50" fmla="*/ 146906 w 2426229"/>
                  <a:gd name="connsiteY50" fmla="*/ 1740041 h 2414739"/>
                  <a:gd name="connsiteX51" fmla="*/ 111433 w 2426229"/>
                  <a:gd name="connsiteY51" fmla="*/ 1718190 h 2414739"/>
                  <a:gd name="connsiteX52" fmla="*/ 804 w 2426229"/>
                  <a:gd name="connsiteY52" fmla="*/ 1252643 h 2414739"/>
                  <a:gd name="connsiteX53" fmla="*/ 22655 w 2426229"/>
                  <a:gd name="connsiteY53" fmla="*/ 1217170 h 2414739"/>
                  <a:gd name="connsiteX54" fmla="*/ 225052 w 2426229"/>
                  <a:gd name="connsiteY54" fmla="*/ 1169073 h 2414739"/>
                  <a:gd name="connsiteX55" fmla="*/ 230569 w 2426229"/>
                  <a:gd name="connsiteY55" fmla="*/ 1081749 h 2414739"/>
                  <a:gd name="connsiteX56" fmla="*/ 249599 w 2426229"/>
                  <a:gd name="connsiteY56" fmla="*/ 978076 h 2414739"/>
                  <a:gd name="connsiteX57" fmla="*/ 262296 w 2426229"/>
                  <a:gd name="connsiteY57" fmla="*/ 935675 h 2414739"/>
                  <a:gd name="connsiteX58" fmla="*/ 74025 w 2426229"/>
                  <a:gd name="connsiteY58" fmla="*/ 819537 h 2414739"/>
                  <a:gd name="connsiteX59" fmla="*/ 64418 w 2426229"/>
                  <a:gd name="connsiteY59" fmla="*/ 778997 h 2414739"/>
                  <a:gd name="connsiteX60" fmla="*/ 315643 w 2426229"/>
                  <a:gd name="connsiteY60" fmla="*/ 371737 h 2414739"/>
                  <a:gd name="connsiteX61" fmla="*/ 356183 w 2426229"/>
                  <a:gd name="connsiteY61" fmla="*/ 362131 h 2414739"/>
                  <a:gd name="connsiteX62" fmla="*/ 550496 w 2426229"/>
                  <a:gd name="connsiteY62" fmla="*/ 481996 h 2414739"/>
                  <a:gd name="connsiteX63" fmla="*/ 567522 w 2426229"/>
                  <a:gd name="connsiteY63" fmla="*/ 466124 h 2414739"/>
                  <a:gd name="connsiteX64" fmla="*/ 648538 w 2426229"/>
                  <a:gd name="connsiteY64" fmla="*/ 405066 h 2414739"/>
                  <a:gd name="connsiteX65" fmla="*/ 731217 w 2426229"/>
                  <a:gd name="connsiteY65" fmla="*/ 360258 h 2414739"/>
                  <a:gd name="connsiteX66" fmla="*/ 680621 w 2426229"/>
                  <a:gd name="connsiteY66" fmla="*/ 146432 h 2414739"/>
                  <a:gd name="connsiteX67" fmla="*/ 702506 w 2426229"/>
                  <a:gd name="connsiteY67" fmla="*/ 110980 h 241473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</a:cxnLst>
                <a:rect l="l" t="t" r="r" b="b"/>
                <a:pathLst>
                  <a:path w="2426229" h="2414739">
                    <a:moveTo>
                      <a:pt x="1188417" y="530299"/>
                    </a:moveTo>
                    <a:cubicBezTo>
                      <a:pt x="819166" y="530299"/>
                      <a:pt x="519829" y="832170"/>
                      <a:pt x="519829" y="1204546"/>
                    </a:cubicBezTo>
                    <a:cubicBezTo>
                      <a:pt x="519829" y="1576922"/>
                      <a:pt x="819166" y="1878793"/>
                      <a:pt x="1188417" y="1878793"/>
                    </a:cubicBezTo>
                    <a:cubicBezTo>
                      <a:pt x="1557668" y="1878793"/>
                      <a:pt x="1857005" y="1576922"/>
                      <a:pt x="1857005" y="1204546"/>
                    </a:cubicBezTo>
                    <a:cubicBezTo>
                      <a:pt x="1857005" y="832170"/>
                      <a:pt x="1557668" y="530299"/>
                      <a:pt x="1188417" y="530299"/>
                    </a:cubicBezTo>
                    <a:close/>
                    <a:moveTo>
                      <a:pt x="1168160" y="798"/>
                    </a:moveTo>
                    <a:cubicBezTo>
                      <a:pt x="1183993" y="-2949"/>
                      <a:pt x="1199865" y="6850"/>
                      <a:pt x="1203612" y="22683"/>
                    </a:cubicBezTo>
                    <a:lnTo>
                      <a:pt x="1255935" y="243810"/>
                    </a:lnTo>
                    <a:lnTo>
                      <a:pt x="1287146" y="245384"/>
                    </a:lnTo>
                    <a:cubicBezTo>
                      <a:pt x="1348010" y="251556"/>
                      <a:pt x="1407203" y="263371"/>
                      <a:pt x="1464192" y="280298"/>
                    </a:cubicBezTo>
                    <a:lnTo>
                      <a:pt x="1467494" y="281620"/>
                    </a:lnTo>
                    <a:lnTo>
                      <a:pt x="1591843" y="76310"/>
                    </a:lnTo>
                    <a:cubicBezTo>
                      <a:pt x="1600272" y="62394"/>
                      <a:pt x="1618387" y="57945"/>
                      <a:pt x="1632304" y="66374"/>
                    </a:cubicBezTo>
                    <a:lnTo>
                      <a:pt x="2041598" y="314268"/>
                    </a:lnTo>
                    <a:cubicBezTo>
                      <a:pt x="2055515" y="322697"/>
                      <a:pt x="2059963" y="340812"/>
                      <a:pt x="2051535" y="354729"/>
                    </a:cubicBezTo>
                    <a:lnTo>
                      <a:pt x="1917789" y="575552"/>
                    </a:lnTo>
                    <a:lnTo>
                      <a:pt x="2008124" y="694704"/>
                    </a:lnTo>
                    <a:lnTo>
                      <a:pt x="2030296" y="736220"/>
                    </a:lnTo>
                    <a:lnTo>
                      <a:pt x="2277626" y="676548"/>
                    </a:lnTo>
                    <a:cubicBezTo>
                      <a:pt x="2293442" y="672732"/>
                      <a:pt x="2309358" y="682461"/>
                      <a:pt x="2313173" y="698277"/>
                    </a:cubicBezTo>
                    <a:lnTo>
                      <a:pt x="2425401" y="1163442"/>
                    </a:lnTo>
                    <a:cubicBezTo>
                      <a:pt x="2429217" y="1179259"/>
                      <a:pt x="2419488" y="1195174"/>
                      <a:pt x="2403672" y="1198990"/>
                    </a:cubicBezTo>
                    <a:lnTo>
                      <a:pt x="2151226" y="1259896"/>
                    </a:lnTo>
                    <a:lnTo>
                      <a:pt x="2149040" y="1303123"/>
                    </a:lnTo>
                    <a:cubicBezTo>
                      <a:pt x="2145949" y="1333508"/>
                      <a:pt x="2141446" y="1363477"/>
                      <a:pt x="2135595" y="1392962"/>
                    </a:cubicBezTo>
                    <a:lnTo>
                      <a:pt x="2121110" y="1451473"/>
                    </a:lnTo>
                    <a:lnTo>
                      <a:pt x="2345364" y="1584786"/>
                    </a:lnTo>
                    <a:cubicBezTo>
                      <a:pt x="2359350" y="1593100"/>
                      <a:pt x="2363948" y="1611178"/>
                      <a:pt x="2355634" y="1625164"/>
                    </a:cubicBezTo>
                    <a:lnTo>
                      <a:pt x="2111114" y="2036484"/>
                    </a:lnTo>
                    <a:cubicBezTo>
                      <a:pt x="2102800" y="2050469"/>
                      <a:pt x="2084722" y="2055067"/>
                      <a:pt x="2070737" y="2046753"/>
                    </a:cubicBezTo>
                    <a:lnTo>
                      <a:pt x="1843633" y="1911745"/>
                    </a:lnTo>
                    <a:lnTo>
                      <a:pt x="1837670" y="1918218"/>
                    </a:lnTo>
                    <a:cubicBezTo>
                      <a:pt x="1794801" y="1957123"/>
                      <a:pt x="1748411" y="1992229"/>
                      <a:pt x="1699035" y="2023005"/>
                    </a:cubicBezTo>
                    <a:lnTo>
                      <a:pt x="1692667" y="2026211"/>
                    </a:lnTo>
                    <a:lnTo>
                      <a:pt x="1749302" y="2270587"/>
                    </a:lnTo>
                    <a:cubicBezTo>
                      <a:pt x="1752976" y="2286437"/>
                      <a:pt x="1743104" y="2302265"/>
                      <a:pt x="1727254" y="2305938"/>
                    </a:cubicBezTo>
                    <a:lnTo>
                      <a:pt x="1261097" y="2413972"/>
                    </a:lnTo>
                    <a:cubicBezTo>
                      <a:pt x="1245247" y="2417645"/>
                      <a:pt x="1229420" y="2407773"/>
                      <a:pt x="1225747" y="2391923"/>
                    </a:cubicBezTo>
                    <a:lnTo>
                      <a:pt x="1173840" y="2167949"/>
                    </a:lnTo>
                    <a:lnTo>
                      <a:pt x="1089690" y="2163706"/>
                    </a:lnTo>
                    <a:cubicBezTo>
                      <a:pt x="1059258" y="2160621"/>
                      <a:pt x="1029244" y="2156124"/>
                      <a:pt x="999714" y="2150282"/>
                    </a:cubicBezTo>
                    <a:lnTo>
                      <a:pt x="964275" y="2141535"/>
                    </a:lnTo>
                    <a:lnTo>
                      <a:pt x="842389" y="2339366"/>
                    </a:lnTo>
                    <a:cubicBezTo>
                      <a:pt x="833855" y="2353218"/>
                      <a:pt x="815707" y="2357529"/>
                      <a:pt x="801855" y="2348995"/>
                    </a:cubicBezTo>
                    <a:lnTo>
                      <a:pt x="394457" y="2097995"/>
                    </a:lnTo>
                    <a:cubicBezTo>
                      <a:pt x="380605" y="2089460"/>
                      <a:pt x="376294" y="2071312"/>
                      <a:pt x="384829" y="2057460"/>
                    </a:cubicBezTo>
                    <a:lnTo>
                      <a:pt x="497452" y="1874661"/>
                    </a:lnTo>
                    <a:lnTo>
                      <a:pt x="473658" y="1852810"/>
                    </a:lnTo>
                    <a:cubicBezTo>
                      <a:pt x="434694" y="1810006"/>
                      <a:pt x="399535" y="1763687"/>
                      <a:pt x="368712" y="1714386"/>
                    </a:cubicBezTo>
                    <a:lnTo>
                      <a:pt x="356516" y="1690231"/>
                    </a:lnTo>
                    <a:lnTo>
                      <a:pt x="146906" y="1740041"/>
                    </a:lnTo>
                    <a:cubicBezTo>
                      <a:pt x="131077" y="1743803"/>
                      <a:pt x="115195" y="1734020"/>
                      <a:pt x="111433" y="1718190"/>
                    </a:cubicBezTo>
                    <a:lnTo>
                      <a:pt x="804" y="1252643"/>
                    </a:lnTo>
                    <a:cubicBezTo>
                      <a:pt x="-2958" y="1236813"/>
                      <a:pt x="6825" y="1220931"/>
                      <a:pt x="22655" y="1217170"/>
                    </a:cubicBezTo>
                    <a:lnTo>
                      <a:pt x="225052" y="1169073"/>
                    </a:lnTo>
                    <a:lnTo>
                      <a:pt x="230569" y="1081749"/>
                    </a:lnTo>
                    <a:cubicBezTo>
                      <a:pt x="235049" y="1046564"/>
                      <a:pt x="241427" y="1011971"/>
                      <a:pt x="249599" y="978076"/>
                    </a:cubicBezTo>
                    <a:lnTo>
                      <a:pt x="262296" y="935675"/>
                    </a:lnTo>
                    <a:lnTo>
                      <a:pt x="74025" y="819537"/>
                    </a:lnTo>
                    <a:cubicBezTo>
                      <a:pt x="60178" y="810995"/>
                      <a:pt x="55876" y="792844"/>
                      <a:pt x="64418" y="778997"/>
                    </a:cubicBezTo>
                    <a:lnTo>
                      <a:pt x="315643" y="371737"/>
                    </a:lnTo>
                    <a:cubicBezTo>
                      <a:pt x="324184" y="357890"/>
                      <a:pt x="342335" y="353589"/>
                      <a:pt x="356183" y="362131"/>
                    </a:cubicBezTo>
                    <a:lnTo>
                      <a:pt x="550496" y="481996"/>
                    </a:lnTo>
                    <a:lnTo>
                      <a:pt x="567522" y="466124"/>
                    </a:lnTo>
                    <a:cubicBezTo>
                      <a:pt x="593404" y="444405"/>
                      <a:pt x="620445" y="424017"/>
                      <a:pt x="648538" y="405066"/>
                    </a:cubicBezTo>
                    <a:lnTo>
                      <a:pt x="731217" y="360258"/>
                    </a:lnTo>
                    <a:lnTo>
                      <a:pt x="680621" y="146432"/>
                    </a:lnTo>
                    <a:cubicBezTo>
                      <a:pt x="676875" y="130599"/>
                      <a:pt x="686673" y="114727"/>
                      <a:pt x="702506" y="110980"/>
                    </a:cubicBezTo>
                    <a:close/>
                  </a:path>
                </a:pathLst>
              </a:custGeom>
              <a:solidFill>
                <a:schemeClr val="accent3"/>
              </a:solidFill>
              <a:ln w="6350">
                <a:solidFill>
                  <a:schemeClr val="bg1"/>
                </a:solidFill>
              </a:ln>
              <a:effectLst>
                <a:outerShdw blurRad="63500" sx="102000" sy="102000" algn="ctr" rotWithShape="0">
                  <a:prstClr val="black">
                    <a:alpha val="25000"/>
                  </a:prstClr>
                </a:outerShd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wrap="square" rtlCol="0" anchor="ctr">
                <a:noAutofit/>
              </a:bodyPr>
              <a:lstStyle/>
              <a:p>
                <a:pPr algn="ctr"/>
                <a:endParaRPr lang="en-US"/>
              </a:p>
            </p:txBody>
          </p:sp>
          <p:grpSp>
            <p:nvGrpSpPr>
              <p:cNvPr id="32" name="Group 6"/>
              <p:cNvGrpSpPr/>
              <p:nvPr/>
            </p:nvGrpSpPr>
            <p:grpSpPr>
              <a:xfrm>
                <a:off x="2306437" y="2720333"/>
                <a:ext cx="942496" cy="1388724"/>
                <a:chOff x="2905363" y="1618795"/>
                <a:chExt cx="942496" cy="1388724"/>
              </a:xfrm>
              <a:solidFill>
                <a:schemeClr val="accent3"/>
              </a:solidFill>
            </p:grpSpPr>
            <p:sp>
              <p:nvSpPr>
                <p:cNvPr id="33" name="Freeform 7"/>
                <p:cNvSpPr/>
                <p:nvPr/>
              </p:nvSpPr>
              <p:spPr>
                <a:xfrm>
                  <a:off x="3074321" y="1618795"/>
                  <a:ext cx="614363" cy="635778"/>
                </a:xfrm>
                <a:custGeom>
                  <a:avLst/>
                  <a:gdLst>
                    <a:gd name="connsiteX0" fmla="*/ 0 w 614363"/>
                    <a:gd name="connsiteY0" fmla="*/ 317225 h 635778"/>
                    <a:gd name="connsiteX1" fmla="*/ 0 w 614363"/>
                    <a:gd name="connsiteY1" fmla="*/ 317226 h 635778"/>
                    <a:gd name="connsiteX2" fmla="*/ 0 w 614363"/>
                    <a:gd name="connsiteY2" fmla="*/ 317226 h 635778"/>
                    <a:gd name="connsiteX3" fmla="*/ 305492 w 614363"/>
                    <a:gd name="connsiteY3" fmla="*/ 0 h 635778"/>
                    <a:gd name="connsiteX4" fmla="*/ 534671 w 614363"/>
                    <a:gd name="connsiteY4" fmla="*/ 194152 h 635778"/>
                    <a:gd name="connsiteX5" fmla="*/ 542337 w 614363"/>
                    <a:gd name="connsiteY5" fmla="*/ 225714 h 635778"/>
                    <a:gd name="connsiteX6" fmla="*/ 555461 w 614363"/>
                    <a:gd name="connsiteY6" fmla="*/ 228364 h 635778"/>
                    <a:gd name="connsiteX7" fmla="*/ 614363 w 614363"/>
                    <a:gd name="connsiteY7" fmla="*/ 317226 h 635778"/>
                    <a:gd name="connsiteX8" fmla="*/ 614362 w 614363"/>
                    <a:gd name="connsiteY8" fmla="*/ 317226 h 635778"/>
                    <a:gd name="connsiteX9" fmla="*/ 555460 w 614363"/>
                    <a:gd name="connsiteY9" fmla="*/ 406088 h 635778"/>
                    <a:gd name="connsiteX10" fmla="*/ 542675 w 614363"/>
                    <a:gd name="connsiteY10" fmla="*/ 408669 h 635778"/>
                    <a:gd name="connsiteX11" fmla="*/ 534671 w 614363"/>
                    <a:gd name="connsiteY11" fmla="*/ 441626 h 635778"/>
                    <a:gd name="connsiteX12" fmla="*/ 305492 w 614363"/>
                    <a:gd name="connsiteY12" fmla="*/ 635778 h 635778"/>
                    <a:gd name="connsiteX13" fmla="*/ 76313 w 614363"/>
                    <a:gd name="connsiteY13" fmla="*/ 441626 h 635778"/>
                    <a:gd name="connsiteX14" fmla="*/ 68134 w 614363"/>
                    <a:gd name="connsiteY14" fmla="*/ 407951 h 635778"/>
                    <a:gd name="connsiteX15" fmla="*/ 58902 w 614363"/>
                    <a:gd name="connsiteY15" fmla="*/ 406087 h 635778"/>
                    <a:gd name="connsiteX16" fmla="*/ 7579 w 614363"/>
                    <a:gd name="connsiteY16" fmla="*/ 354764 h 635778"/>
                    <a:gd name="connsiteX17" fmla="*/ 0 w 614363"/>
                    <a:gd name="connsiteY17" fmla="*/ 317226 h 635778"/>
                    <a:gd name="connsiteX18" fmla="*/ 7579 w 614363"/>
                    <a:gd name="connsiteY18" fmla="*/ 279687 h 635778"/>
                    <a:gd name="connsiteX19" fmla="*/ 58902 w 614363"/>
                    <a:gd name="connsiteY19" fmla="*/ 228364 h 635778"/>
                    <a:gd name="connsiteX20" fmla="*/ 68473 w 614363"/>
                    <a:gd name="connsiteY20" fmla="*/ 226432 h 635778"/>
                    <a:gd name="connsiteX21" fmla="*/ 76313 w 614363"/>
                    <a:gd name="connsiteY21" fmla="*/ 194152 h 635778"/>
                    <a:gd name="connsiteX22" fmla="*/ 305492 w 614363"/>
                    <a:gd name="connsiteY22" fmla="*/ 0 h 635778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</a:cxnLst>
                  <a:rect l="l" t="t" r="r" b="b"/>
                  <a:pathLst>
                    <a:path w="614363" h="635778">
                      <a:moveTo>
                        <a:pt x="0" y="317225"/>
                      </a:moveTo>
                      <a:lnTo>
                        <a:pt x="0" y="317226"/>
                      </a:lnTo>
                      <a:lnTo>
                        <a:pt x="0" y="317226"/>
                      </a:lnTo>
                      <a:close/>
                      <a:moveTo>
                        <a:pt x="305492" y="0"/>
                      </a:moveTo>
                      <a:cubicBezTo>
                        <a:pt x="408517" y="0"/>
                        <a:pt x="496913" y="80057"/>
                        <a:pt x="534671" y="194152"/>
                      </a:cubicBezTo>
                      <a:lnTo>
                        <a:pt x="542337" y="225714"/>
                      </a:lnTo>
                      <a:lnTo>
                        <a:pt x="555461" y="228364"/>
                      </a:lnTo>
                      <a:cubicBezTo>
                        <a:pt x="590076" y="243004"/>
                        <a:pt x="614363" y="277279"/>
                        <a:pt x="614363" y="317226"/>
                      </a:cubicBezTo>
                      <a:lnTo>
                        <a:pt x="614362" y="317226"/>
                      </a:lnTo>
                      <a:cubicBezTo>
                        <a:pt x="614362" y="357173"/>
                        <a:pt x="590075" y="391448"/>
                        <a:pt x="555460" y="406088"/>
                      </a:cubicBezTo>
                      <a:lnTo>
                        <a:pt x="542675" y="408669"/>
                      </a:lnTo>
                      <a:lnTo>
                        <a:pt x="534671" y="441626"/>
                      </a:lnTo>
                      <a:cubicBezTo>
                        <a:pt x="496913" y="555721"/>
                        <a:pt x="408517" y="635778"/>
                        <a:pt x="305492" y="635778"/>
                      </a:cubicBezTo>
                      <a:cubicBezTo>
                        <a:pt x="202467" y="635778"/>
                        <a:pt x="114072" y="555721"/>
                        <a:pt x="76313" y="441626"/>
                      </a:cubicBezTo>
                      <a:lnTo>
                        <a:pt x="68134" y="407951"/>
                      </a:lnTo>
                      <a:lnTo>
                        <a:pt x="58902" y="406087"/>
                      </a:lnTo>
                      <a:cubicBezTo>
                        <a:pt x="35826" y="396327"/>
                        <a:pt x="17339" y="377840"/>
                        <a:pt x="7579" y="354764"/>
                      </a:cubicBezTo>
                      <a:lnTo>
                        <a:pt x="0" y="317226"/>
                      </a:lnTo>
                      <a:lnTo>
                        <a:pt x="7579" y="279687"/>
                      </a:lnTo>
                      <a:cubicBezTo>
                        <a:pt x="17339" y="256611"/>
                        <a:pt x="35826" y="238124"/>
                        <a:pt x="58902" y="228364"/>
                      </a:cubicBezTo>
                      <a:lnTo>
                        <a:pt x="68473" y="226432"/>
                      </a:lnTo>
                      <a:lnTo>
                        <a:pt x="76313" y="194152"/>
                      </a:lnTo>
                      <a:cubicBezTo>
                        <a:pt x="114072" y="80057"/>
                        <a:pt x="202467" y="0"/>
                        <a:pt x="305492" y="0"/>
                      </a:cubicBezTo>
                      <a:close/>
                    </a:path>
                  </a:pathLst>
                </a:custGeom>
                <a:grpFill/>
                <a:ln>
                  <a:noFill/>
                </a:ln>
                <a:effectLst/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34" name="Freeform 8"/>
                <p:cNvSpPr/>
                <p:nvPr/>
              </p:nvSpPr>
              <p:spPr>
                <a:xfrm>
                  <a:off x="2905363" y="2292263"/>
                  <a:ext cx="942496" cy="715256"/>
                </a:xfrm>
                <a:custGeom>
                  <a:avLst/>
                  <a:gdLst>
                    <a:gd name="connsiteX0" fmla="*/ 422332 w 923925"/>
                    <a:gd name="connsiteY0" fmla="*/ 287 h 715256"/>
                    <a:gd name="connsiteX1" fmla="*/ 464439 w 923925"/>
                    <a:gd name="connsiteY1" fmla="*/ 5645 h 715256"/>
                    <a:gd name="connsiteX2" fmla="*/ 521023 w 923925"/>
                    <a:gd name="connsiteY2" fmla="*/ 5644 h 715256"/>
                    <a:gd name="connsiteX3" fmla="*/ 513950 w 923925"/>
                    <a:gd name="connsiteY3" fmla="*/ 81844 h 715256"/>
                    <a:gd name="connsiteX4" fmla="*/ 529616 w 923925"/>
                    <a:gd name="connsiteY4" fmla="*/ 203681 h 715256"/>
                    <a:gd name="connsiteX5" fmla="*/ 574344 w 923925"/>
                    <a:gd name="connsiteY5" fmla="*/ 3379 h 715256"/>
                    <a:gd name="connsiteX6" fmla="*/ 576264 w 923925"/>
                    <a:gd name="connsiteY6" fmla="*/ 3262 h 715256"/>
                    <a:gd name="connsiteX7" fmla="*/ 654845 w 923925"/>
                    <a:gd name="connsiteY7" fmla="*/ 53268 h 715256"/>
                    <a:gd name="connsiteX8" fmla="*/ 890587 w 923925"/>
                    <a:gd name="connsiteY8" fmla="*/ 246150 h 715256"/>
                    <a:gd name="connsiteX9" fmla="*/ 923925 w 923925"/>
                    <a:gd name="connsiteY9" fmla="*/ 710493 h 715256"/>
                    <a:gd name="connsiteX10" fmla="*/ 0 w 923925"/>
                    <a:gd name="connsiteY10" fmla="*/ 715256 h 715256"/>
                    <a:gd name="connsiteX11" fmla="*/ 50006 w 923925"/>
                    <a:gd name="connsiteY11" fmla="*/ 250910 h 715256"/>
                    <a:gd name="connsiteX12" fmla="*/ 283371 w 923925"/>
                    <a:gd name="connsiteY12" fmla="*/ 58031 h 715256"/>
                    <a:gd name="connsiteX13" fmla="*/ 324150 w 923925"/>
                    <a:gd name="connsiteY13" fmla="*/ 35408 h 715256"/>
                    <a:gd name="connsiteX14" fmla="*/ 356611 w 923925"/>
                    <a:gd name="connsiteY14" fmla="*/ 20200 h 715256"/>
                    <a:gd name="connsiteX15" fmla="*/ 416722 w 923925"/>
                    <a:gd name="connsiteY15" fmla="*/ 208049 h 715256"/>
                    <a:gd name="connsiteX16" fmla="*/ 419332 w 923925"/>
                    <a:gd name="connsiteY16" fmla="*/ 208049 h 715256"/>
                    <a:gd name="connsiteX17" fmla="*/ 424358 w 923925"/>
                    <a:gd name="connsiteY17" fmla="*/ 179178 h 715256"/>
                    <a:gd name="connsiteX18" fmla="*/ 438503 w 923925"/>
                    <a:gd name="connsiteY18" fmla="*/ 96132 h 715256"/>
                    <a:gd name="connsiteX19" fmla="*/ 412570 w 923925"/>
                    <a:gd name="connsiteY19" fmla="*/ 5645 h 715256"/>
                    <a:gd name="connsiteX20" fmla="*/ 422332 w 923925"/>
                    <a:gd name="connsiteY20" fmla="*/ 287 h 715256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</a:cxnLst>
                  <a:rect l="l" t="t" r="r" b="b"/>
                  <a:pathLst>
                    <a:path w="923925" h="715256">
                      <a:moveTo>
                        <a:pt x="422332" y="287"/>
                      </a:moveTo>
                      <a:cubicBezTo>
                        <a:pt x="434378" y="-1499"/>
                        <a:pt x="452061" y="5645"/>
                        <a:pt x="464439" y="5645"/>
                      </a:cubicBezTo>
                      <a:cubicBezTo>
                        <a:pt x="480943" y="5645"/>
                        <a:pt x="501377" y="88"/>
                        <a:pt x="521023" y="5644"/>
                      </a:cubicBezTo>
                      <a:cubicBezTo>
                        <a:pt x="541456" y="27076"/>
                        <a:pt x="528882" y="53269"/>
                        <a:pt x="513950" y="81844"/>
                      </a:cubicBezTo>
                      <a:lnTo>
                        <a:pt x="529616" y="203681"/>
                      </a:lnTo>
                      <a:lnTo>
                        <a:pt x="574344" y="3379"/>
                      </a:lnTo>
                      <a:lnTo>
                        <a:pt x="576264" y="3262"/>
                      </a:lnTo>
                      <a:cubicBezTo>
                        <a:pt x="592932" y="15168"/>
                        <a:pt x="623890" y="31043"/>
                        <a:pt x="654845" y="53268"/>
                      </a:cubicBezTo>
                      <a:cubicBezTo>
                        <a:pt x="726282" y="77875"/>
                        <a:pt x="862012" y="119943"/>
                        <a:pt x="890587" y="246150"/>
                      </a:cubicBezTo>
                      <a:lnTo>
                        <a:pt x="923925" y="710493"/>
                      </a:lnTo>
                      <a:lnTo>
                        <a:pt x="0" y="715256"/>
                      </a:lnTo>
                      <a:lnTo>
                        <a:pt x="50006" y="250910"/>
                      </a:lnTo>
                      <a:cubicBezTo>
                        <a:pt x="75008" y="126688"/>
                        <a:pt x="209155" y="71922"/>
                        <a:pt x="283371" y="58031"/>
                      </a:cubicBezTo>
                      <a:cubicBezTo>
                        <a:pt x="299048" y="48704"/>
                        <a:pt x="312244" y="41461"/>
                        <a:pt x="324150" y="35408"/>
                      </a:cubicBezTo>
                      <a:lnTo>
                        <a:pt x="356611" y="20200"/>
                      </a:lnTo>
                      <a:lnTo>
                        <a:pt x="416722" y="208049"/>
                      </a:lnTo>
                      <a:lnTo>
                        <a:pt x="419332" y="208049"/>
                      </a:lnTo>
                      <a:lnTo>
                        <a:pt x="424358" y="179178"/>
                      </a:lnTo>
                      <a:cubicBezTo>
                        <a:pt x="429270" y="152290"/>
                        <a:pt x="434181" y="125104"/>
                        <a:pt x="438503" y="96132"/>
                      </a:cubicBezTo>
                      <a:cubicBezTo>
                        <a:pt x="422786" y="81051"/>
                        <a:pt x="402354" y="35013"/>
                        <a:pt x="412570" y="5645"/>
                      </a:cubicBezTo>
                      <a:cubicBezTo>
                        <a:pt x="414927" y="2470"/>
                        <a:pt x="418317" y="883"/>
                        <a:pt x="422332" y="287"/>
                      </a:cubicBezTo>
                      <a:close/>
                    </a:path>
                  </a:pathLst>
                </a:custGeom>
                <a:grpFill/>
                <a:ln>
                  <a:noFill/>
                </a:ln>
                <a:effectLst/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</p:grpSp>
        <p:grpSp>
          <p:nvGrpSpPr>
            <p:cNvPr id="11" name="Group 47"/>
            <p:cNvGrpSpPr/>
            <p:nvPr/>
          </p:nvGrpSpPr>
          <p:grpSpPr>
            <a:xfrm>
              <a:off x="478222" y="4004835"/>
              <a:ext cx="1610058" cy="1586567"/>
              <a:chOff x="478222" y="4004835"/>
              <a:chExt cx="1610058" cy="1586567"/>
            </a:xfrm>
          </p:grpSpPr>
          <p:sp>
            <p:nvSpPr>
              <p:cNvPr id="27" name="Freeform 42"/>
              <p:cNvSpPr/>
              <p:nvPr/>
            </p:nvSpPr>
            <p:spPr>
              <a:xfrm rot="1301979">
                <a:off x="478222" y="4004835"/>
                <a:ext cx="1610058" cy="1586567"/>
              </a:xfrm>
              <a:custGeom>
                <a:avLst/>
                <a:gdLst>
                  <a:gd name="connsiteX0" fmla="*/ 615941 w 1610058"/>
                  <a:gd name="connsiteY0" fmla="*/ 383239 h 1586567"/>
                  <a:gd name="connsiteX1" fmla="*/ 344962 w 1610058"/>
                  <a:gd name="connsiteY1" fmla="*/ 791429 h 1586567"/>
                  <a:gd name="connsiteX2" fmla="*/ 788641 w 1610058"/>
                  <a:gd name="connsiteY2" fmla="*/ 1234433 h 1586567"/>
                  <a:gd name="connsiteX3" fmla="*/ 1232320 w 1610058"/>
                  <a:gd name="connsiteY3" fmla="*/ 791429 h 1586567"/>
                  <a:gd name="connsiteX4" fmla="*/ 788641 w 1610058"/>
                  <a:gd name="connsiteY4" fmla="*/ 348425 h 1586567"/>
                  <a:gd name="connsiteX5" fmla="*/ 615941 w 1610058"/>
                  <a:gd name="connsiteY5" fmla="*/ 383239 h 1586567"/>
                  <a:gd name="connsiteX6" fmla="*/ 466187 w 1610058"/>
                  <a:gd name="connsiteY6" fmla="*/ 72918 h 1586567"/>
                  <a:gd name="connsiteX7" fmla="*/ 775197 w 1610058"/>
                  <a:gd name="connsiteY7" fmla="*/ 524 h 1586567"/>
                  <a:gd name="connsiteX8" fmla="*/ 798723 w 1610058"/>
                  <a:gd name="connsiteY8" fmla="*/ 14904 h 1586567"/>
                  <a:gd name="connsiteX9" fmla="*/ 833445 w 1610058"/>
                  <a:gd name="connsiteY9" fmla="*/ 160192 h 1586567"/>
                  <a:gd name="connsiteX10" fmla="*/ 854157 w 1610058"/>
                  <a:gd name="connsiteY10" fmla="*/ 161226 h 1586567"/>
                  <a:gd name="connsiteX11" fmla="*/ 971645 w 1610058"/>
                  <a:gd name="connsiteY11" fmla="*/ 184166 h 1586567"/>
                  <a:gd name="connsiteX12" fmla="*/ 973837 w 1610058"/>
                  <a:gd name="connsiteY12" fmla="*/ 185034 h 1586567"/>
                  <a:gd name="connsiteX13" fmla="*/ 1056355 w 1610058"/>
                  <a:gd name="connsiteY13" fmla="*/ 50138 h 1586567"/>
                  <a:gd name="connsiteX14" fmla="*/ 1083205 w 1610058"/>
                  <a:gd name="connsiteY14" fmla="*/ 43610 h 1586567"/>
                  <a:gd name="connsiteX15" fmla="*/ 1354815 w 1610058"/>
                  <a:gd name="connsiteY15" fmla="*/ 206485 h 1586567"/>
                  <a:gd name="connsiteX16" fmla="*/ 1361409 w 1610058"/>
                  <a:gd name="connsiteY16" fmla="*/ 233069 h 1586567"/>
                  <a:gd name="connsiteX17" fmla="*/ 1272655 w 1610058"/>
                  <a:gd name="connsiteY17" fmla="*/ 378158 h 1586567"/>
                  <a:gd name="connsiteX18" fmla="*/ 1332601 w 1610058"/>
                  <a:gd name="connsiteY18" fmla="*/ 456445 h 1586567"/>
                  <a:gd name="connsiteX19" fmla="*/ 1347315 w 1610058"/>
                  <a:gd name="connsiteY19" fmla="*/ 483722 h 1586567"/>
                  <a:gd name="connsiteX20" fmla="*/ 1511444 w 1610058"/>
                  <a:gd name="connsiteY20" fmla="*/ 444516 h 1586567"/>
                  <a:gd name="connsiteX21" fmla="*/ 1535034 w 1610058"/>
                  <a:gd name="connsiteY21" fmla="*/ 458793 h 1586567"/>
                  <a:gd name="connsiteX22" fmla="*/ 1609509 w 1610058"/>
                  <a:gd name="connsiteY22" fmla="*/ 764422 h 1586567"/>
                  <a:gd name="connsiteX23" fmla="*/ 1595089 w 1610058"/>
                  <a:gd name="connsiteY23" fmla="*/ 787778 h 1586567"/>
                  <a:gd name="connsiteX24" fmla="*/ 1427565 w 1610058"/>
                  <a:gd name="connsiteY24" fmla="*/ 827796 h 1586567"/>
                  <a:gd name="connsiteX25" fmla="*/ 1426114 w 1610058"/>
                  <a:gd name="connsiteY25" fmla="*/ 856197 h 1586567"/>
                  <a:gd name="connsiteX26" fmla="*/ 1417192 w 1610058"/>
                  <a:gd name="connsiteY26" fmla="*/ 915225 h 1586567"/>
                  <a:gd name="connsiteX27" fmla="*/ 1407580 w 1610058"/>
                  <a:gd name="connsiteY27" fmla="*/ 953669 h 1586567"/>
                  <a:gd name="connsiteX28" fmla="*/ 1556396 w 1610058"/>
                  <a:gd name="connsiteY28" fmla="*/ 1041260 h 1586567"/>
                  <a:gd name="connsiteX29" fmla="*/ 1563211 w 1610058"/>
                  <a:gd name="connsiteY29" fmla="*/ 1067790 h 1586567"/>
                  <a:gd name="connsiteX30" fmla="*/ 1400946 w 1610058"/>
                  <a:gd name="connsiteY30" fmla="*/ 1338041 h 1586567"/>
                  <a:gd name="connsiteX31" fmla="*/ 1374152 w 1610058"/>
                  <a:gd name="connsiteY31" fmla="*/ 1344788 h 1586567"/>
                  <a:gd name="connsiteX32" fmla="*/ 1223444 w 1610058"/>
                  <a:gd name="connsiteY32" fmla="*/ 1256084 h 1586567"/>
                  <a:gd name="connsiteX33" fmla="*/ 1219487 w 1610058"/>
                  <a:gd name="connsiteY33" fmla="*/ 1260337 h 1586567"/>
                  <a:gd name="connsiteX34" fmla="*/ 1127489 w 1610058"/>
                  <a:gd name="connsiteY34" fmla="*/ 1329185 h 1586567"/>
                  <a:gd name="connsiteX35" fmla="*/ 1123263 w 1610058"/>
                  <a:gd name="connsiteY35" fmla="*/ 1331292 h 1586567"/>
                  <a:gd name="connsiteX36" fmla="*/ 1160846 w 1610058"/>
                  <a:gd name="connsiteY36" fmla="*/ 1491855 h 1586567"/>
                  <a:gd name="connsiteX37" fmla="*/ 1146215 w 1610058"/>
                  <a:gd name="connsiteY37" fmla="*/ 1515082 h 1586567"/>
                  <a:gd name="connsiteX38" fmla="*/ 836870 w 1610058"/>
                  <a:gd name="connsiteY38" fmla="*/ 1586064 h 1586567"/>
                  <a:gd name="connsiteX39" fmla="*/ 813412 w 1610058"/>
                  <a:gd name="connsiteY39" fmla="*/ 1571577 h 1586567"/>
                  <a:gd name="connsiteX40" fmla="*/ 778966 w 1610058"/>
                  <a:gd name="connsiteY40" fmla="*/ 1424418 h 1586567"/>
                  <a:gd name="connsiteX41" fmla="*/ 723124 w 1610058"/>
                  <a:gd name="connsiteY41" fmla="*/ 1421631 h 1586567"/>
                  <a:gd name="connsiteX42" fmla="*/ 663415 w 1610058"/>
                  <a:gd name="connsiteY42" fmla="*/ 1412811 h 1586567"/>
                  <a:gd name="connsiteX43" fmla="*/ 639898 w 1610058"/>
                  <a:gd name="connsiteY43" fmla="*/ 1407063 h 1586567"/>
                  <a:gd name="connsiteX44" fmla="*/ 559014 w 1610058"/>
                  <a:gd name="connsiteY44" fmla="*/ 1537045 h 1586567"/>
                  <a:gd name="connsiteX45" fmla="*/ 532115 w 1610058"/>
                  <a:gd name="connsiteY45" fmla="*/ 1543372 h 1586567"/>
                  <a:gd name="connsiteX46" fmla="*/ 261764 w 1610058"/>
                  <a:gd name="connsiteY46" fmla="*/ 1378456 h 1586567"/>
                  <a:gd name="connsiteX47" fmla="*/ 255375 w 1610058"/>
                  <a:gd name="connsiteY47" fmla="*/ 1351823 h 1586567"/>
                  <a:gd name="connsiteX48" fmla="*/ 330112 w 1610058"/>
                  <a:gd name="connsiteY48" fmla="*/ 1231718 h 1586567"/>
                  <a:gd name="connsiteX49" fmla="*/ 314322 w 1610058"/>
                  <a:gd name="connsiteY49" fmla="*/ 1217361 h 1586567"/>
                  <a:gd name="connsiteX50" fmla="*/ 244679 w 1610058"/>
                  <a:gd name="connsiteY50" fmla="*/ 1126412 h 1586567"/>
                  <a:gd name="connsiteX51" fmla="*/ 236586 w 1610058"/>
                  <a:gd name="connsiteY51" fmla="*/ 1110541 h 1586567"/>
                  <a:gd name="connsiteX52" fmla="*/ 97488 w 1610058"/>
                  <a:gd name="connsiteY52" fmla="*/ 1143268 h 1586567"/>
                  <a:gd name="connsiteX53" fmla="*/ 73948 w 1610058"/>
                  <a:gd name="connsiteY53" fmla="*/ 1128911 h 1586567"/>
                  <a:gd name="connsiteX54" fmla="*/ 534 w 1610058"/>
                  <a:gd name="connsiteY54" fmla="*/ 823030 h 1586567"/>
                  <a:gd name="connsiteX55" fmla="*/ 15034 w 1610058"/>
                  <a:gd name="connsiteY55" fmla="*/ 799723 h 1586567"/>
                  <a:gd name="connsiteX56" fmla="*/ 149346 w 1610058"/>
                  <a:gd name="connsiteY56" fmla="*/ 768122 h 1586567"/>
                  <a:gd name="connsiteX57" fmla="*/ 153007 w 1610058"/>
                  <a:gd name="connsiteY57" fmla="*/ 710747 h 1586567"/>
                  <a:gd name="connsiteX58" fmla="*/ 165635 w 1610058"/>
                  <a:gd name="connsiteY58" fmla="*/ 642630 h 1586567"/>
                  <a:gd name="connsiteX59" fmla="*/ 174061 w 1610058"/>
                  <a:gd name="connsiteY59" fmla="*/ 614771 h 1586567"/>
                  <a:gd name="connsiteX60" fmla="*/ 49123 w 1610058"/>
                  <a:gd name="connsiteY60" fmla="*/ 538465 h 1586567"/>
                  <a:gd name="connsiteX61" fmla="*/ 42748 w 1610058"/>
                  <a:gd name="connsiteY61" fmla="*/ 511828 h 1586567"/>
                  <a:gd name="connsiteX62" fmla="*/ 209462 w 1610058"/>
                  <a:gd name="connsiteY62" fmla="*/ 244244 h 1586567"/>
                  <a:gd name="connsiteX63" fmla="*/ 236365 w 1610058"/>
                  <a:gd name="connsiteY63" fmla="*/ 237933 h 1586567"/>
                  <a:gd name="connsiteX64" fmla="*/ 365312 w 1610058"/>
                  <a:gd name="connsiteY64" fmla="*/ 316688 h 1586567"/>
                  <a:gd name="connsiteX65" fmla="*/ 376610 w 1610058"/>
                  <a:gd name="connsiteY65" fmla="*/ 306260 h 1586567"/>
                  <a:gd name="connsiteX66" fmla="*/ 430373 w 1610058"/>
                  <a:gd name="connsiteY66" fmla="*/ 266142 h 1586567"/>
                  <a:gd name="connsiteX67" fmla="*/ 485239 w 1610058"/>
                  <a:gd name="connsiteY67" fmla="*/ 236702 h 1586567"/>
                  <a:gd name="connsiteX68" fmla="*/ 451664 w 1610058"/>
                  <a:gd name="connsiteY68" fmla="*/ 96211 h 1586567"/>
                  <a:gd name="connsiteX69" fmla="*/ 466187 w 1610058"/>
                  <a:gd name="connsiteY69" fmla="*/ 72918 h 15865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</a:cxnLst>
                <a:rect l="l" t="t" r="r" b="b"/>
                <a:pathLst>
                  <a:path w="1610058" h="1586567">
                    <a:moveTo>
                      <a:pt x="615941" y="383239"/>
                    </a:moveTo>
                    <a:cubicBezTo>
                      <a:pt x="456698" y="450490"/>
                      <a:pt x="344962" y="607931"/>
                      <a:pt x="344962" y="791429"/>
                    </a:cubicBezTo>
                    <a:cubicBezTo>
                      <a:pt x="344962" y="1036093"/>
                      <a:pt x="543604" y="1234433"/>
                      <a:pt x="788641" y="1234433"/>
                    </a:cubicBezTo>
                    <a:cubicBezTo>
                      <a:pt x="1033678" y="1234433"/>
                      <a:pt x="1232320" y="1036093"/>
                      <a:pt x="1232320" y="791429"/>
                    </a:cubicBezTo>
                    <a:cubicBezTo>
                      <a:pt x="1232320" y="546765"/>
                      <a:pt x="1033678" y="348425"/>
                      <a:pt x="788641" y="348425"/>
                    </a:cubicBezTo>
                    <a:cubicBezTo>
                      <a:pt x="727381" y="348425"/>
                      <a:pt x="669022" y="360821"/>
                      <a:pt x="615941" y="383239"/>
                    </a:cubicBezTo>
                    <a:close/>
                    <a:moveTo>
                      <a:pt x="466187" y="72918"/>
                    </a:moveTo>
                    <a:lnTo>
                      <a:pt x="775197" y="524"/>
                    </a:lnTo>
                    <a:cubicBezTo>
                      <a:pt x="785704" y="-1938"/>
                      <a:pt x="796237" y="4501"/>
                      <a:pt x="798723" y="14904"/>
                    </a:cubicBezTo>
                    <a:lnTo>
                      <a:pt x="833445" y="160192"/>
                    </a:lnTo>
                    <a:lnTo>
                      <a:pt x="854157" y="161226"/>
                    </a:lnTo>
                    <a:cubicBezTo>
                      <a:pt x="894546" y="165281"/>
                      <a:pt x="933827" y="173044"/>
                      <a:pt x="971645" y="184166"/>
                    </a:cubicBezTo>
                    <a:lnTo>
                      <a:pt x="973837" y="185034"/>
                    </a:lnTo>
                    <a:lnTo>
                      <a:pt x="1056355" y="50138"/>
                    </a:lnTo>
                    <a:cubicBezTo>
                      <a:pt x="1061949" y="40995"/>
                      <a:pt x="1073970" y="38072"/>
                      <a:pt x="1083205" y="43610"/>
                    </a:cubicBezTo>
                    <a:lnTo>
                      <a:pt x="1354815" y="206485"/>
                    </a:lnTo>
                    <a:cubicBezTo>
                      <a:pt x="1364050" y="212023"/>
                      <a:pt x="1367002" y="223925"/>
                      <a:pt x="1361409" y="233069"/>
                    </a:cubicBezTo>
                    <a:lnTo>
                      <a:pt x="1272655" y="378158"/>
                    </a:lnTo>
                    <a:lnTo>
                      <a:pt x="1332601" y="456445"/>
                    </a:lnTo>
                    <a:lnTo>
                      <a:pt x="1347315" y="483722"/>
                    </a:lnTo>
                    <a:lnTo>
                      <a:pt x="1511444" y="444516"/>
                    </a:lnTo>
                    <a:cubicBezTo>
                      <a:pt x="1521940" y="442008"/>
                      <a:pt x="1532502" y="448401"/>
                      <a:pt x="1535034" y="458793"/>
                    </a:cubicBezTo>
                    <a:lnTo>
                      <a:pt x="1609509" y="764422"/>
                    </a:lnTo>
                    <a:cubicBezTo>
                      <a:pt x="1612041" y="774814"/>
                      <a:pt x="1605585" y="785271"/>
                      <a:pt x="1595089" y="787778"/>
                    </a:cubicBezTo>
                    <a:lnTo>
                      <a:pt x="1427565" y="827796"/>
                    </a:lnTo>
                    <a:lnTo>
                      <a:pt x="1426114" y="856197"/>
                    </a:lnTo>
                    <a:cubicBezTo>
                      <a:pt x="1424063" y="876161"/>
                      <a:pt x="1421075" y="895852"/>
                      <a:pt x="1417192" y="915225"/>
                    </a:cubicBezTo>
                    <a:lnTo>
                      <a:pt x="1407580" y="953669"/>
                    </a:lnTo>
                    <a:lnTo>
                      <a:pt x="1556396" y="1041260"/>
                    </a:lnTo>
                    <a:cubicBezTo>
                      <a:pt x="1565677" y="1046722"/>
                      <a:pt x="1568728" y="1058600"/>
                      <a:pt x="1563211" y="1067790"/>
                    </a:cubicBezTo>
                    <a:lnTo>
                      <a:pt x="1400946" y="1338041"/>
                    </a:lnTo>
                    <a:cubicBezTo>
                      <a:pt x="1395429" y="1347230"/>
                      <a:pt x="1383432" y="1350251"/>
                      <a:pt x="1374152" y="1344788"/>
                    </a:cubicBezTo>
                    <a:lnTo>
                      <a:pt x="1223444" y="1256084"/>
                    </a:lnTo>
                    <a:lnTo>
                      <a:pt x="1219487" y="1260337"/>
                    </a:lnTo>
                    <a:cubicBezTo>
                      <a:pt x="1191039" y="1285898"/>
                      <a:pt x="1160255" y="1308964"/>
                      <a:pt x="1127489" y="1329185"/>
                    </a:cubicBezTo>
                    <a:lnTo>
                      <a:pt x="1123263" y="1331292"/>
                    </a:lnTo>
                    <a:lnTo>
                      <a:pt x="1160846" y="1491855"/>
                    </a:lnTo>
                    <a:cubicBezTo>
                      <a:pt x="1163284" y="1502269"/>
                      <a:pt x="1156733" y="1512669"/>
                      <a:pt x="1146215" y="1515082"/>
                    </a:cubicBezTo>
                    <a:lnTo>
                      <a:pt x="836870" y="1586064"/>
                    </a:lnTo>
                    <a:cubicBezTo>
                      <a:pt x="826352" y="1588477"/>
                      <a:pt x="815849" y="1581991"/>
                      <a:pt x="813412" y="1571577"/>
                    </a:cubicBezTo>
                    <a:lnTo>
                      <a:pt x="778966" y="1424418"/>
                    </a:lnTo>
                    <a:lnTo>
                      <a:pt x="723124" y="1421631"/>
                    </a:lnTo>
                    <a:cubicBezTo>
                      <a:pt x="702929" y="1419604"/>
                      <a:pt x="683012" y="1416649"/>
                      <a:pt x="663415" y="1412811"/>
                    </a:cubicBezTo>
                    <a:lnTo>
                      <a:pt x="639898" y="1407063"/>
                    </a:lnTo>
                    <a:lnTo>
                      <a:pt x="559014" y="1537045"/>
                    </a:lnTo>
                    <a:cubicBezTo>
                      <a:pt x="553351" y="1546147"/>
                      <a:pt x="541307" y="1548979"/>
                      <a:pt x="532115" y="1543372"/>
                    </a:cubicBezTo>
                    <a:lnTo>
                      <a:pt x="261764" y="1378456"/>
                    </a:lnTo>
                    <a:cubicBezTo>
                      <a:pt x="252571" y="1372848"/>
                      <a:pt x="249711" y="1360925"/>
                      <a:pt x="255375" y="1351823"/>
                    </a:cubicBezTo>
                    <a:lnTo>
                      <a:pt x="330112" y="1231718"/>
                    </a:lnTo>
                    <a:lnTo>
                      <a:pt x="314322" y="1217361"/>
                    </a:lnTo>
                    <a:cubicBezTo>
                      <a:pt x="288465" y="1189237"/>
                      <a:pt x="265134" y="1158804"/>
                      <a:pt x="244679" y="1126412"/>
                    </a:cubicBezTo>
                    <a:lnTo>
                      <a:pt x="236586" y="1110541"/>
                    </a:lnTo>
                    <a:lnTo>
                      <a:pt x="97488" y="1143268"/>
                    </a:lnTo>
                    <a:cubicBezTo>
                      <a:pt x="86983" y="1145740"/>
                      <a:pt x="76444" y="1139312"/>
                      <a:pt x="73948" y="1128911"/>
                    </a:cubicBezTo>
                    <a:lnTo>
                      <a:pt x="534" y="823030"/>
                    </a:lnTo>
                    <a:cubicBezTo>
                      <a:pt x="-1963" y="812630"/>
                      <a:pt x="4529" y="802194"/>
                      <a:pt x="15034" y="799723"/>
                    </a:cubicBezTo>
                    <a:lnTo>
                      <a:pt x="149346" y="768122"/>
                    </a:lnTo>
                    <a:lnTo>
                      <a:pt x="153007" y="710747"/>
                    </a:lnTo>
                    <a:cubicBezTo>
                      <a:pt x="155980" y="687629"/>
                      <a:pt x="160212" y="664900"/>
                      <a:pt x="165635" y="642630"/>
                    </a:cubicBezTo>
                    <a:lnTo>
                      <a:pt x="174061" y="614771"/>
                    </a:lnTo>
                    <a:lnTo>
                      <a:pt x="49123" y="538465"/>
                    </a:lnTo>
                    <a:cubicBezTo>
                      <a:pt x="39934" y="532852"/>
                      <a:pt x="37080" y="520926"/>
                      <a:pt x="42748" y="511828"/>
                    </a:cubicBezTo>
                    <a:lnTo>
                      <a:pt x="209462" y="244244"/>
                    </a:lnTo>
                    <a:cubicBezTo>
                      <a:pt x="215130" y="235146"/>
                      <a:pt x="227175" y="232320"/>
                      <a:pt x="236365" y="237933"/>
                    </a:cubicBezTo>
                    <a:lnTo>
                      <a:pt x="365312" y="316688"/>
                    </a:lnTo>
                    <a:lnTo>
                      <a:pt x="376610" y="306260"/>
                    </a:lnTo>
                    <a:cubicBezTo>
                      <a:pt x="393786" y="291990"/>
                      <a:pt x="411730" y="278594"/>
                      <a:pt x="430373" y="266142"/>
                    </a:cubicBezTo>
                    <a:lnTo>
                      <a:pt x="485239" y="236702"/>
                    </a:lnTo>
                    <a:lnTo>
                      <a:pt x="451664" y="96211"/>
                    </a:lnTo>
                    <a:cubicBezTo>
                      <a:pt x="449178" y="85808"/>
                      <a:pt x="455680" y="75380"/>
                      <a:pt x="466187" y="72918"/>
                    </a:cubicBezTo>
                    <a:close/>
                  </a:path>
                </a:pathLst>
              </a:custGeom>
              <a:solidFill>
                <a:schemeClr val="accent1"/>
              </a:solidFill>
              <a:ln w="6350">
                <a:solidFill>
                  <a:schemeClr val="bg1"/>
                </a:solidFill>
              </a:ln>
              <a:effectLst>
                <a:outerShdw blurRad="63500" sx="102000" sy="102000" algn="ctr" rotWithShape="0">
                  <a:prstClr val="black">
                    <a:alpha val="25000"/>
                  </a:prstClr>
                </a:outerShd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wrap="square" rtlCol="0" anchor="ctr">
                <a:noAutofit/>
              </a:bodyPr>
              <a:lstStyle/>
              <a:p>
                <a:pPr algn="ctr"/>
                <a:endParaRPr lang="en-US"/>
              </a:p>
            </p:txBody>
          </p:sp>
          <p:grpSp>
            <p:nvGrpSpPr>
              <p:cNvPr id="28" name="Group 13"/>
              <p:cNvGrpSpPr/>
              <p:nvPr/>
            </p:nvGrpSpPr>
            <p:grpSpPr>
              <a:xfrm>
                <a:off x="973024" y="4411330"/>
                <a:ext cx="620454" cy="896520"/>
                <a:chOff x="2840204" y="3613920"/>
                <a:chExt cx="537176" cy="776189"/>
              </a:xfrm>
              <a:solidFill>
                <a:schemeClr val="accent1"/>
              </a:solidFill>
            </p:grpSpPr>
            <p:sp>
              <p:nvSpPr>
                <p:cNvPr id="29" name="Freeform 14"/>
                <p:cNvSpPr/>
                <p:nvPr/>
              </p:nvSpPr>
              <p:spPr>
                <a:xfrm>
                  <a:off x="2933302" y="3613920"/>
                  <a:ext cx="358658" cy="382404"/>
                </a:xfrm>
                <a:custGeom>
                  <a:avLst/>
                  <a:gdLst>
                    <a:gd name="connsiteX0" fmla="*/ 0 w 614363"/>
                    <a:gd name="connsiteY0" fmla="*/ 317225 h 635778"/>
                    <a:gd name="connsiteX1" fmla="*/ 0 w 614363"/>
                    <a:gd name="connsiteY1" fmla="*/ 317226 h 635778"/>
                    <a:gd name="connsiteX2" fmla="*/ 0 w 614363"/>
                    <a:gd name="connsiteY2" fmla="*/ 317226 h 635778"/>
                    <a:gd name="connsiteX3" fmla="*/ 305492 w 614363"/>
                    <a:gd name="connsiteY3" fmla="*/ 0 h 635778"/>
                    <a:gd name="connsiteX4" fmla="*/ 534671 w 614363"/>
                    <a:gd name="connsiteY4" fmla="*/ 194152 h 635778"/>
                    <a:gd name="connsiteX5" fmla="*/ 542337 w 614363"/>
                    <a:gd name="connsiteY5" fmla="*/ 225714 h 635778"/>
                    <a:gd name="connsiteX6" fmla="*/ 555461 w 614363"/>
                    <a:gd name="connsiteY6" fmla="*/ 228364 h 635778"/>
                    <a:gd name="connsiteX7" fmla="*/ 614363 w 614363"/>
                    <a:gd name="connsiteY7" fmla="*/ 317226 h 635778"/>
                    <a:gd name="connsiteX8" fmla="*/ 614362 w 614363"/>
                    <a:gd name="connsiteY8" fmla="*/ 317226 h 635778"/>
                    <a:gd name="connsiteX9" fmla="*/ 555460 w 614363"/>
                    <a:gd name="connsiteY9" fmla="*/ 406088 h 635778"/>
                    <a:gd name="connsiteX10" fmla="*/ 542675 w 614363"/>
                    <a:gd name="connsiteY10" fmla="*/ 408669 h 635778"/>
                    <a:gd name="connsiteX11" fmla="*/ 534671 w 614363"/>
                    <a:gd name="connsiteY11" fmla="*/ 441626 h 635778"/>
                    <a:gd name="connsiteX12" fmla="*/ 305492 w 614363"/>
                    <a:gd name="connsiteY12" fmla="*/ 635778 h 635778"/>
                    <a:gd name="connsiteX13" fmla="*/ 76313 w 614363"/>
                    <a:gd name="connsiteY13" fmla="*/ 441626 h 635778"/>
                    <a:gd name="connsiteX14" fmla="*/ 68134 w 614363"/>
                    <a:gd name="connsiteY14" fmla="*/ 407951 h 635778"/>
                    <a:gd name="connsiteX15" fmla="*/ 58902 w 614363"/>
                    <a:gd name="connsiteY15" fmla="*/ 406087 h 635778"/>
                    <a:gd name="connsiteX16" fmla="*/ 7579 w 614363"/>
                    <a:gd name="connsiteY16" fmla="*/ 354764 h 635778"/>
                    <a:gd name="connsiteX17" fmla="*/ 0 w 614363"/>
                    <a:gd name="connsiteY17" fmla="*/ 317226 h 635778"/>
                    <a:gd name="connsiteX18" fmla="*/ 7579 w 614363"/>
                    <a:gd name="connsiteY18" fmla="*/ 279687 h 635778"/>
                    <a:gd name="connsiteX19" fmla="*/ 58902 w 614363"/>
                    <a:gd name="connsiteY19" fmla="*/ 228364 h 635778"/>
                    <a:gd name="connsiteX20" fmla="*/ 68473 w 614363"/>
                    <a:gd name="connsiteY20" fmla="*/ 226432 h 635778"/>
                    <a:gd name="connsiteX21" fmla="*/ 76313 w 614363"/>
                    <a:gd name="connsiteY21" fmla="*/ 194152 h 635778"/>
                    <a:gd name="connsiteX22" fmla="*/ 305492 w 614363"/>
                    <a:gd name="connsiteY22" fmla="*/ 0 h 635778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</a:cxnLst>
                  <a:rect l="l" t="t" r="r" b="b"/>
                  <a:pathLst>
                    <a:path w="614363" h="635778">
                      <a:moveTo>
                        <a:pt x="0" y="317225"/>
                      </a:moveTo>
                      <a:lnTo>
                        <a:pt x="0" y="317226"/>
                      </a:lnTo>
                      <a:lnTo>
                        <a:pt x="0" y="317226"/>
                      </a:lnTo>
                      <a:close/>
                      <a:moveTo>
                        <a:pt x="305492" y="0"/>
                      </a:moveTo>
                      <a:cubicBezTo>
                        <a:pt x="408517" y="0"/>
                        <a:pt x="496913" y="80057"/>
                        <a:pt x="534671" y="194152"/>
                      </a:cubicBezTo>
                      <a:lnTo>
                        <a:pt x="542337" y="225714"/>
                      </a:lnTo>
                      <a:lnTo>
                        <a:pt x="555461" y="228364"/>
                      </a:lnTo>
                      <a:cubicBezTo>
                        <a:pt x="590076" y="243004"/>
                        <a:pt x="614363" y="277279"/>
                        <a:pt x="614363" y="317226"/>
                      </a:cubicBezTo>
                      <a:lnTo>
                        <a:pt x="614362" y="317226"/>
                      </a:lnTo>
                      <a:cubicBezTo>
                        <a:pt x="614362" y="357173"/>
                        <a:pt x="590075" y="391448"/>
                        <a:pt x="555460" y="406088"/>
                      </a:cubicBezTo>
                      <a:lnTo>
                        <a:pt x="542675" y="408669"/>
                      </a:lnTo>
                      <a:lnTo>
                        <a:pt x="534671" y="441626"/>
                      </a:lnTo>
                      <a:cubicBezTo>
                        <a:pt x="496913" y="555721"/>
                        <a:pt x="408517" y="635778"/>
                        <a:pt x="305492" y="635778"/>
                      </a:cubicBezTo>
                      <a:cubicBezTo>
                        <a:pt x="202467" y="635778"/>
                        <a:pt x="114072" y="555721"/>
                        <a:pt x="76313" y="441626"/>
                      </a:cubicBezTo>
                      <a:lnTo>
                        <a:pt x="68134" y="407951"/>
                      </a:lnTo>
                      <a:lnTo>
                        <a:pt x="58902" y="406087"/>
                      </a:lnTo>
                      <a:cubicBezTo>
                        <a:pt x="35826" y="396327"/>
                        <a:pt x="17339" y="377840"/>
                        <a:pt x="7579" y="354764"/>
                      </a:cubicBezTo>
                      <a:lnTo>
                        <a:pt x="0" y="317226"/>
                      </a:lnTo>
                      <a:lnTo>
                        <a:pt x="7579" y="279687"/>
                      </a:lnTo>
                      <a:cubicBezTo>
                        <a:pt x="17339" y="256611"/>
                        <a:pt x="35826" y="238124"/>
                        <a:pt x="58902" y="228364"/>
                      </a:cubicBezTo>
                      <a:lnTo>
                        <a:pt x="68473" y="226432"/>
                      </a:lnTo>
                      <a:lnTo>
                        <a:pt x="76313" y="194152"/>
                      </a:lnTo>
                      <a:cubicBezTo>
                        <a:pt x="114072" y="80057"/>
                        <a:pt x="202467" y="0"/>
                        <a:pt x="305492" y="0"/>
                      </a:cubicBezTo>
                      <a:close/>
                    </a:path>
                  </a:pathLst>
                </a:custGeom>
                <a:grpFill/>
                <a:ln>
                  <a:noFill/>
                </a:ln>
                <a:effectLst/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30" name="Freeform 15"/>
                <p:cNvSpPr/>
                <p:nvPr/>
              </p:nvSpPr>
              <p:spPr>
                <a:xfrm>
                  <a:off x="2840204" y="4018935"/>
                  <a:ext cx="537176" cy="371174"/>
                </a:xfrm>
                <a:custGeom>
                  <a:avLst/>
                  <a:gdLst>
                    <a:gd name="connsiteX0" fmla="*/ 422332 w 923925"/>
                    <a:gd name="connsiteY0" fmla="*/ 287 h 715256"/>
                    <a:gd name="connsiteX1" fmla="*/ 464439 w 923925"/>
                    <a:gd name="connsiteY1" fmla="*/ 5645 h 715256"/>
                    <a:gd name="connsiteX2" fmla="*/ 521023 w 923925"/>
                    <a:gd name="connsiteY2" fmla="*/ 5644 h 715256"/>
                    <a:gd name="connsiteX3" fmla="*/ 513950 w 923925"/>
                    <a:gd name="connsiteY3" fmla="*/ 81844 h 715256"/>
                    <a:gd name="connsiteX4" fmla="*/ 529616 w 923925"/>
                    <a:gd name="connsiteY4" fmla="*/ 203681 h 715256"/>
                    <a:gd name="connsiteX5" fmla="*/ 574344 w 923925"/>
                    <a:gd name="connsiteY5" fmla="*/ 3379 h 715256"/>
                    <a:gd name="connsiteX6" fmla="*/ 576264 w 923925"/>
                    <a:gd name="connsiteY6" fmla="*/ 3262 h 715256"/>
                    <a:gd name="connsiteX7" fmla="*/ 654845 w 923925"/>
                    <a:gd name="connsiteY7" fmla="*/ 53268 h 715256"/>
                    <a:gd name="connsiteX8" fmla="*/ 890587 w 923925"/>
                    <a:gd name="connsiteY8" fmla="*/ 246150 h 715256"/>
                    <a:gd name="connsiteX9" fmla="*/ 923925 w 923925"/>
                    <a:gd name="connsiteY9" fmla="*/ 710493 h 715256"/>
                    <a:gd name="connsiteX10" fmla="*/ 0 w 923925"/>
                    <a:gd name="connsiteY10" fmla="*/ 715256 h 715256"/>
                    <a:gd name="connsiteX11" fmla="*/ 50006 w 923925"/>
                    <a:gd name="connsiteY11" fmla="*/ 250910 h 715256"/>
                    <a:gd name="connsiteX12" fmla="*/ 283371 w 923925"/>
                    <a:gd name="connsiteY12" fmla="*/ 58031 h 715256"/>
                    <a:gd name="connsiteX13" fmla="*/ 324150 w 923925"/>
                    <a:gd name="connsiteY13" fmla="*/ 35408 h 715256"/>
                    <a:gd name="connsiteX14" fmla="*/ 356611 w 923925"/>
                    <a:gd name="connsiteY14" fmla="*/ 20200 h 715256"/>
                    <a:gd name="connsiteX15" fmla="*/ 416722 w 923925"/>
                    <a:gd name="connsiteY15" fmla="*/ 208049 h 715256"/>
                    <a:gd name="connsiteX16" fmla="*/ 419332 w 923925"/>
                    <a:gd name="connsiteY16" fmla="*/ 208049 h 715256"/>
                    <a:gd name="connsiteX17" fmla="*/ 424358 w 923925"/>
                    <a:gd name="connsiteY17" fmla="*/ 179178 h 715256"/>
                    <a:gd name="connsiteX18" fmla="*/ 438503 w 923925"/>
                    <a:gd name="connsiteY18" fmla="*/ 96132 h 715256"/>
                    <a:gd name="connsiteX19" fmla="*/ 412570 w 923925"/>
                    <a:gd name="connsiteY19" fmla="*/ 5645 h 715256"/>
                    <a:gd name="connsiteX20" fmla="*/ 422332 w 923925"/>
                    <a:gd name="connsiteY20" fmla="*/ 287 h 715256"/>
                    <a:gd name="connsiteX0" fmla="*/ 422332 w 923925"/>
                    <a:gd name="connsiteY0" fmla="*/ 287 h 715256"/>
                    <a:gd name="connsiteX1" fmla="*/ 464439 w 923925"/>
                    <a:gd name="connsiteY1" fmla="*/ 5645 h 715256"/>
                    <a:gd name="connsiteX2" fmla="*/ 521023 w 923925"/>
                    <a:gd name="connsiteY2" fmla="*/ 5644 h 715256"/>
                    <a:gd name="connsiteX3" fmla="*/ 513950 w 923925"/>
                    <a:gd name="connsiteY3" fmla="*/ 81844 h 715256"/>
                    <a:gd name="connsiteX4" fmla="*/ 529616 w 923925"/>
                    <a:gd name="connsiteY4" fmla="*/ 203681 h 715256"/>
                    <a:gd name="connsiteX5" fmla="*/ 574344 w 923925"/>
                    <a:gd name="connsiteY5" fmla="*/ 3379 h 715256"/>
                    <a:gd name="connsiteX6" fmla="*/ 576264 w 923925"/>
                    <a:gd name="connsiteY6" fmla="*/ 3262 h 715256"/>
                    <a:gd name="connsiteX7" fmla="*/ 654845 w 923925"/>
                    <a:gd name="connsiteY7" fmla="*/ 53268 h 715256"/>
                    <a:gd name="connsiteX8" fmla="*/ 890587 w 923925"/>
                    <a:gd name="connsiteY8" fmla="*/ 246150 h 715256"/>
                    <a:gd name="connsiteX9" fmla="*/ 923925 w 923925"/>
                    <a:gd name="connsiteY9" fmla="*/ 710493 h 715256"/>
                    <a:gd name="connsiteX10" fmla="*/ 0 w 923925"/>
                    <a:gd name="connsiteY10" fmla="*/ 715256 h 715256"/>
                    <a:gd name="connsiteX11" fmla="*/ 50006 w 923925"/>
                    <a:gd name="connsiteY11" fmla="*/ 250910 h 715256"/>
                    <a:gd name="connsiteX12" fmla="*/ 283371 w 923925"/>
                    <a:gd name="connsiteY12" fmla="*/ 58031 h 715256"/>
                    <a:gd name="connsiteX13" fmla="*/ 324150 w 923925"/>
                    <a:gd name="connsiteY13" fmla="*/ 35408 h 715256"/>
                    <a:gd name="connsiteX14" fmla="*/ 356611 w 923925"/>
                    <a:gd name="connsiteY14" fmla="*/ 20200 h 715256"/>
                    <a:gd name="connsiteX15" fmla="*/ 416722 w 923925"/>
                    <a:gd name="connsiteY15" fmla="*/ 208049 h 715256"/>
                    <a:gd name="connsiteX16" fmla="*/ 419332 w 923925"/>
                    <a:gd name="connsiteY16" fmla="*/ 208049 h 715256"/>
                    <a:gd name="connsiteX17" fmla="*/ 424358 w 923925"/>
                    <a:gd name="connsiteY17" fmla="*/ 179178 h 715256"/>
                    <a:gd name="connsiteX18" fmla="*/ 438503 w 923925"/>
                    <a:gd name="connsiteY18" fmla="*/ 96132 h 715256"/>
                    <a:gd name="connsiteX19" fmla="*/ 412570 w 923925"/>
                    <a:gd name="connsiteY19" fmla="*/ 5645 h 715256"/>
                    <a:gd name="connsiteX20" fmla="*/ 422332 w 923925"/>
                    <a:gd name="connsiteY20" fmla="*/ 287 h 715256"/>
                    <a:gd name="connsiteX0" fmla="*/ 422332 w 923925"/>
                    <a:gd name="connsiteY0" fmla="*/ 287 h 715256"/>
                    <a:gd name="connsiteX1" fmla="*/ 464439 w 923925"/>
                    <a:gd name="connsiteY1" fmla="*/ 5645 h 715256"/>
                    <a:gd name="connsiteX2" fmla="*/ 521023 w 923925"/>
                    <a:gd name="connsiteY2" fmla="*/ 5644 h 715256"/>
                    <a:gd name="connsiteX3" fmla="*/ 513950 w 923925"/>
                    <a:gd name="connsiteY3" fmla="*/ 81844 h 715256"/>
                    <a:gd name="connsiteX4" fmla="*/ 529616 w 923925"/>
                    <a:gd name="connsiteY4" fmla="*/ 203681 h 715256"/>
                    <a:gd name="connsiteX5" fmla="*/ 574344 w 923925"/>
                    <a:gd name="connsiteY5" fmla="*/ 3379 h 715256"/>
                    <a:gd name="connsiteX6" fmla="*/ 576264 w 923925"/>
                    <a:gd name="connsiteY6" fmla="*/ 3262 h 715256"/>
                    <a:gd name="connsiteX7" fmla="*/ 654845 w 923925"/>
                    <a:gd name="connsiteY7" fmla="*/ 53268 h 715256"/>
                    <a:gd name="connsiteX8" fmla="*/ 890587 w 923925"/>
                    <a:gd name="connsiteY8" fmla="*/ 246150 h 715256"/>
                    <a:gd name="connsiteX9" fmla="*/ 923925 w 923925"/>
                    <a:gd name="connsiteY9" fmla="*/ 710493 h 715256"/>
                    <a:gd name="connsiteX10" fmla="*/ 0 w 923925"/>
                    <a:gd name="connsiteY10" fmla="*/ 715256 h 715256"/>
                    <a:gd name="connsiteX11" fmla="*/ 50006 w 923925"/>
                    <a:gd name="connsiteY11" fmla="*/ 250910 h 715256"/>
                    <a:gd name="connsiteX12" fmla="*/ 283371 w 923925"/>
                    <a:gd name="connsiteY12" fmla="*/ 58031 h 715256"/>
                    <a:gd name="connsiteX13" fmla="*/ 324150 w 923925"/>
                    <a:gd name="connsiteY13" fmla="*/ 35408 h 715256"/>
                    <a:gd name="connsiteX14" fmla="*/ 356611 w 923925"/>
                    <a:gd name="connsiteY14" fmla="*/ 20200 h 715256"/>
                    <a:gd name="connsiteX15" fmla="*/ 416722 w 923925"/>
                    <a:gd name="connsiteY15" fmla="*/ 208049 h 715256"/>
                    <a:gd name="connsiteX16" fmla="*/ 419332 w 923925"/>
                    <a:gd name="connsiteY16" fmla="*/ 208049 h 715256"/>
                    <a:gd name="connsiteX17" fmla="*/ 424358 w 923925"/>
                    <a:gd name="connsiteY17" fmla="*/ 179178 h 715256"/>
                    <a:gd name="connsiteX18" fmla="*/ 438503 w 923925"/>
                    <a:gd name="connsiteY18" fmla="*/ 96132 h 715256"/>
                    <a:gd name="connsiteX19" fmla="*/ 412570 w 923925"/>
                    <a:gd name="connsiteY19" fmla="*/ 5645 h 715256"/>
                    <a:gd name="connsiteX20" fmla="*/ 422332 w 923925"/>
                    <a:gd name="connsiteY20" fmla="*/ 287 h 715256"/>
                    <a:gd name="connsiteX0" fmla="*/ 422332 w 923925"/>
                    <a:gd name="connsiteY0" fmla="*/ 287 h 715256"/>
                    <a:gd name="connsiteX1" fmla="*/ 464439 w 923925"/>
                    <a:gd name="connsiteY1" fmla="*/ 5645 h 715256"/>
                    <a:gd name="connsiteX2" fmla="*/ 521023 w 923925"/>
                    <a:gd name="connsiteY2" fmla="*/ 5644 h 715256"/>
                    <a:gd name="connsiteX3" fmla="*/ 513950 w 923925"/>
                    <a:gd name="connsiteY3" fmla="*/ 81844 h 715256"/>
                    <a:gd name="connsiteX4" fmla="*/ 529616 w 923925"/>
                    <a:gd name="connsiteY4" fmla="*/ 203681 h 715256"/>
                    <a:gd name="connsiteX5" fmla="*/ 574344 w 923925"/>
                    <a:gd name="connsiteY5" fmla="*/ 3379 h 715256"/>
                    <a:gd name="connsiteX6" fmla="*/ 576264 w 923925"/>
                    <a:gd name="connsiteY6" fmla="*/ 3262 h 715256"/>
                    <a:gd name="connsiteX7" fmla="*/ 654845 w 923925"/>
                    <a:gd name="connsiteY7" fmla="*/ 53268 h 715256"/>
                    <a:gd name="connsiteX8" fmla="*/ 890587 w 923925"/>
                    <a:gd name="connsiteY8" fmla="*/ 246150 h 715256"/>
                    <a:gd name="connsiteX9" fmla="*/ 923925 w 923925"/>
                    <a:gd name="connsiteY9" fmla="*/ 710493 h 715256"/>
                    <a:gd name="connsiteX10" fmla="*/ 0 w 923925"/>
                    <a:gd name="connsiteY10" fmla="*/ 715256 h 715256"/>
                    <a:gd name="connsiteX11" fmla="*/ 45779 w 923925"/>
                    <a:gd name="connsiteY11" fmla="*/ 274593 h 715256"/>
                    <a:gd name="connsiteX12" fmla="*/ 283371 w 923925"/>
                    <a:gd name="connsiteY12" fmla="*/ 58031 h 715256"/>
                    <a:gd name="connsiteX13" fmla="*/ 324150 w 923925"/>
                    <a:gd name="connsiteY13" fmla="*/ 35408 h 715256"/>
                    <a:gd name="connsiteX14" fmla="*/ 356611 w 923925"/>
                    <a:gd name="connsiteY14" fmla="*/ 20200 h 715256"/>
                    <a:gd name="connsiteX15" fmla="*/ 416722 w 923925"/>
                    <a:gd name="connsiteY15" fmla="*/ 208049 h 715256"/>
                    <a:gd name="connsiteX16" fmla="*/ 419332 w 923925"/>
                    <a:gd name="connsiteY16" fmla="*/ 208049 h 715256"/>
                    <a:gd name="connsiteX17" fmla="*/ 424358 w 923925"/>
                    <a:gd name="connsiteY17" fmla="*/ 179178 h 715256"/>
                    <a:gd name="connsiteX18" fmla="*/ 438503 w 923925"/>
                    <a:gd name="connsiteY18" fmla="*/ 96132 h 715256"/>
                    <a:gd name="connsiteX19" fmla="*/ 412570 w 923925"/>
                    <a:gd name="connsiteY19" fmla="*/ 5645 h 715256"/>
                    <a:gd name="connsiteX20" fmla="*/ 422332 w 923925"/>
                    <a:gd name="connsiteY20" fmla="*/ 287 h 715256"/>
                    <a:gd name="connsiteX0" fmla="*/ 422332 w 923925"/>
                    <a:gd name="connsiteY0" fmla="*/ 287 h 715256"/>
                    <a:gd name="connsiteX1" fmla="*/ 464439 w 923925"/>
                    <a:gd name="connsiteY1" fmla="*/ 5645 h 715256"/>
                    <a:gd name="connsiteX2" fmla="*/ 521023 w 923925"/>
                    <a:gd name="connsiteY2" fmla="*/ 5644 h 715256"/>
                    <a:gd name="connsiteX3" fmla="*/ 513950 w 923925"/>
                    <a:gd name="connsiteY3" fmla="*/ 81844 h 715256"/>
                    <a:gd name="connsiteX4" fmla="*/ 529616 w 923925"/>
                    <a:gd name="connsiteY4" fmla="*/ 203681 h 715256"/>
                    <a:gd name="connsiteX5" fmla="*/ 574344 w 923925"/>
                    <a:gd name="connsiteY5" fmla="*/ 3379 h 715256"/>
                    <a:gd name="connsiteX6" fmla="*/ 576264 w 923925"/>
                    <a:gd name="connsiteY6" fmla="*/ 3262 h 715256"/>
                    <a:gd name="connsiteX7" fmla="*/ 654845 w 923925"/>
                    <a:gd name="connsiteY7" fmla="*/ 53268 h 715256"/>
                    <a:gd name="connsiteX8" fmla="*/ 890587 w 923925"/>
                    <a:gd name="connsiteY8" fmla="*/ 246150 h 715256"/>
                    <a:gd name="connsiteX9" fmla="*/ 923925 w 923925"/>
                    <a:gd name="connsiteY9" fmla="*/ 710493 h 715256"/>
                    <a:gd name="connsiteX10" fmla="*/ 0 w 923925"/>
                    <a:gd name="connsiteY10" fmla="*/ 715256 h 715256"/>
                    <a:gd name="connsiteX11" fmla="*/ 45779 w 923925"/>
                    <a:gd name="connsiteY11" fmla="*/ 274593 h 715256"/>
                    <a:gd name="connsiteX12" fmla="*/ 283371 w 923925"/>
                    <a:gd name="connsiteY12" fmla="*/ 58031 h 715256"/>
                    <a:gd name="connsiteX13" fmla="*/ 324150 w 923925"/>
                    <a:gd name="connsiteY13" fmla="*/ 35408 h 715256"/>
                    <a:gd name="connsiteX14" fmla="*/ 356611 w 923925"/>
                    <a:gd name="connsiteY14" fmla="*/ 20200 h 715256"/>
                    <a:gd name="connsiteX15" fmla="*/ 416722 w 923925"/>
                    <a:gd name="connsiteY15" fmla="*/ 208049 h 715256"/>
                    <a:gd name="connsiteX16" fmla="*/ 419332 w 923925"/>
                    <a:gd name="connsiteY16" fmla="*/ 208049 h 715256"/>
                    <a:gd name="connsiteX17" fmla="*/ 424358 w 923925"/>
                    <a:gd name="connsiteY17" fmla="*/ 179178 h 715256"/>
                    <a:gd name="connsiteX18" fmla="*/ 438503 w 923925"/>
                    <a:gd name="connsiteY18" fmla="*/ 96132 h 715256"/>
                    <a:gd name="connsiteX19" fmla="*/ 412570 w 923925"/>
                    <a:gd name="connsiteY19" fmla="*/ 5645 h 715256"/>
                    <a:gd name="connsiteX20" fmla="*/ 422332 w 923925"/>
                    <a:gd name="connsiteY20" fmla="*/ 287 h 715256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</a:cxnLst>
                  <a:rect l="l" t="t" r="r" b="b"/>
                  <a:pathLst>
                    <a:path w="923925" h="715256">
                      <a:moveTo>
                        <a:pt x="422332" y="287"/>
                      </a:moveTo>
                      <a:cubicBezTo>
                        <a:pt x="434378" y="-1499"/>
                        <a:pt x="452061" y="5645"/>
                        <a:pt x="464439" y="5645"/>
                      </a:cubicBezTo>
                      <a:cubicBezTo>
                        <a:pt x="480943" y="5645"/>
                        <a:pt x="501377" y="88"/>
                        <a:pt x="521023" y="5644"/>
                      </a:cubicBezTo>
                      <a:cubicBezTo>
                        <a:pt x="541456" y="27076"/>
                        <a:pt x="528882" y="53269"/>
                        <a:pt x="513950" y="81844"/>
                      </a:cubicBezTo>
                      <a:lnTo>
                        <a:pt x="529616" y="203681"/>
                      </a:lnTo>
                      <a:lnTo>
                        <a:pt x="574344" y="3379"/>
                      </a:lnTo>
                      <a:lnTo>
                        <a:pt x="576264" y="3262"/>
                      </a:lnTo>
                      <a:cubicBezTo>
                        <a:pt x="592932" y="15168"/>
                        <a:pt x="623890" y="31043"/>
                        <a:pt x="654845" y="53268"/>
                      </a:cubicBezTo>
                      <a:cubicBezTo>
                        <a:pt x="726282" y="77875"/>
                        <a:pt x="862012" y="119943"/>
                        <a:pt x="890587" y="246150"/>
                      </a:cubicBezTo>
                      <a:lnTo>
                        <a:pt x="923925" y="710493"/>
                      </a:lnTo>
                      <a:lnTo>
                        <a:pt x="0" y="715256"/>
                      </a:lnTo>
                      <a:lnTo>
                        <a:pt x="45779" y="274593"/>
                      </a:lnTo>
                      <a:cubicBezTo>
                        <a:pt x="70782" y="164580"/>
                        <a:pt x="209155" y="71922"/>
                        <a:pt x="283371" y="58031"/>
                      </a:cubicBezTo>
                      <a:cubicBezTo>
                        <a:pt x="299048" y="48704"/>
                        <a:pt x="312244" y="41461"/>
                        <a:pt x="324150" y="35408"/>
                      </a:cubicBezTo>
                      <a:lnTo>
                        <a:pt x="356611" y="20200"/>
                      </a:lnTo>
                      <a:lnTo>
                        <a:pt x="416722" y="208049"/>
                      </a:lnTo>
                      <a:lnTo>
                        <a:pt x="419332" y="208049"/>
                      </a:lnTo>
                      <a:lnTo>
                        <a:pt x="424358" y="179178"/>
                      </a:lnTo>
                      <a:cubicBezTo>
                        <a:pt x="429270" y="152290"/>
                        <a:pt x="434181" y="125104"/>
                        <a:pt x="438503" y="96132"/>
                      </a:cubicBezTo>
                      <a:cubicBezTo>
                        <a:pt x="422786" y="81051"/>
                        <a:pt x="402354" y="35013"/>
                        <a:pt x="412570" y="5645"/>
                      </a:cubicBezTo>
                      <a:cubicBezTo>
                        <a:pt x="414927" y="2470"/>
                        <a:pt x="418317" y="883"/>
                        <a:pt x="422332" y="287"/>
                      </a:cubicBezTo>
                      <a:close/>
                    </a:path>
                  </a:pathLst>
                </a:custGeom>
                <a:grpFill/>
                <a:ln>
                  <a:noFill/>
                </a:ln>
                <a:effectLst/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</p:grpSp>
        <p:grpSp>
          <p:nvGrpSpPr>
            <p:cNvPr id="12" name="Group 49"/>
            <p:cNvGrpSpPr/>
            <p:nvPr/>
          </p:nvGrpSpPr>
          <p:grpSpPr>
            <a:xfrm>
              <a:off x="3551193" y="3721280"/>
              <a:ext cx="1856975" cy="1829882"/>
              <a:chOff x="3551193" y="3721280"/>
              <a:chExt cx="1856975" cy="1829882"/>
            </a:xfrm>
          </p:grpSpPr>
          <p:sp>
            <p:nvSpPr>
              <p:cNvPr id="23" name="Freeform 44"/>
              <p:cNvSpPr/>
              <p:nvPr/>
            </p:nvSpPr>
            <p:spPr>
              <a:xfrm rot="1301979">
                <a:off x="3551193" y="3721280"/>
                <a:ext cx="1856975" cy="1829882"/>
              </a:xfrm>
              <a:custGeom>
                <a:avLst/>
                <a:gdLst>
                  <a:gd name="connsiteX0" fmla="*/ 710401 w 1856975"/>
                  <a:gd name="connsiteY0" fmla="*/ 442011 h 1829882"/>
                  <a:gd name="connsiteX1" fmla="*/ 397865 w 1856975"/>
                  <a:gd name="connsiteY1" fmla="*/ 912800 h 1829882"/>
                  <a:gd name="connsiteX2" fmla="*/ 909586 w 1856975"/>
                  <a:gd name="connsiteY2" fmla="*/ 1423742 h 1829882"/>
                  <a:gd name="connsiteX3" fmla="*/ 1421307 w 1856975"/>
                  <a:gd name="connsiteY3" fmla="*/ 912800 h 1829882"/>
                  <a:gd name="connsiteX4" fmla="*/ 909586 w 1856975"/>
                  <a:gd name="connsiteY4" fmla="*/ 401859 h 1829882"/>
                  <a:gd name="connsiteX5" fmla="*/ 710401 w 1856975"/>
                  <a:gd name="connsiteY5" fmla="*/ 442011 h 1829882"/>
                  <a:gd name="connsiteX6" fmla="*/ 537682 w 1856975"/>
                  <a:gd name="connsiteY6" fmla="*/ 84100 h 1829882"/>
                  <a:gd name="connsiteX7" fmla="*/ 894081 w 1856975"/>
                  <a:gd name="connsiteY7" fmla="*/ 605 h 1829882"/>
                  <a:gd name="connsiteX8" fmla="*/ 921215 w 1856975"/>
                  <a:gd name="connsiteY8" fmla="*/ 17189 h 1829882"/>
                  <a:gd name="connsiteX9" fmla="*/ 961262 w 1856975"/>
                  <a:gd name="connsiteY9" fmla="*/ 184759 h 1829882"/>
                  <a:gd name="connsiteX10" fmla="*/ 985150 w 1856975"/>
                  <a:gd name="connsiteY10" fmla="*/ 185951 h 1829882"/>
                  <a:gd name="connsiteX11" fmla="*/ 1120657 w 1856975"/>
                  <a:gd name="connsiteY11" fmla="*/ 212409 h 1829882"/>
                  <a:gd name="connsiteX12" fmla="*/ 1123184 w 1856975"/>
                  <a:gd name="connsiteY12" fmla="*/ 213411 h 1829882"/>
                  <a:gd name="connsiteX13" fmla="*/ 1218357 w 1856975"/>
                  <a:gd name="connsiteY13" fmla="*/ 57828 h 1829882"/>
                  <a:gd name="connsiteX14" fmla="*/ 1249325 w 1856975"/>
                  <a:gd name="connsiteY14" fmla="*/ 50298 h 1829882"/>
                  <a:gd name="connsiteX15" fmla="*/ 1562588 w 1856975"/>
                  <a:gd name="connsiteY15" fmla="*/ 238151 h 1829882"/>
                  <a:gd name="connsiteX16" fmla="*/ 1570194 w 1856975"/>
                  <a:gd name="connsiteY16" fmla="*/ 268812 h 1829882"/>
                  <a:gd name="connsiteX17" fmla="*/ 1467828 w 1856975"/>
                  <a:gd name="connsiteY17" fmla="*/ 436151 h 1829882"/>
                  <a:gd name="connsiteX18" fmla="*/ 1536968 w 1856975"/>
                  <a:gd name="connsiteY18" fmla="*/ 526445 h 1829882"/>
                  <a:gd name="connsiteX19" fmla="*/ 1553938 w 1856975"/>
                  <a:gd name="connsiteY19" fmla="*/ 557906 h 1829882"/>
                  <a:gd name="connsiteX20" fmla="*/ 1743238 w 1856975"/>
                  <a:gd name="connsiteY20" fmla="*/ 512686 h 1829882"/>
                  <a:gd name="connsiteX21" fmla="*/ 1770445 w 1856975"/>
                  <a:gd name="connsiteY21" fmla="*/ 529152 h 1829882"/>
                  <a:gd name="connsiteX22" fmla="*/ 1856342 w 1856975"/>
                  <a:gd name="connsiteY22" fmla="*/ 881653 h 1829882"/>
                  <a:gd name="connsiteX23" fmla="*/ 1839711 w 1856975"/>
                  <a:gd name="connsiteY23" fmla="*/ 908591 h 1829882"/>
                  <a:gd name="connsiteX24" fmla="*/ 1646495 w 1856975"/>
                  <a:gd name="connsiteY24" fmla="*/ 954746 h 1829882"/>
                  <a:gd name="connsiteX25" fmla="*/ 1644822 w 1856975"/>
                  <a:gd name="connsiteY25" fmla="*/ 987503 h 1829882"/>
                  <a:gd name="connsiteX26" fmla="*/ 1634531 w 1856975"/>
                  <a:gd name="connsiteY26" fmla="*/ 1055582 h 1829882"/>
                  <a:gd name="connsiteX27" fmla="*/ 1623445 w 1856975"/>
                  <a:gd name="connsiteY27" fmla="*/ 1099922 h 1829882"/>
                  <a:gd name="connsiteX28" fmla="*/ 1795083 w 1856975"/>
                  <a:gd name="connsiteY28" fmla="*/ 1200946 h 1829882"/>
                  <a:gd name="connsiteX29" fmla="*/ 1802943 w 1856975"/>
                  <a:gd name="connsiteY29" fmla="*/ 1231545 h 1829882"/>
                  <a:gd name="connsiteX30" fmla="*/ 1615794 w 1856975"/>
                  <a:gd name="connsiteY30" fmla="*/ 1543241 h 1829882"/>
                  <a:gd name="connsiteX31" fmla="*/ 1584890 w 1856975"/>
                  <a:gd name="connsiteY31" fmla="*/ 1551023 h 1829882"/>
                  <a:gd name="connsiteX32" fmla="*/ 1411071 w 1856975"/>
                  <a:gd name="connsiteY32" fmla="*/ 1448715 h 1829882"/>
                  <a:gd name="connsiteX33" fmla="*/ 1406507 w 1856975"/>
                  <a:gd name="connsiteY33" fmla="*/ 1453620 h 1829882"/>
                  <a:gd name="connsiteX34" fmla="*/ 1300399 w 1856975"/>
                  <a:gd name="connsiteY34" fmla="*/ 1533027 h 1829882"/>
                  <a:gd name="connsiteX35" fmla="*/ 1295525 w 1856975"/>
                  <a:gd name="connsiteY35" fmla="*/ 1535457 h 1829882"/>
                  <a:gd name="connsiteX36" fmla="*/ 1338872 w 1856975"/>
                  <a:gd name="connsiteY36" fmla="*/ 1720644 h 1829882"/>
                  <a:gd name="connsiteX37" fmla="*/ 1321997 w 1856975"/>
                  <a:gd name="connsiteY37" fmla="*/ 1747433 h 1829882"/>
                  <a:gd name="connsiteX38" fmla="*/ 965213 w 1856975"/>
                  <a:gd name="connsiteY38" fmla="*/ 1829301 h 1829882"/>
                  <a:gd name="connsiteX39" fmla="*/ 938157 w 1856975"/>
                  <a:gd name="connsiteY39" fmla="*/ 1812592 h 1829882"/>
                  <a:gd name="connsiteX40" fmla="*/ 898428 w 1856975"/>
                  <a:gd name="connsiteY40" fmla="*/ 1642865 h 1829882"/>
                  <a:gd name="connsiteX41" fmla="*/ 834022 w 1856975"/>
                  <a:gd name="connsiteY41" fmla="*/ 1639650 h 1829882"/>
                  <a:gd name="connsiteX42" fmla="*/ 765157 w 1856975"/>
                  <a:gd name="connsiteY42" fmla="*/ 1629477 h 1829882"/>
                  <a:gd name="connsiteX43" fmla="*/ 738032 w 1856975"/>
                  <a:gd name="connsiteY43" fmla="*/ 1622849 h 1829882"/>
                  <a:gd name="connsiteX44" fmla="*/ 644744 w 1856975"/>
                  <a:gd name="connsiteY44" fmla="*/ 1772765 h 1829882"/>
                  <a:gd name="connsiteX45" fmla="*/ 613721 w 1856975"/>
                  <a:gd name="connsiteY45" fmla="*/ 1780061 h 1829882"/>
                  <a:gd name="connsiteX46" fmla="*/ 301908 w 1856975"/>
                  <a:gd name="connsiteY46" fmla="*/ 1589855 h 1829882"/>
                  <a:gd name="connsiteX47" fmla="*/ 294539 w 1856975"/>
                  <a:gd name="connsiteY47" fmla="*/ 1559137 h 1829882"/>
                  <a:gd name="connsiteX48" fmla="*/ 380738 w 1856975"/>
                  <a:gd name="connsiteY48" fmla="*/ 1420613 h 1829882"/>
                  <a:gd name="connsiteX49" fmla="*/ 362527 w 1856975"/>
                  <a:gd name="connsiteY49" fmla="*/ 1404054 h 1829882"/>
                  <a:gd name="connsiteX50" fmla="*/ 282204 w 1856975"/>
                  <a:gd name="connsiteY50" fmla="*/ 1299157 h 1829882"/>
                  <a:gd name="connsiteX51" fmla="*/ 272869 w 1856975"/>
                  <a:gd name="connsiteY51" fmla="*/ 1280852 h 1829882"/>
                  <a:gd name="connsiteX52" fmla="*/ 112439 w 1856975"/>
                  <a:gd name="connsiteY52" fmla="*/ 1318598 h 1829882"/>
                  <a:gd name="connsiteX53" fmla="*/ 85289 w 1856975"/>
                  <a:gd name="connsiteY53" fmla="*/ 1302039 h 1829882"/>
                  <a:gd name="connsiteX54" fmla="*/ 616 w 1856975"/>
                  <a:gd name="connsiteY54" fmla="*/ 949249 h 1829882"/>
                  <a:gd name="connsiteX55" fmla="*/ 17341 w 1856975"/>
                  <a:gd name="connsiteY55" fmla="*/ 922368 h 1829882"/>
                  <a:gd name="connsiteX56" fmla="*/ 172250 w 1856975"/>
                  <a:gd name="connsiteY56" fmla="*/ 885920 h 1829882"/>
                  <a:gd name="connsiteX57" fmla="*/ 176473 w 1856975"/>
                  <a:gd name="connsiteY57" fmla="*/ 819746 h 1829882"/>
                  <a:gd name="connsiteX58" fmla="*/ 191038 w 1856975"/>
                  <a:gd name="connsiteY58" fmla="*/ 741183 h 1829882"/>
                  <a:gd name="connsiteX59" fmla="*/ 200756 w 1856975"/>
                  <a:gd name="connsiteY59" fmla="*/ 709052 h 1829882"/>
                  <a:gd name="connsiteX60" fmla="*/ 56658 w 1856975"/>
                  <a:gd name="connsiteY60" fmla="*/ 621043 h 1829882"/>
                  <a:gd name="connsiteX61" fmla="*/ 49305 w 1856975"/>
                  <a:gd name="connsiteY61" fmla="*/ 590322 h 1829882"/>
                  <a:gd name="connsiteX62" fmla="*/ 241586 w 1856975"/>
                  <a:gd name="connsiteY62" fmla="*/ 281701 h 1829882"/>
                  <a:gd name="connsiteX63" fmla="*/ 272614 w 1856975"/>
                  <a:gd name="connsiteY63" fmla="*/ 274422 h 1829882"/>
                  <a:gd name="connsiteX64" fmla="*/ 421337 w 1856975"/>
                  <a:gd name="connsiteY64" fmla="*/ 365255 h 1829882"/>
                  <a:gd name="connsiteX65" fmla="*/ 434368 w 1856975"/>
                  <a:gd name="connsiteY65" fmla="*/ 353227 h 1829882"/>
                  <a:gd name="connsiteX66" fmla="*/ 496375 w 1856975"/>
                  <a:gd name="connsiteY66" fmla="*/ 306958 h 1829882"/>
                  <a:gd name="connsiteX67" fmla="*/ 559656 w 1856975"/>
                  <a:gd name="connsiteY67" fmla="*/ 273002 h 1829882"/>
                  <a:gd name="connsiteX68" fmla="*/ 520931 w 1856975"/>
                  <a:gd name="connsiteY68" fmla="*/ 110966 h 1829882"/>
                  <a:gd name="connsiteX69" fmla="*/ 537682 w 1856975"/>
                  <a:gd name="connsiteY69" fmla="*/ 84100 h 182988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</a:cxnLst>
                <a:rect l="l" t="t" r="r" b="b"/>
                <a:pathLst>
                  <a:path w="1856975" h="1829882">
                    <a:moveTo>
                      <a:pt x="710401" y="442011"/>
                    </a:moveTo>
                    <a:cubicBezTo>
                      <a:pt x="526737" y="519576"/>
                      <a:pt x="397865" y="701162"/>
                      <a:pt x="397865" y="912800"/>
                    </a:cubicBezTo>
                    <a:cubicBezTo>
                      <a:pt x="397865" y="1194986"/>
                      <a:pt x="626970" y="1423742"/>
                      <a:pt x="909586" y="1423742"/>
                    </a:cubicBezTo>
                    <a:cubicBezTo>
                      <a:pt x="1192202" y="1423742"/>
                      <a:pt x="1421307" y="1194985"/>
                      <a:pt x="1421307" y="912800"/>
                    </a:cubicBezTo>
                    <a:cubicBezTo>
                      <a:pt x="1421307" y="630615"/>
                      <a:pt x="1192202" y="401858"/>
                      <a:pt x="909586" y="401859"/>
                    </a:cubicBezTo>
                    <a:cubicBezTo>
                      <a:pt x="838932" y="401858"/>
                      <a:pt x="771622" y="416156"/>
                      <a:pt x="710401" y="442011"/>
                    </a:cubicBezTo>
                    <a:close/>
                    <a:moveTo>
                      <a:pt x="537682" y="84100"/>
                    </a:moveTo>
                    <a:lnTo>
                      <a:pt x="894081" y="605"/>
                    </a:lnTo>
                    <a:cubicBezTo>
                      <a:pt x="906199" y="-2235"/>
                      <a:pt x="918347" y="5191"/>
                      <a:pt x="921215" y="17189"/>
                    </a:cubicBezTo>
                    <a:lnTo>
                      <a:pt x="961262" y="184759"/>
                    </a:lnTo>
                    <a:lnTo>
                      <a:pt x="985150" y="185951"/>
                    </a:lnTo>
                    <a:cubicBezTo>
                      <a:pt x="1031733" y="190628"/>
                      <a:pt x="1077038" y="199582"/>
                      <a:pt x="1120657" y="212409"/>
                    </a:cubicBezTo>
                    <a:lnTo>
                      <a:pt x="1123184" y="213411"/>
                    </a:lnTo>
                    <a:lnTo>
                      <a:pt x="1218357" y="57828"/>
                    </a:lnTo>
                    <a:cubicBezTo>
                      <a:pt x="1224809" y="47282"/>
                      <a:pt x="1238673" y="43911"/>
                      <a:pt x="1249325" y="50298"/>
                    </a:cubicBezTo>
                    <a:lnTo>
                      <a:pt x="1562588" y="238151"/>
                    </a:lnTo>
                    <a:cubicBezTo>
                      <a:pt x="1573240" y="244539"/>
                      <a:pt x="1576645" y="258266"/>
                      <a:pt x="1570194" y="268812"/>
                    </a:cubicBezTo>
                    <a:lnTo>
                      <a:pt x="1467828" y="436151"/>
                    </a:lnTo>
                    <a:lnTo>
                      <a:pt x="1536968" y="526445"/>
                    </a:lnTo>
                    <a:lnTo>
                      <a:pt x="1553938" y="557906"/>
                    </a:lnTo>
                    <a:lnTo>
                      <a:pt x="1743238" y="512686"/>
                    </a:lnTo>
                    <a:cubicBezTo>
                      <a:pt x="1755343" y="509794"/>
                      <a:pt x="1767525" y="517167"/>
                      <a:pt x="1770445" y="529152"/>
                    </a:cubicBezTo>
                    <a:lnTo>
                      <a:pt x="1856342" y="881653"/>
                    </a:lnTo>
                    <a:cubicBezTo>
                      <a:pt x="1859262" y="893639"/>
                      <a:pt x="1851816" y="905699"/>
                      <a:pt x="1839711" y="908591"/>
                    </a:cubicBezTo>
                    <a:lnTo>
                      <a:pt x="1646495" y="954746"/>
                    </a:lnTo>
                    <a:lnTo>
                      <a:pt x="1644822" y="987503"/>
                    </a:lnTo>
                    <a:cubicBezTo>
                      <a:pt x="1642456" y="1010529"/>
                      <a:pt x="1639009" y="1033239"/>
                      <a:pt x="1634531" y="1055582"/>
                    </a:cubicBezTo>
                    <a:lnTo>
                      <a:pt x="1623445" y="1099922"/>
                    </a:lnTo>
                    <a:lnTo>
                      <a:pt x="1795083" y="1200946"/>
                    </a:lnTo>
                    <a:cubicBezTo>
                      <a:pt x="1805787" y="1207247"/>
                      <a:pt x="1809307" y="1220946"/>
                      <a:pt x="1802943" y="1231545"/>
                    </a:cubicBezTo>
                    <a:lnTo>
                      <a:pt x="1615794" y="1543241"/>
                    </a:lnTo>
                    <a:cubicBezTo>
                      <a:pt x="1609431" y="1553839"/>
                      <a:pt x="1595594" y="1557324"/>
                      <a:pt x="1584890" y="1551023"/>
                    </a:cubicBezTo>
                    <a:lnTo>
                      <a:pt x="1411071" y="1448715"/>
                    </a:lnTo>
                    <a:lnTo>
                      <a:pt x="1406507" y="1453620"/>
                    </a:lnTo>
                    <a:cubicBezTo>
                      <a:pt x="1373696" y="1483102"/>
                      <a:pt x="1338190" y="1509705"/>
                      <a:pt x="1300399" y="1533027"/>
                    </a:cubicBezTo>
                    <a:lnTo>
                      <a:pt x="1295525" y="1535457"/>
                    </a:lnTo>
                    <a:lnTo>
                      <a:pt x="1338872" y="1720644"/>
                    </a:lnTo>
                    <a:cubicBezTo>
                      <a:pt x="1341684" y="1732655"/>
                      <a:pt x="1334129" y="1744650"/>
                      <a:pt x="1321997" y="1747433"/>
                    </a:cubicBezTo>
                    <a:lnTo>
                      <a:pt x="965213" y="1829301"/>
                    </a:lnTo>
                    <a:cubicBezTo>
                      <a:pt x="953081" y="1832084"/>
                      <a:pt x="940968" y="1824603"/>
                      <a:pt x="938157" y="1812592"/>
                    </a:cubicBezTo>
                    <a:lnTo>
                      <a:pt x="898428" y="1642865"/>
                    </a:lnTo>
                    <a:lnTo>
                      <a:pt x="834022" y="1639650"/>
                    </a:lnTo>
                    <a:cubicBezTo>
                      <a:pt x="810730" y="1637312"/>
                      <a:pt x="787758" y="1633905"/>
                      <a:pt x="765157" y="1629477"/>
                    </a:cubicBezTo>
                    <a:lnTo>
                      <a:pt x="738032" y="1622849"/>
                    </a:lnTo>
                    <a:lnTo>
                      <a:pt x="644744" y="1772765"/>
                    </a:lnTo>
                    <a:cubicBezTo>
                      <a:pt x="638212" y="1783262"/>
                      <a:pt x="624322" y="1786528"/>
                      <a:pt x="613721" y="1780061"/>
                    </a:cubicBezTo>
                    <a:lnTo>
                      <a:pt x="301908" y="1589855"/>
                    </a:lnTo>
                    <a:cubicBezTo>
                      <a:pt x="291307" y="1583387"/>
                      <a:pt x="288007" y="1569634"/>
                      <a:pt x="294539" y="1559137"/>
                    </a:cubicBezTo>
                    <a:lnTo>
                      <a:pt x="380738" y="1420613"/>
                    </a:lnTo>
                    <a:lnTo>
                      <a:pt x="362527" y="1404054"/>
                    </a:lnTo>
                    <a:cubicBezTo>
                      <a:pt x="332705" y="1371617"/>
                      <a:pt x="305795" y="1336517"/>
                      <a:pt x="282204" y="1299157"/>
                    </a:cubicBezTo>
                    <a:lnTo>
                      <a:pt x="272869" y="1280852"/>
                    </a:lnTo>
                    <a:lnTo>
                      <a:pt x="112439" y="1318598"/>
                    </a:lnTo>
                    <a:cubicBezTo>
                      <a:pt x="100324" y="1321449"/>
                      <a:pt x="88168" y="1314035"/>
                      <a:pt x="85289" y="1302039"/>
                    </a:cubicBezTo>
                    <a:lnTo>
                      <a:pt x="616" y="949249"/>
                    </a:lnTo>
                    <a:cubicBezTo>
                      <a:pt x="-2263" y="937253"/>
                      <a:pt x="5224" y="925218"/>
                      <a:pt x="17341" y="922368"/>
                    </a:cubicBezTo>
                    <a:lnTo>
                      <a:pt x="172250" y="885920"/>
                    </a:lnTo>
                    <a:lnTo>
                      <a:pt x="176473" y="819746"/>
                    </a:lnTo>
                    <a:cubicBezTo>
                      <a:pt x="179901" y="793083"/>
                      <a:pt x="184783" y="766869"/>
                      <a:pt x="191038" y="741183"/>
                    </a:cubicBezTo>
                    <a:lnTo>
                      <a:pt x="200756" y="709052"/>
                    </a:lnTo>
                    <a:lnTo>
                      <a:pt x="56658" y="621043"/>
                    </a:lnTo>
                    <a:cubicBezTo>
                      <a:pt x="46060" y="614570"/>
                      <a:pt x="42767" y="600815"/>
                      <a:pt x="49305" y="590322"/>
                    </a:cubicBezTo>
                    <a:lnTo>
                      <a:pt x="241586" y="281701"/>
                    </a:lnTo>
                    <a:cubicBezTo>
                      <a:pt x="248123" y="271208"/>
                      <a:pt x="262015" y="267949"/>
                      <a:pt x="272614" y="274422"/>
                    </a:cubicBezTo>
                    <a:lnTo>
                      <a:pt x="421337" y="365255"/>
                    </a:lnTo>
                    <a:lnTo>
                      <a:pt x="434368" y="353227"/>
                    </a:lnTo>
                    <a:cubicBezTo>
                      <a:pt x="454177" y="336769"/>
                      <a:pt x="474874" y="321319"/>
                      <a:pt x="496375" y="306958"/>
                    </a:cubicBezTo>
                    <a:lnTo>
                      <a:pt x="559656" y="273002"/>
                    </a:lnTo>
                    <a:lnTo>
                      <a:pt x="520931" y="110966"/>
                    </a:lnTo>
                    <a:cubicBezTo>
                      <a:pt x="518064" y="98968"/>
                      <a:pt x="525563" y="86940"/>
                      <a:pt x="537682" y="84100"/>
                    </a:cubicBezTo>
                    <a:close/>
                  </a:path>
                </a:pathLst>
              </a:custGeom>
              <a:solidFill>
                <a:schemeClr val="accent4"/>
              </a:solidFill>
              <a:ln w="6350">
                <a:solidFill>
                  <a:schemeClr val="bg1"/>
                </a:solidFill>
              </a:ln>
              <a:effectLst>
                <a:outerShdw blurRad="63500" sx="102000" sy="102000" algn="ctr" rotWithShape="0">
                  <a:prstClr val="black">
                    <a:alpha val="25000"/>
                  </a:prstClr>
                </a:outerShd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wrap="square" rtlCol="0" anchor="ctr">
                <a:noAutofit/>
              </a:bodyPr>
              <a:lstStyle/>
              <a:p>
                <a:pPr algn="ctr"/>
                <a:endParaRPr lang="en-US"/>
              </a:p>
            </p:txBody>
          </p:sp>
          <p:grpSp>
            <p:nvGrpSpPr>
              <p:cNvPr id="24" name="Group 20"/>
              <p:cNvGrpSpPr/>
              <p:nvPr/>
            </p:nvGrpSpPr>
            <p:grpSpPr>
              <a:xfrm>
                <a:off x="4121878" y="4190116"/>
                <a:ext cx="715606" cy="1034010"/>
                <a:chOff x="2840204" y="3613920"/>
                <a:chExt cx="537176" cy="776189"/>
              </a:xfrm>
              <a:solidFill>
                <a:schemeClr val="accent4"/>
              </a:solidFill>
            </p:grpSpPr>
            <p:sp>
              <p:nvSpPr>
                <p:cNvPr id="25" name="Freeform 21"/>
                <p:cNvSpPr/>
                <p:nvPr/>
              </p:nvSpPr>
              <p:spPr>
                <a:xfrm>
                  <a:off x="2933302" y="3613920"/>
                  <a:ext cx="358658" cy="382404"/>
                </a:xfrm>
                <a:custGeom>
                  <a:avLst/>
                  <a:gdLst>
                    <a:gd name="connsiteX0" fmla="*/ 0 w 614363"/>
                    <a:gd name="connsiteY0" fmla="*/ 317225 h 635778"/>
                    <a:gd name="connsiteX1" fmla="*/ 0 w 614363"/>
                    <a:gd name="connsiteY1" fmla="*/ 317226 h 635778"/>
                    <a:gd name="connsiteX2" fmla="*/ 0 w 614363"/>
                    <a:gd name="connsiteY2" fmla="*/ 317226 h 635778"/>
                    <a:gd name="connsiteX3" fmla="*/ 305492 w 614363"/>
                    <a:gd name="connsiteY3" fmla="*/ 0 h 635778"/>
                    <a:gd name="connsiteX4" fmla="*/ 534671 w 614363"/>
                    <a:gd name="connsiteY4" fmla="*/ 194152 h 635778"/>
                    <a:gd name="connsiteX5" fmla="*/ 542337 w 614363"/>
                    <a:gd name="connsiteY5" fmla="*/ 225714 h 635778"/>
                    <a:gd name="connsiteX6" fmla="*/ 555461 w 614363"/>
                    <a:gd name="connsiteY6" fmla="*/ 228364 h 635778"/>
                    <a:gd name="connsiteX7" fmla="*/ 614363 w 614363"/>
                    <a:gd name="connsiteY7" fmla="*/ 317226 h 635778"/>
                    <a:gd name="connsiteX8" fmla="*/ 614362 w 614363"/>
                    <a:gd name="connsiteY8" fmla="*/ 317226 h 635778"/>
                    <a:gd name="connsiteX9" fmla="*/ 555460 w 614363"/>
                    <a:gd name="connsiteY9" fmla="*/ 406088 h 635778"/>
                    <a:gd name="connsiteX10" fmla="*/ 542675 w 614363"/>
                    <a:gd name="connsiteY10" fmla="*/ 408669 h 635778"/>
                    <a:gd name="connsiteX11" fmla="*/ 534671 w 614363"/>
                    <a:gd name="connsiteY11" fmla="*/ 441626 h 635778"/>
                    <a:gd name="connsiteX12" fmla="*/ 305492 w 614363"/>
                    <a:gd name="connsiteY12" fmla="*/ 635778 h 635778"/>
                    <a:gd name="connsiteX13" fmla="*/ 76313 w 614363"/>
                    <a:gd name="connsiteY13" fmla="*/ 441626 h 635778"/>
                    <a:gd name="connsiteX14" fmla="*/ 68134 w 614363"/>
                    <a:gd name="connsiteY14" fmla="*/ 407951 h 635778"/>
                    <a:gd name="connsiteX15" fmla="*/ 58902 w 614363"/>
                    <a:gd name="connsiteY15" fmla="*/ 406087 h 635778"/>
                    <a:gd name="connsiteX16" fmla="*/ 7579 w 614363"/>
                    <a:gd name="connsiteY16" fmla="*/ 354764 h 635778"/>
                    <a:gd name="connsiteX17" fmla="*/ 0 w 614363"/>
                    <a:gd name="connsiteY17" fmla="*/ 317226 h 635778"/>
                    <a:gd name="connsiteX18" fmla="*/ 7579 w 614363"/>
                    <a:gd name="connsiteY18" fmla="*/ 279687 h 635778"/>
                    <a:gd name="connsiteX19" fmla="*/ 58902 w 614363"/>
                    <a:gd name="connsiteY19" fmla="*/ 228364 h 635778"/>
                    <a:gd name="connsiteX20" fmla="*/ 68473 w 614363"/>
                    <a:gd name="connsiteY20" fmla="*/ 226432 h 635778"/>
                    <a:gd name="connsiteX21" fmla="*/ 76313 w 614363"/>
                    <a:gd name="connsiteY21" fmla="*/ 194152 h 635778"/>
                    <a:gd name="connsiteX22" fmla="*/ 305492 w 614363"/>
                    <a:gd name="connsiteY22" fmla="*/ 0 h 635778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</a:cxnLst>
                  <a:rect l="l" t="t" r="r" b="b"/>
                  <a:pathLst>
                    <a:path w="614363" h="635778">
                      <a:moveTo>
                        <a:pt x="0" y="317225"/>
                      </a:moveTo>
                      <a:lnTo>
                        <a:pt x="0" y="317226"/>
                      </a:lnTo>
                      <a:lnTo>
                        <a:pt x="0" y="317226"/>
                      </a:lnTo>
                      <a:close/>
                      <a:moveTo>
                        <a:pt x="305492" y="0"/>
                      </a:moveTo>
                      <a:cubicBezTo>
                        <a:pt x="408517" y="0"/>
                        <a:pt x="496913" y="80057"/>
                        <a:pt x="534671" y="194152"/>
                      </a:cubicBezTo>
                      <a:lnTo>
                        <a:pt x="542337" y="225714"/>
                      </a:lnTo>
                      <a:lnTo>
                        <a:pt x="555461" y="228364"/>
                      </a:lnTo>
                      <a:cubicBezTo>
                        <a:pt x="590076" y="243004"/>
                        <a:pt x="614363" y="277279"/>
                        <a:pt x="614363" y="317226"/>
                      </a:cubicBezTo>
                      <a:lnTo>
                        <a:pt x="614362" y="317226"/>
                      </a:lnTo>
                      <a:cubicBezTo>
                        <a:pt x="614362" y="357173"/>
                        <a:pt x="590075" y="391448"/>
                        <a:pt x="555460" y="406088"/>
                      </a:cubicBezTo>
                      <a:lnTo>
                        <a:pt x="542675" y="408669"/>
                      </a:lnTo>
                      <a:lnTo>
                        <a:pt x="534671" y="441626"/>
                      </a:lnTo>
                      <a:cubicBezTo>
                        <a:pt x="496913" y="555721"/>
                        <a:pt x="408517" y="635778"/>
                        <a:pt x="305492" y="635778"/>
                      </a:cubicBezTo>
                      <a:cubicBezTo>
                        <a:pt x="202467" y="635778"/>
                        <a:pt x="114072" y="555721"/>
                        <a:pt x="76313" y="441626"/>
                      </a:cubicBezTo>
                      <a:lnTo>
                        <a:pt x="68134" y="407951"/>
                      </a:lnTo>
                      <a:lnTo>
                        <a:pt x="58902" y="406087"/>
                      </a:lnTo>
                      <a:cubicBezTo>
                        <a:pt x="35826" y="396327"/>
                        <a:pt x="17339" y="377840"/>
                        <a:pt x="7579" y="354764"/>
                      </a:cubicBezTo>
                      <a:lnTo>
                        <a:pt x="0" y="317226"/>
                      </a:lnTo>
                      <a:lnTo>
                        <a:pt x="7579" y="279687"/>
                      </a:lnTo>
                      <a:cubicBezTo>
                        <a:pt x="17339" y="256611"/>
                        <a:pt x="35826" y="238124"/>
                        <a:pt x="58902" y="228364"/>
                      </a:cubicBezTo>
                      <a:lnTo>
                        <a:pt x="68473" y="226432"/>
                      </a:lnTo>
                      <a:lnTo>
                        <a:pt x="76313" y="194152"/>
                      </a:lnTo>
                      <a:cubicBezTo>
                        <a:pt x="114072" y="80057"/>
                        <a:pt x="202467" y="0"/>
                        <a:pt x="305492" y="0"/>
                      </a:cubicBezTo>
                      <a:close/>
                    </a:path>
                  </a:pathLst>
                </a:custGeom>
                <a:grpFill/>
                <a:ln>
                  <a:noFill/>
                </a:ln>
                <a:effectLst/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26" name="Freeform 22"/>
                <p:cNvSpPr/>
                <p:nvPr/>
              </p:nvSpPr>
              <p:spPr>
                <a:xfrm>
                  <a:off x="2840204" y="4018935"/>
                  <a:ext cx="537176" cy="371174"/>
                </a:xfrm>
                <a:custGeom>
                  <a:avLst/>
                  <a:gdLst>
                    <a:gd name="connsiteX0" fmla="*/ 422332 w 923925"/>
                    <a:gd name="connsiteY0" fmla="*/ 287 h 715256"/>
                    <a:gd name="connsiteX1" fmla="*/ 464439 w 923925"/>
                    <a:gd name="connsiteY1" fmla="*/ 5645 h 715256"/>
                    <a:gd name="connsiteX2" fmla="*/ 521023 w 923925"/>
                    <a:gd name="connsiteY2" fmla="*/ 5644 h 715256"/>
                    <a:gd name="connsiteX3" fmla="*/ 513950 w 923925"/>
                    <a:gd name="connsiteY3" fmla="*/ 81844 h 715256"/>
                    <a:gd name="connsiteX4" fmla="*/ 529616 w 923925"/>
                    <a:gd name="connsiteY4" fmla="*/ 203681 h 715256"/>
                    <a:gd name="connsiteX5" fmla="*/ 574344 w 923925"/>
                    <a:gd name="connsiteY5" fmla="*/ 3379 h 715256"/>
                    <a:gd name="connsiteX6" fmla="*/ 576264 w 923925"/>
                    <a:gd name="connsiteY6" fmla="*/ 3262 h 715256"/>
                    <a:gd name="connsiteX7" fmla="*/ 654845 w 923925"/>
                    <a:gd name="connsiteY7" fmla="*/ 53268 h 715256"/>
                    <a:gd name="connsiteX8" fmla="*/ 890587 w 923925"/>
                    <a:gd name="connsiteY8" fmla="*/ 246150 h 715256"/>
                    <a:gd name="connsiteX9" fmla="*/ 923925 w 923925"/>
                    <a:gd name="connsiteY9" fmla="*/ 710493 h 715256"/>
                    <a:gd name="connsiteX10" fmla="*/ 0 w 923925"/>
                    <a:gd name="connsiteY10" fmla="*/ 715256 h 715256"/>
                    <a:gd name="connsiteX11" fmla="*/ 50006 w 923925"/>
                    <a:gd name="connsiteY11" fmla="*/ 250910 h 715256"/>
                    <a:gd name="connsiteX12" fmla="*/ 283371 w 923925"/>
                    <a:gd name="connsiteY12" fmla="*/ 58031 h 715256"/>
                    <a:gd name="connsiteX13" fmla="*/ 324150 w 923925"/>
                    <a:gd name="connsiteY13" fmla="*/ 35408 h 715256"/>
                    <a:gd name="connsiteX14" fmla="*/ 356611 w 923925"/>
                    <a:gd name="connsiteY14" fmla="*/ 20200 h 715256"/>
                    <a:gd name="connsiteX15" fmla="*/ 416722 w 923925"/>
                    <a:gd name="connsiteY15" fmla="*/ 208049 h 715256"/>
                    <a:gd name="connsiteX16" fmla="*/ 419332 w 923925"/>
                    <a:gd name="connsiteY16" fmla="*/ 208049 h 715256"/>
                    <a:gd name="connsiteX17" fmla="*/ 424358 w 923925"/>
                    <a:gd name="connsiteY17" fmla="*/ 179178 h 715256"/>
                    <a:gd name="connsiteX18" fmla="*/ 438503 w 923925"/>
                    <a:gd name="connsiteY18" fmla="*/ 96132 h 715256"/>
                    <a:gd name="connsiteX19" fmla="*/ 412570 w 923925"/>
                    <a:gd name="connsiteY19" fmla="*/ 5645 h 715256"/>
                    <a:gd name="connsiteX20" fmla="*/ 422332 w 923925"/>
                    <a:gd name="connsiteY20" fmla="*/ 287 h 715256"/>
                    <a:gd name="connsiteX0" fmla="*/ 422332 w 923925"/>
                    <a:gd name="connsiteY0" fmla="*/ 287 h 715256"/>
                    <a:gd name="connsiteX1" fmla="*/ 464439 w 923925"/>
                    <a:gd name="connsiteY1" fmla="*/ 5645 h 715256"/>
                    <a:gd name="connsiteX2" fmla="*/ 521023 w 923925"/>
                    <a:gd name="connsiteY2" fmla="*/ 5644 h 715256"/>
                    <a:gd name="connsiteX3" fmla="*/ 513950 w 923925"/>
                    <a:gd name="connsiteY3" fmla="*/ 81844 h 715256"/>
                    <a:gd name="connsiteX4" fmla="*/ 529616 w 923925"/>
                    <a:gd name="connsiteY4" fmla="*/ 203681 h 715256"/>
                    <a:gd name="connsiteX5" fmla="*/ 574344 w 923925"/>
                    <a:gd name="connsiteY5" fmla="*/ 3379 h 715256"/>
                    <a:gd name="connsiteX6" fmla="*/ 576264 w 923925"/>
                    <a:gd name="connsiteY6" fmla="*/ 3262 h 715256"/>
                    <a:gd name="connsiteX7" fmla="*/ 654845 w 923925"/>
                    <a:gd name="connsiteY7" fmla="*/ 53268 h 715256"/>
                    <a:gd name="connsiteX8" fmla="*/ 890587 w 923925"/>
                    <a:gd name="connsiteY8" fmla="*/ 246150 h 715256"/>
                    <a:gd name="connsiteX9" fmla="*/ 923925 w 923925"/>
                    <a:gd name="connsiteY9" fmla="*/ 710493 h 715256"/>
                    <a:gd name="connsiteX10" fmla="*/ 0 w 923925"/>
                    <a:gd name="connsiteY10" fmla="*/ 715256 h 715256"/>
                    <a:gd name="connsiteX11" fmla="*/ 50006 w 923925"/>
                    <a:gd name="connsiteY11" fmla="*/ 250910 h 715256"/>
                    <a:gd name="connsiteX12" fmla="*/ 283371 w 923925"/>
                    <a:gd name="connsiteY12" fmla="*/ 58031 h 715256"/>
                    <a:gd name="connsiteX13" fmla="*/ 324150 w 923925"/>
                    <a:gd name="connsiteY13" fmla="*/ 35408 h 715256"/>
                    <a:gd name="connsiteX14" fmla="*/ 356611 w 923925"/>
                    <a:gd name="connsiteY14" fmla="*/ 20200 h 715256"/>
                    <a:gd name="connsiteX15" fmla="*/ 416722 w 923925"/>
                    <a:gd name="connsiteY15" fmla="*/ 208049 h 715256"/>
                    <a:gd name="connsiteX16" fmla="*/ 419332 w 923925"/>
                    <a:gd name="connsiteY16" fmla="*/ 208049 h 715256"/>
                    <a:gd name="connsiteX17" fmla="*/ 424358 w 923925"/>
                    <a:gd name="connsiteY17" fmla="*/ 179178 h 715256"/>
                    <a:gd name="connsiteX18" fmla="*/ 438503 w 923925"/>
                    <a:gd name="connsiteY18" fmla="*/ 96132 h 715256"/>
                    <a:gd name="connsiteX19" fmla="*/ 412570 w 923925"/>
                    <a:gd name="connsiteY19" fmla="*/ 5645 h 715256"/>
                    <a:gd name="connsiteX20" fmla="*/ 422332 w 923925"/>
                    <a:gd name="connsiteY20" fmla="*/ 287 h 715256"/>
                    <a:gd name="connsiteX0" fmla="*/ 422332 w 923925"/>
                    <a:gd name="connsiteY0" fmla="*/ 287 h 715256"/>
                    <a:gd name="connsiteX1" fmla="*/ 464439 w 923925"/>
                    <a:gd name="connsiteY1" fmla="*/ 5645 h 715256"/>
                    <a:gd name="connsiteX2" fmla="*/ 521023 w 923925"/>
                    <a:gd name="connsiteY2" fmla="*/ 5644 h 715256"/>
                    <a:gd name="connsiteX3" fmla="*/ 513950 w 923925"/>
                    <a:gd name="connsiteY3" fmla="*/ 81844 h 715256"/>
                    <a:gd name="connsiteX4" fmla="*/ 529616 w 923925"/>
                    <a:gd name="connsiteY4" fmla="*/ 203681 h 715256"/>
                    <a:gd name="connsiteX5" fmla="*/ 574344 w 923925"/>
                    <a:gd name="connsiteY5" fmla="*/ 3379 h 715256"/>
                    <a:gd name="connsiteX6" fmla="*/ 576264 w 923925"/>
                    <a:gd name="connsiteY6" fmla="*/ 3262 h 715256"/>
                    <a:gd name="connsiteX7" fmla="*/ 654845 w 923925"/>
                    <a:gd name="connsiteY7" fmla="*/ 53268 h 715256"/>
                    <a:gd name="connsiteX8" fmla="*/ 890587 w 923925"/>
                    <a:gd name="connsiteY8" fmla="*/ 246150 h 715256"/>
                    <a:gd name="connsiteX9" fmla="*/ 923925 w 923925"/>
                    <a:gd name="connsiteY9" fmla="*/ 710493 h 715256"/>
                    <a:gd name="connsiteX10" fmla="*/ 0 w 923925"/>
                    <a:gd name="connsiteY10" fmla="*/ 715256 h 715256"/>
                    <a:gd name="connsiteX11" fmla="*/ 50006 w 923925"/>
                    <a:gd name="connsiteY11" fmla="*/ 250910 h 715256"/>
                    <a:gd name="connsiteX12" fmla="*/ 283371 w 923925"/>
                    <a:gd name="connsiteY12" fmla="*/ 58031 h 715256"/>
                    <a:gd name="connsiteX13" fmla="*/ 324150 w 923925"/>
                    <a:gd name="connsiteY13" fmla="*/ 35408 h 715256"/>
                    <a:gd name="connsiteX14" fmla="*/ 356611 w 923925"/>
                    <a:gd name="connsiteY14" fmla="*/ 20200 h 715256"/>
                    <a:gd name="connsiteX15" fmla="*/ 416722 w 923925"/>
                    <a:gd name="connsiteY15" fmla="*/ 208049 h 715256"/>
                    <a:gd name="connsiteX16" fmla="*/ 419332 w 923925"/>
                    <a:gd name="connsiteY16" fmla="*/ 208049 h 715256"/>
                    <a:gd name="connsiteX17" fmla="*/ 424358 w 923925"/>
                    <a:gd name="connsiteY17" fmla="*/ 179178 h 715256"/>
                    <a:gd name="connsiteX18" fmla="*/ 438503 w 923925"/>
                    <a:gd name="connsiteY18" fmla="*/ 96132 h 715256"/>
                    <a:gd name="connsiteX19" fmla="*/ 412570 w 923925"/>
                    <a:gd name="connsiteY19" fmla="*/ 5645 h 715256"/>
                    <a:gd name="connsiteX20" fmla="*/ 422332 w 923925"/>
                    <a:gd name="connsiteY20" fmla="*/ 287 h 715256"/>
                    <a:gd name="connsiteX0" fmla="*/ 422332 w 923925"/>
                    <a:gd name="connsiteY0" fmla="*/ 287 h 715256"/>
                    <a:gd name="connsiteX1" fmla="*/ 464439 w 923925"/>
                    <a:gd name="connsiteY1" fmla="*/ 5645 h 715256"/>
                    <a:gd name="connsiteX2" fmla="*/ 521023 w 923925"/>
                    <a:gd name="connsiteY2" fmla="*/ 5644 h 715256"/>
                    <a:gd name="connsiteX3" fmla="*/ 513950 w 923925"/>
                    <a:gd name="connsiteY3" fmla="*/ 81844 h 715256"/>
                    <a:gd name="connsiteX4" fmla="*/ 529616 w 923925"/>
                    <a:gd name="connsiteY4" fmla="*/ 203681 h 715256"/>
                    <a:gd name="connsiteX5" fmla="*/ 574344 w 923925"/>
                    <a:gd name="connsiteY5" fmla="*/ 3379 h 715256"/>
                    <a:gd name="connsiteX6" fmla="*/ 576264 w 923925"/>
                    <a:gd name="connsiteY6" fmla="*/ 3262 h 715256"/>
                    <a:gd name="connsiteX7" fmla="*/ 654845 w 923925"/>
                    <a:gd name="connsiteY7" fmla="*/ 53268 h 715256"/>
                    <a:gd name="connsiteX8" fmla="*/ 890587 w 923925"/>
                    <a:gd name="connsiteY8" fmla="*/ 246150 h 715256"/>
                    <a:gd name="connsiteX9" fmla="*/ 923925 w 923925"/>
                    <a:gd name="connsiteY9" fmla="*/ 710493 h 715256"/>
                    <a:gd name="connsiteX10" fmla="*/ 0 w 923925"/>
                    <a:gd name="connsiteY10" fmla="*/ 715256 h 715256"/>
                    <a:gd name="connsiteX11" fmla="*/ 45779 w 923925"/>
                    <a:gd name="connsiteY11" fmla="*/ 274593 h 715256"/>
                    <a:gd name="connsiteX12" fmla="*/ 283371 w 923925"/>
                    <a:gd name="connsiteY12" fmla="*/ 58031 h 715256"/>
                    <a:gd name="connsiteX13" fmla="*/ 324150 w 923925"/>
                    <a:gd name="connsiteY13" fmla="*/ 35408 h 715256"/>
                    <a:gd name="connsiteX14" fmla="*/ 356611 w 923925"/>
                    <a:gd name="connsiteY14" fmla="*/ 20200 h 715256"/>
                    <a:gd name="connsiteX15" fmla="*/ 416722 w 923925"/>
                    <a:gd name="connsiteY15" fmla="*/ 208049 h 715256"/>
                    <a:gd name="connsiteX16" fmla="*/ 419332 w 923925"/>
                    <a:gd name="connsiteY16" fmla="*/ 208049 h 715256"/>
                    <a:gd name="connsiteX17" fmla="*/ 424358 w 923925"/>
                    <a:gd name="connsiteY17" fmla="*/ 179178 h 715256"/>
                    <a:gd name="connsiteX18" fmla="*/ 438503 w 923925"/>
                    <a:gd name="connsiteY18" fmla="*/ 96132 h 715256"/>
                    <a:gd name="connsiteX19" fmla="*/ 412570 w 923925"/>
                    <a:gd name="connsiteY19" fmla="*/ 5645 h 715256"/>
                    <a:gd name="connsiteX20" fmla="*/ 422332 w 923925"/>
                    <a:gd name="connsiteY20" fmla="*/ 287 h 715256"/>
                    <a:gd name="connsiteX0" fmla="*/ 422332 w 923925"/>
                    <a:gd name="connsiteY0" fmla="*/ 287 h 715256"/>
                    <a:gd name="connsiteX1" fmla="*/ 464439 w 923925"/>
                    <a:gd name="connsiteY1" fmla="*/ 5645 h 715256"/>
                    <a:gd name="connsiteX2" fmla="*/ 521023 w 923925"/>
                    <a:gd name="connsiteY2" fmla="*/ 5644 h 715256"/>
                    <a:gd name="connsiteX3" fmla="*/ 513950 w 923925"/>
                    <a:gd name="connsiteY3" fmla="*/ 81844 h 715256"/>
                    <a:gd name="connsiteX4" fmla="*/ 529616 w 923925"/>
                    <a:gd name="connsiteY4" fmla="*/ 203681 h 715256"/>
                    <a:gd name="connsiteX5" fmla="*/ 574344 w 923925"/>
                    <a:gd name="connsiteY5" fmla="*/ 3379 h 715256"/>
                    <a:gd name="connsiteX6" fmla="*/ 576264 w 923925"/>
                    <a:gd name="connsiteY6" fmla="*/ 3262 h 715256"/>
                    <a:gd name="connsiteX7" fmla="*/ 654845 w 923925"/>
                    <a:gd name="connsiteY7" fmla="*/ 53268 h 715256"/>
                    <a:gd name="connsiteX8" fmla="*/ 890587 w 923925"/>
                    <a:gd name="connsiteY8" fmla="*/ 246150 h 715256"/>
                    <a:gd name="connsiteX9" fmla="*/ 923925 w 923925"/>
                    <a:gd name="connsiteY9" fmla="*/ 710493 h 715256"/>
                    <a:gd name="connsiteX10" fmla="*/ 0 w 923925"/>
                    <a:gd name="connsiteY10" fmla="*/ 715256 h 715256"/>
                    <a:gd name="connsiteX11" fmla="*/ 45779 w 923925"/>
                    <a:gd name="connsiteY11" fmla="*/ 274593 h 715256"/>
                    <a:gd name="connsiteX12" fmla="*/ 283371 w 923925"/>
                    <a:gd name="connsiteY12" fmla="*/ 58031 h 715256"/>
                    <a:gd name="connsiteX13" fmla="*/ 324150 w 923925"/>
                    <a:gd name="connsiteY13" fmla="*/ 35408 h 715256"/>
                    <a:gd name="connsiteX14" fmla="*/ 356611 w 923925"/>
                    <a:gd name="connsiteY14" fmla="*/ 20200 h 715256"/>
                    <a:gd name="connsiteX15" fmla="*/ 416722 w 923925"/>
                    <a:gd name="connsiteY15" fmla="*/ 208049 h 715256"/>
                    <a:gd name="connsiteX16" fmla="*/ 419332 w 923925"/>
                    <a:gd name="connsiteY16" fmla="*/ 208049 h 715256"/>
                    <a:gd name="connsiteX17" fmla="*/ 424358 w 923925"/>
                    <a:gd name="connsiteY17" fmla="*/ 179178 h 715256"/>
                    <a:gd name="connsiteX18" fmla="*/ 438503 w 923925"/>
                    <a:gd name="connsiteY18" fmla="*/ 96132 h 715256"/>
                    <a:gd name="connsiteX19" fmla="*/ 412570 w 923925"/>
                    <a:gd name="connsiteY19" fmla="*/ 5645 h 715256"/>
                    <a:gd name="connsiteX20" fmla="*/ 422332 w 923925"/>
                    <a:gd name="connsiteY20" fmla="*/ 287 h 715256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</a:cxnLst>
                  <a:rect l="l" t="t" r="r" b="b"/>
                  <a:pathLst>
                    <a:path w="923925" h="715256">
                      <a:moveTo>
                        <a:pt x="422332" y="287"/>
                      </a:moveTo>
                      <a:cubicBezTo>
                        <a:pt x="434378" y="-1499"/>
                        <a:pt x="452061" y="5645"/>
                        <a:pt x="464439" y="5645"/>
                      </a:cubicBezTo>
                      <a:cubicBezTo>
                        <a:pt x="480943" y="5645"/>
                        <a:pt x="501377" y="88"/>
                        <a:pt x="521023" y="5644"/>
                      </a:cubicBezTo>
                      <a:cubicBezTo>
                        <a:pt x="541456" y="27076"/>
                        <a:pt x="528882" y="53269"/>
                        <a:pt x="513950" y="81844"/>
                      </a:cubicBezTo>
                      <a:lnTo>
                        <a:pt x="529616" y="203681"/>
                      </a:lnTo>
                      <a:lnTo>
                        <a:pt x="574344" y="3379"/>
                      </a:lnTo>
                      <a:lnTo>
                        <a:pt x="576264" y="3262"/>
                      </a:lnTo>
                      <a:cubicBezTo>
                        <a:pt x="592932" y="15168"/>
                        <a:pt x="623890" y="31043"/>
                        <a:pt x="654845" y="53268"/>
                      </a:cubicBezTo>
                      <a:cubicBezTo>
                        <a:pt x="726282" y="77875"/>
                        <a:pt x="862012" y="119943"/>
                        <a:pt x="890587" y="246150"/>
                      </a:cubicBezTo>
                      <a:lnTo>
                        <a:pt x="923925" y="710493"/>
                      </a:lnTo>
                      <a:lnTo>
                        <a:pt x="0" y="715256"/>
                      </a:lnTo>
                      <a:lnTo>
                        <a:pt x="45779" y="274593"/>
                      </a:lnTo>
                      <a:cubicBezTo>
                        <a:pt x="70782" y="164580"/>
                        <a:pt x="209155" y="71922"/>
                        <a:pt x="283371" y="58031"/>
                      </a:cubicBezTo>
                      <a:cubicBezTo>
                        <a:pt x="299048" y="48704"/>
                        <a:pt x="312244" y="41461"/>
                        <a:pt x="324150" y="35408"/>
                      </a:cubicBezTo>
                      <a:lnTo>
                        <a:pt x="356611" y="20200"/>
                      </a:lnTo>
                      <a:lnTo>
                        <a:pt x="416722" y="208049"/>
                      </a:lnTo>
                      <a:lnTo>
                        <a:pt x="419332" y="208049"/>
                      </a:lnTo>
                      <a:lnTo>
                        <a:pt x="424358" y="179178"/>
                      </a:lnTo>
                      <a:cubicBezTo>
                        <a:pt x="429270" y="152290"/>
                        <a:pt x="434181" y="125104"/>
                        <a:pt x="438503" y="96132"/>
                      </a:cubicBezTo>
                      <a:cubicBezTo>
                        <a:pt x="422786" y="81051"/>
                        <a:pt x="402354" y="35013"/>
                        <a:pt x="412570" y="5645"/>
                      </a:cubicBezTo>
                      <a:cubicBezTo>
                        <a:pt x="414927" y="2470"/>
                        <a:pt x="418317" y="883"/>
                        <a:pt x="422332" y="287"/>
                      </a:cubicBezTo>
                      <a:close/>
                    </a:path>
                  </a:pathLst>
                </a:custGeom>
                <a:grpFill/>
                <a:ln>
                  <a:noFill/>
                </a:ln>
                <a:effectLst/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</p:grpSp>
        <p:grpSp>
          <p:nvGrpSpPr>
            <p:cNvPr id="13" name="Group 51"/>
            <p:cNvGrpSpPr/>
            <p:nvPr/>
          </p:nvGrpSpPr>
          <p:grpSpPr>
            <a:xfrm>
              <a:off x="7180736" y="1266826"/>
              <a:ext cx="1785212" cy="1759165"/>
              <a:chOff x="7180736" y="1266826"/>
              <a:chExt cx="1785212" cy="1759165"/>
            </a:xfrm>
          </p:grpSpPr>
          <p:sp>
            <p:nvSpPr>
              <p:cNvPr id="19" name="Freeform 46"/>
              <p:cNvSpPr/>
              <p:nvPr/>
            </p:nvSpPr>
            <p:spPr>
              <a:xfrm rot="1301979">
                <a:off x="7180736" y="1266826"/>
                <a:ext cx="1785212" cy="1759165"/>
              </a:xfrm>
              <a:custGeom>
                <a:avLst/>
                <a:gdLst>
                  <a:gd name="connsiteX0" fmla="*/ 682946 w 1785212"/>
                  <a:gd name="connsiteY0" fmla="*/ 424930 h 1759165"/>
                  <a:gd name="connsiteX1" fmla="*/ 382489 w 1785212"/>
                  <a:gd name="connsiteY1" fmla="*/ 877526 h 1759165"/>
                  <a:gd name="connsiteX2" fmla="*/ 874434 w 1785212"/>
                  <a:gd name="connsiteY2" fmla="*/ 1368723 h 1759165"/>
                  <a:gd name="connsiteX3" fmla="*/ 1366379 w 1785212"/>
                  <a:gd name="connsiteY3" fmla="*/ 877526 h 1759165"/>
                  <a:gd name="connsiteX4" fmla="*/ 874434 w 1785212"/>
                  <a:gd name="connsiteY4" fmla="*/ 386329 h 1759165"/>
                  <a:gd name="connsiteX5" fmla="*/ 682946 w 1785212"/>
                  <a:gd name="connsiteY5" fmla="*/ 424930 h 1759165"/>
                  <a:gd name="connsiteX6" fmla="*/ 516902 w 1785212"/>
                  <a:gd name="connsiteY6" fmla="*/ 80850 h 1759165"/>
                  <a:gd name="connsiteX7" fmla="*/ 859528 w 1785212"/>
                  <a:gd name="connsiteY7" fmla="*/ 581 h 1759165"/>
                  <a:gd name="connsiteX8" fmla="*/ 885614 w 1785212"/>
                  <a:gd name="connsiteY8" fmla="*/ 16525 h 1759165"/>
                  <a:gd name="connsiteX9" fmla="*/ 924113 w 1785212"/>
                  <a:gd name="connsiteY9" fmla="*/ 177618 h 1759165"/>
                  <a:gd name="connsiteX10" fmla="*/ 947078 w 1785212"/>
                  <a:gd name="connsiteY10" fmla="*/ 178765 h 1759165"/>
                  <a:gd name="connsiteX11" fmla="*/ 1077348 w 1785212"/>
                  <a:gd name="connsiteY11" fmla="*/ 204200 h 1759165"/>
                  <a:gd name="connsiteX12" fmla="*/ 1079777 w 1785212"/>
                  <a:gd name="connsiteY12" fmla="*/ 205164 h 1759165"/>
                  <a:gd name="connsiteX13" fmla="*/ 1171273 w 1785212"/>
                  <a:gd name="connsiteY13" fmla="*/ 55593 h 1759165"/>
                  <a:gd name="connsiteX14" fmla="*/ 1201044 w 1785212"/>
                  <a:gd name="connsiteY14" fmla="*/ 48354 h 1759165"/>
                  <a:gd name="connsiteX15" fmla="*/ 1502202 w 1785212"/>
                  <a:gd name="connsiteY15" fmla="*/ 228948 h 1759165"/>
                  <a:gd name="connsiteX16" fmla="*/ 1509513 w 1785212"/>
                  <a:gd name="connsiteY16" fmla="*/ 258424 h 1759165"/>
                  <a:gd name="connsiteX17" fmla="*/ 1411104 w 1785212"/>
                  <a:gd name="connsiteY17" fmla="*/ 419296 h 1759165"/>
                  <a:gd name="connsiteX18" fmla="*/ 1477572 w 1785212"/>
                  <a:gd name="connsiteY18" fmla="*/ 506100 h 1759165"/>
                  <a:gd name="connsiteX19" fmla="*/ 1493886 w 1785212"/>
                  <a:gd name="connsiteY19" fmla="*/ 536345 h 1759165"/>
                  <a:gd name="connsiteX20" fmla="*/ 1675871 w 1785212"/>
                  <a:gd name="connsiteY20" fmla="*/ 492873 h 1759165"/>
                  <a:gd name="connsiteX21" fmla="*/ 1702026 w 1785212"/>
                  <a:gd name="connsiteY21" fmla="*/ 508703 h 1759165"/>
                  <a:gd name="connsiteX22" fmla="*/ 1784603 w 1785212"/>
                  <a:gd name="connsiteY22" fmla="*/ 847581 h 1759165"/>
                  <a:gd name="connsiteX23" fmla="*/ 1768615 w 1785212"/>
                  <a:gd name="connsiteY23" fmla="*/ 873479 h 1759165"/>
                  <a:gd name="connsiteX24" fmla="*/ 1582866 w 1785212"/>
                  <a:gd name="connsiteY24" fmla="*/ 917849 h 1759165"/>
                  <a:gd name="connsiteX25" fmla="*/ 1581258 w 1785212"/>
                  <a:gd name="connsiteY25" fmla="*/ 949340 h 1759165"/>
                  <a:gd name="connsiteX26" fmla="*/ 1571365 w 1785212"/>
                  <a:gd name="connsiteY26" fmla="*/ 1014789 h 1759165"/>
                  <a:gd name="connsiteX27" fmla="*/ 1560706 w 1785212"/>
                  <a:gd name="connsiteY27" fmla="*/ 1057415 h 1759165"/>
                  <a:gd name="connsiteX28" fmla="*/ 1725711 w 1785212"/>
                  <a:gd name="connsiteY28" fmla="*/ 1154536 h 1759165"/>
                  <a:gd name="connsiteX29" fmla="*/ 1733268 w 1785212"/>
                  <a:gd name="connsiteY29" fmla="*/ 1183951 h 1759165"/>
                  <a:gd name="connsiteX30" fmla="*/ 1553352 w 1785212"/>
                  <a:gd name="connsiteY30" fmla="*/ 1483603 h 1759165"/>
                  <a:gd name="connsiteX31" fmla="*/ 1523643 w 1785212"/>
                  <a:gd name="connsiteY31" fmla="*/ 1491084 h 1759165"/>
                  <a:gd name="connsiteX32" fmla="*/ 1356540 w 1785212"/>
                  <a:gd name="connsiteY32" fmla="*/ 1392729 h 1759165"/>
                  <a:gd name="connsiteX33" fmla="*/ 1352152 w 1785212"/>
                  <a:gd name="connsiteY33" fmla="*/ 1397445 h 1759165"/>
                  <a:gd name="connsiteX34" fmla="*/ 1250145 w 1785212"/>
                  <a:gd name="connsiteY34" fmla="*/ 1473783 h 1759165"/>
                  <a:gd name="connsiteX35" fmla="*/ 1245459 w 1785212"/>
                  <a:gd name="connsiteY35" fmla="*/ 1476119 h 1759165"/>
                  <a:gd name="connsiteX36" fmla="*/ 1287131 w 1785212"/>
                  <a:gd name="connsiteY36" fmla="*/ 1654149 h 1759165"/>
                  <a:gd name="connsiteX37" fmla="*/ 1270908 w 1785212"/>
                  <a:gd name="connsiteY37" fmla="*/ 1679903 h 1759165"/>
                  <a:gd name="connsiteX38" fmla="*/ 927911 w 1785212"/>
                  <a:gd name="connsiteY38" fmla="*/ 1758607 h 1759165"/>
                  <a:gd name="connsiteX39" fmla="*/ 901901 w 1785212"/>
                  <a:gd name="connsiteY39" fmla="*/ 1742544 h 1759165"/>
                  <a:gd name="connsiteX40" fmla="*/ 863708 w 1785212"/>
                  <a:gd name="connsiteY40" fmla="*/ 1579377 h 1759165"/>
                  <a:gd name="connsiteX41" fmla="*/ 801790 w 1785212"/>
                  <a:gd name="connsiteY41" fmla="*/ 1576286 h 1759165"/>
                  <a:gd name="connsiteX42" fmla="*/ 735586 w 1785212"/>
                  <a:gd name="connsiteY42" fmla="*/ 1566506 h 1759165"/>
                  <a:gd name="connsiteX43" fmla="*/ 709511 w 1785212"/>
                  <a:gd name="connsiteY43" fmla="*/ 1560134 h 1759165"/>
                  <a:gd name="connsiteX44" fmla="*/ 619827 w 1785212"/>
                  <a:gd name="connsiteY44" fmla="*/ 1704256 h 1759165"/>
                  <a:gd name="connsiteX45" fmla="*/ 590003 w 1785212"/>
                  <a:gd name="connsiteY45" fmla="*/ 1711271 h 1759165"/>
                  <a:gd name="connsiteX46" fmla="*/ 290240 w 1785212"/>
                  <a:gd name="connsiteY46" fmla="*/ 1528414 h 1759165"/>
                  <a:gd name="connsiteX47" fmla="*/ 283156 w 1785212"/>
                  <a:gd name="connsiteY47" fmla="*/ 1498884 h 1759165"/>
                  <a:gd name="connsiteX48" fmla="*/ 366024 w 1785212"/>
                  <a:gd name="connsiteY48" fmla="*/ 1365713 h 1759165"/>
                  <a:gd name="connsiteX49" fmla="*/ 348516 w 1785212"/>
                  <a:gd name="connsiteY49" fmla="*/ 1349794 h 1759165"/>
                  <a:gd name="connsiteX50" fmla="*/ 271297 w 1785212"/>
                  <a:gd name="connsiteY50" fmla="*/ 1248951 h 1759165"/>
                  <a:gd name="connsiteX51" fmla="*/ 262323 w 1785212"/>
                  <a:gd name="connsiteY51" fmla="*/ 1231353 h 1759165"/>
                  <a:gd name="connsiteX52" fmla="*/ 108093 w 1785212"/>
                  <a:gd name="connsiteY52" fmla="*/ 1267640 h 1759165"/>
                  <a:gd name="connsiteX53" fmla="*/ 81992 w 1785212"/>
                  <a:gd name="connsiteY53" fmla="*/ 1251722 h 1759165"/>
                  <a:gd name="connsiteX54" fmla="*/ 592 w 1785212"/>
                  <a:gd name="connsiteY54" fmla="*/ 912565 h 1759165"/>
                  <a:gd name="connsiteX55" fmla="*/ 16669 w 1785212"/>
                  <a:gd name="connsiteY55" fmla="*/ 886723 h 1759165"/>
                  <a:gd name="connsiteX56" fmla="*/ 165592 w 1785212"/>
                  <a:gd name="connsiteY56" fmla="*/ 851684 h 1759165"/>
                  <a:gd name="connsiteX57" fmla="*/ 169652 w 1785212"/>
                  <a:gd name="connsiteY57" fmla="*/ 788067 h 1759165"/>
                  <a:gd name="connsiteX58" fmla="*/ 183654 w 1785212"/>
                  <a:gd name="connsiteY58" fmla="*/ 712540 h 1759165"/>
                  <a:gd name="connsiteX59" fmla="*/ 192997 w 1785212"/>
                  <a:gd name="connsiteY59" fmla="*/ 681650 h 1759165"/>
                  <a:gd name="connsiteX60" fmla="*/ 54467 w 1785212"/>
                  <a:gd name="connsiteY60" fmla="*/ 597043 h 1759165"/>
                  <a:gd name="connsiteX61" fmla="*/ 47399 w 1785212"/>
                  <a:gd name="connsiteY61" fmla="*/ 567509 h 1759165"/>
                  <a:gd name="connsiteX62" fmla="*/ 232249 w 1785212"/>
                  <a:gd name="connsiteY62" fmla="*/ 270815 h 1759165"/>
                  <a:gd name="connsiteX63" fmla="*/ 262078 w 1785212"/>
                  <a:gd name="connsiteY63" fmla="*/ 263817 h 1759165"/>
                  <a:gd name="connsiteX64" fmla="*/ 405053 w 1785212"/>
                  <a:gd name="connsiteY64" fmla="*/ 351140 h 1759165"/>
                  <a:gd name="connsiteX65" fmla="*/ 417581 w 1785212"/>
                  <a:gd name="connsiteY65" fmla="*/ 339577 h 1759165"/>
                  <a:gd name="connsiteX66" fmla="*/ 477193 w 1785212"/>
                  <a:gd name="connsiteY66" fmla="*/ 295095 h 1759165"/>
                  <a:gd name="connsiteX67" fmla="*/ 538027 w 1785212"/>
                  <a:gd name="connsiteY67" fmla="*/ 262452 h 1759165"/>
                  <a:gd name="connsiteX68" fmla="*/ 500799 w 1785212"/>
                  <a:gd name="connsiteY68" fmla="*/ 106677 h 1759165"/>
                  <a:gd name="connsiteX69" fmla="*/ 516902 w 1785212"/>
                  <a:gd name="connsiteY69" fmla="*/ 80850 h 175916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</a:cxnLst>
                <a:rect l="l" t="t" r="r" b="b"/>
                <a:pathLst>
                  <a:path w="1785212" h="1759165">
                    <a:moveTo>
                      <a:pt x="682946" y="424930"/>
                    </a:moveTo>
                    <a:cubicBezTo>
                      <a:pt x="506380" y="499498"/>
                      <a:pt x="382489" y="674066"/>
                      <a:pt x="382489" y="877526"/>
                    </a:cubicBezTo>
                    <a:cubicBezTo>
                      <a:pt x="382489" y="1148807"/>
                      <a:pt x="602739" y="1368723"/>
                      <a:pt x="874434" y="1368723"/>
                    </a:cubicBezTo>
                    <a:cubicBezTo>
                      <a:pt x="1146128" y="1368723"/>
                      <a:pt x="1366378" y="1148807"/>
                      <a:pt x="1366379" y="877526"/>
                    </a:cubicBezTo>
                    <a:cubicBezTo>
                      <a:pt x="1366379" y="606245"/>
                      <a:pt x="1146128" y="386329"/>
                      <a:pt x="874434" y="386329"/>
                    </a:cubicBezTo>
                    <a:cubicBezTo>
                      <a:pt x="806510" y="386329"/>
                      <a:pt x="741802" y="400074"/>
                      <a:pt x="682946" y="424930"/>
                    </a:cubicBezTo>
                    <a:close/>
                    <a:moveTo>
                      <a:pt x="516902" y="80850"/>
                    </a:moveTo>
                    <a:lnTo>
                      <a:pt x="859528" y="581"/>
                    </a:lnTo>
                    <a:cubicBezTo>
                      <a:pt x="871179" y="-2148"/>
                      <a:pt x="882857" y="4990"/>
                      <a:pt x="885614" y="16525"/>
                    </a:cubicBezTo>
                    <a:lnTo>
                      <a:pt x="924113" y="177618"/>
                    </a:lnTo>
                    <a:lnTo>
                      <a:pt x="947078" y="178765"/>
                    </a:lnTo>
                    <a:cubicBezTo>
                      <a:pt x="991862" y="183261"/>
                      <a:pt x="1035416" y="191869"/>
                      <a:pt x="1077348" y="204200"/>
                    </a:cubicBezTo>
                    <a:lnTo>
                      <a:pt x="1079777" y="205164"/>
                    </a:lnTo>
                    <a:lnTo>
                      <a:pt x="1171273" y="55593"/>
                    </a:lnTo>
                    <a:cubicBezTo>
                      <a:pt x="1177476" y="45455"/>
                      <a:pt x="1190804" y="42214"/>
                      <a:pt x="1201044" y="48354"/>
                    </a:cubicBezTo>
                    <a:lnTo>
                      <a:pt x="1502202" y="228948"/>
                    </a:lnTo>
                    <a:cubicBezTo>
                      <a:pt x="1512442" y="235089"/>
                      <a:pt x="1515715" y="248285"/>
                      <a:pt x="1509513" y="258424"/>
                    </a:cubicBezTo>
                    <a:lnTo>
                      <a:pt x="1411104" y="419296"/>
                    </a:lnTo>
                    <a:lnTo>
                      <a:pt x="1477572" y="506100"/>
                    </a:lnTo>
                    <a:lnTo>
                      <a:pt x="1493886" y="536345"/>
                    </a:lnTo>
                    <a:lnTo>
                      <a:pt x="1675871" y="492873"/>
                    </a:lnTo>
                    <a:cubicBezTo>
                      <a:pt x="1687508" y="490093"/>
                      <a:pt x="1699219" y="497181"/>
                      <a:pt x="1702026" y="508703"/>
                    </a:cubicBezTo>
                    <a:lnTo>
                      <a:pt x="1784603" y="847581"/>
                    </a:lnTo>
                    <a:cubicBezTo>
                      <a:pt x="1787411" y="859104"/>
                      <a:pt x="1780252" y="870698"/>
                      <a:pt x="1768615" y="873479"/>
                    </a:cubicBezTo>
                    <a:lnTo>
                      <a:pt x="1582866" y="917849"/>
                    </a:lnTo>
                    <a:lnTo>
                      <a:pt x="1581258" y="949340"/>
                    </a:lnTo>
                    <a:cubicBezTo>
                      <a:pt x="1578983" y="971476"/>
                      <a:pt x="1575670" y="993309"/>
                      <a:pt x="1571365" y="1014789"/>
                    </a:cubicBezTo>
                    <a:lnTo>
                      <a:pt x="1560706" y="1057415"/>
                    </a:lnTo>
                    <a:lnTo>
                      <a:pt x="1725711" y="1154536"/>
                    </a:lnTo>
                    <a:cubicBezTo>
                      <a:pt x="1736003" y="1160592"/>
                      <a:pt x="1739386" y="1173762"/>
                      <a:pt x="1733268" y="1183951"/>
                    </a:cubicBezTo>
                    <a:lnTo>
                      <a:pt x="1553352" y="1483603"/>
                    </a:lnTo>
                    <a:cubicBezTo>
                      <a:pt x="1547234" y="1493791"/>
                      <a:pt x="1533932" y="1497141"/>
                      <a:pt x="1523643" y="1491084"/>
                    </a:cubicBezTo>
                    <a:lnTo>
                      <a:pt x="1356540" y="1392729"/>
                    </a:lnTo>
                    <a:lnTo>
                      <a:pt x="1352152" y="1397445"/>
                    </a:lnTo>
                    <a:cubicBezTo>
                      <a:pt x="1320609" y="1425787"/>
                      <a:pt x="1286476" y="1451363"/>
                      <a:pt x="1250145" y="1473783"/>
                    </a:cubicBezTo>
                    <a:lnTo>
                      <a:pt x="1245459" y="1476119"/>
                    </a:lnTo>
                    <a:lnTo>
                      <a:pt x="1287131" y="1654149"/>
                    </a:lnTo>
                    <a:cubicBezTo>
                      <a:pt x="1289835" y="1665697"/>
                      <a:pt x="1282571" y="1677227"/>
                      <a:pt x="1270908" y="1679903"/>
                    </a:cubicBezTo>
                    <a:lnTo>
                      <a:pt x="927911" y="1758607"/>
                    </a:lnTo>
                    <a:cubicBezTo>
                      <a:pt x="916249" y="1761283"/>
                      <a:pt x="904604" y="1754091"/>
                      <a:pt x="901901" y="1742544"/>
                    </a:cubicBezTo>
                    <a:lnTo>
                      <a:pt x="863708" y="1579377"/>
                    </a:lnTo>
                    <a:lnTo>
                      <a:pt x="801790" y="1576286"/>
                    </a:lnTo>
                    <a:cubicBezTo>
                      <a:pt x="779399" y="1574038"/>
                      <a:pt x="757315" y="1570762"/>
                      <a:pt x="735586" y="1566506"/>
                    </a:cubicBezTo>
                    <a:lnTo>
                      <a:pt x="709511" y="1560134"/>
                    </a:lnTo>
                    <a:lnTo>
                      <a:pt x="619827" y="1704256"/>
                    </a:lnTo>
                    <a:cubicBezTo>
                      <a:pt x="613548" y="1714347"/>
                      <a:pt x="600195" y="1717488"/>
                      <a:pt x="590003" y="1711271"/>
                    </a:cubicBezTo>
                    <a:lnTo>
                      <a:pt x="290240" y="1528414"/>
                    </a:lnTo>
                    <a:cubicBezTo>
                      <a:pt x="280048" y="1522196"/>
                      <a:pt x="276876" y="1508976"/>
                      <a:pt x="283156" y="1498884"/>
                    </a:cubicBezTo>
                    <a:lnTo>
                      <a:pt x="366024" y="1365713"/>
                    </a:lnTo>
                    <a:lnTo>
                      <a:pt x="348516" y="1349794"/>
                    </a:lnTo>
                    <a:cubicBezTo>
                      <a:pt x="319847" y="1318611"/>
                      <a:pt x="293977" y="1284867"/>
                      <a:pt x="271297" y="1248951"/>
                    </a:cubicBezTo>
                    <a:lnTo>
                      <a:pt x="262323" y="1231353"/>
                    </a:lnTo>
                    <a:lnTo>
                      <a:pt x="108093" y="1267640"/>
                    </a:lnTo>
                    <a:cubicBezTo>
                      <a:pt x="96446" y="1270381"/>
                      <a:pt x="84760" y="1263254"/>
                      <a:pt x="81992" y="1251722"/>
                    </a:cubicBezTo>
                    <a:lnTo>
                      <a:pt x="592" y="912565"/>
                    </a:lnTo>
                    <a:cubicBezTo>
                      <a:pt x="-2177" y="901033"/>
                      <a:pt x="5022" y="889463"/>
                      <a:pt x="16669" y="886723"/>
                    </a:cubicBezTo>
                    <a:lnTo>
                      <a:pt x="165592" y="851684"/>
                    </a:lnTo>
                    <a:lnTo>
                      <a:pt x="169652" y="788067"/>
                    </a:lnTo>
                    <a:cubicBezTo>
                      <a:pt x="172948" y="762434"/>
                      <a:pt x="177641" y="737233"/>
                      <a:pt x="183654" y="712540"/>
                    </a:cubicBezTo>
                    <a:lnTo>
                      <a:pt x="192997" y="681650"/>
                    </a:lnTo>
                    <a:lnTo>
                      <a:pt x="54467" y="597043"/>
                    </a:lnTo>
                    <a:cubicBezTo>
                      <a:pt x="44279" y="590820"/>
                      <a:pt x="41113" y="577596"/>
                      <a:pt x="47399" y="567509"/>
                    </a:cubicBezTo>
                    <a:lnTo>
                      <a:pt x="232249" y="270815"/>
                    </a:lnTo>
                    <a:cubicBezTo>
                      <a:pt x="238534" y="260727"/>
                      <a:pt x="251889" y="257594"/>
                      <a:pt x="262078" y="263817"/>
                    </a:cubicBezTo>
                    <a:lnTo>
                      <a:pt x="405053" y="351140"/>
                    </a:lnTo>
                    <a:lnTo>
                      <a:pt x="417581" y="339577"/>
                    </a:lnTo>
                    <a:cubicBezTo>
                      <a:pt x="436625" y="323754"/>
                      <a:pt x="456521" y="308901"/>
                      <a:pt x="477193" y="295095"/>
                    </a:cubicBezTo>
                    <a:lnTo>
                      <a:pt x="538027" y="262452"/>
                    </a:lnTo>
                    <a:lnTo>
                      <a:pt x="500799" y="106677"/>
                    </a:lnTo>
                    <a:cubicBezTo>
                      <a:pt x="498043" y="95143"/>
                      <a:pt x="505252" y="83580"/>
                      <a:pt x="516902" y="80850"/>
                    </a:cubicBezTo>
                    <a:close/>
                  </a:path>
                </a:pathLst>
              </a:custGeom>
              <a:solidFill>
                <a:schemeClr val="accent6"/>
              </a:solidFill>
              <a:ln w="6350">
                <a:solidFill>
                  <a:schemeClr val="bg1"/>
                </a:solidFill>
              </a:ln>
              <a:effectLst>
                <a:outerShdw blurRad="63500" sx="102000" sy="102000" algn="ctr" rotWithShape="0">
                  <a:prstClr val="black">
                    <a:alpha val="25000"/>
                  </a:prstClr>
                </a:outerShd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wrap="square" rtlCol="0" anchor="ctr">
                <a:noAutofit/>
              </a:bodyPr>
              <a:lstStyle/>
              <a:p>
                <a:pPr algn="ctr"/>
                <a:endParaRPr lang="en-US"/>
              </a:p>
            </p:txBody>
          </p:sp>
          <p:grpSp>
            <p:nvGrpSpPr>
              <p:cNvPr id="20" name="Group 27"/>
              <p:cNvGrpSpPr/>
              <p:nvPr/>
            </p:nvGrpSpPr>
            <p:grpSpPr>
              <a:xfrm>
                <a:off x="7729367" y="1717543"/>
                <a:ext cx="687951" cy="994050"/>
                <a:chOff x="2840204" y="3613920"/>
                <a:chExt cx="537176" cy="776189"/>
              </a:xfrm>
              <a:solidFill>
                <a:schemeClr val="accent6"/>
              </a:solidFill>
            </p:grpSpPr>
            <p:sp>
              <p:nvSpPr>
                <p:cNvPr id="21" name="Freeform 28"/>
                <p:cNvSpPr/>
                <p:nvPr/>
              </p:nvSpPr>
              <p:spPr>
                <a:xfrm>
                  <a:off x="2933302" y="3613920"/>
                  <a:ext cx="358658" cy="382404"/>
                </a:xfrm>
                <a:custGeom>
                  <a:avLst/>
                  <a:gdLst>
                    <a:gd name="connsiteX0" fmla="*/ 0 w 614363"/>
                    <a:gd name="connsiteY0" fmla="*/ 317225 h 635778"/>
                    <a:gd name="connsiteX1" fmla="*/ 0 w 614363"/>
                    <a:gd name="connsiteY1" fmla="*/ 317226 h 635778"/>
                    <a:gd name="connsiteX2" fmla="*/ 0 w 614363"/>
                    <a:gd name="connsiteY2" fmla="*/ 317226 h 635778"/>
                    <a:gd name="connsiteX3" fmla="*/ 305492 w 614363"/>
                    <a:gd name="connsiteY3" fmla="*/ 0 h 635778"/>
                    <a:gd name="connsiteX4" fmla="*/ 534671 w 614363"/>
                    <a:gd name="connsiteY4" fmla="*/ 194152 h 635778"/>
                    <a:gd name="connsiteX5" fmla="*/ 542337 w 614363"/>
                    <a:gd name="connsiteY5" fmla="*/ 225714 h 635778"/>
                    <a:gd name="connsiteX6" fmla="*/ 555461 w 614363"/>
                    <a:gd name="connsiteY6" fmla="*/ 228364 h 635778"/>
                    <a:gd name="connsiteX7" fmla="*/ 614363 w 614363"/>
                    <a:gd name="connsiteY7" fmla="*/ 317226 h 635778"/>
                    <a:gd name="connsiteX8" fmla="*/ 614362 w 614363"/>
                    <a:gd name="connsiteY8" fmla="*/ 317226 h 635778"/>
                    <a:gd name="connsiteX9" fmla="*/ 555460 w 614363"/>
                    <a:gd name="connsiteY9" fmla="*/ 406088 h 635778"/>
                    <a:gd name="connsiteX10" fmla="*/ 542675 w 614363"/>
                    <a:gd name="connsiteY10" fmla="*/ 408669 h 635778"/>
                    <a:gd name="connsiteX11" fmla="*/ 534671 w 614363"/>
                    <a:gd name="connsiteY11" fmla="*/ 441626 h 635778"/>
                    <a:gd name="connsiteX12" fmla="*/ 305492 w 614363"/>
                    <a:gd name="connsiteY12" fmla="*/ 635778 h 635778"/>
                    <a:gd name="connsiteX13" fmla="*/ 76313 w 614363"/>
                    <a:gd name="connsiteY13" fmla="*/ 441626 h 635778"/>
                    <a:gd name="connsiteX14" fmla="*/ 68134 w 614363"/>
                    <a:gd name="connsiteY14" fmla="*/ 407951 h 635778"/>
                    <a:gd name="connsiteX15" fmla="*/ 58902 w 614363"/>
                    <a:gd name="connsiteY15" fmla="*/ 406087 h 635778"/>
                    <a:gd name="connsiteX16" fmla="*/ 7579 w 614363"/>
                    <a:gd name="connsiteY16" fmla="*/ 354764 h 635778"/>
                    <a:gd name="connsiteX17" fmla="*/ 0 w 614363"/>
                    <a:gd name="connsiteY17" fmla="*/ 317226 h 635778"/>
                    <a:gd name="connsiteX18" fmla="*/ 7579 w 614363"/>
                    <a:gd name="connsiteY18" fmla="*/ 279687 h 635778"/>
                    <a:gd name="connsiteX19" fmla="*/ 58902 w 614363"/>
                    <a:gd name="connsiteY19" fmla="*/ 228364 h 635778"/>
                    <a:gd name="connsiteX20" fmla="*/ 68473 w 614363"/>
                    <a:gd name="connsiteY20" fmla="*/ 226432 h 635778"/>
                    <a:gd name="connsiteX21" fmla="*/ 76313 w 614363"/>
                    <a:gd name="connsiteY21" fmla="*/ 194152 h 635778"/>
                    <a:gd name="connsiteX22" fmla="*/ 305492 w 614363"/>
                    <a:gd name="connsiteY22" fmla="*/ 0 h 635778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</a:cxnLst>
                  <a:rect l="l" t="t" r="r" b="b"/>
                  <a:pathLst>
                    <a:path w="614363" h="635778">
                      <a:moveTo>
                        <a:pt x="0" y="317225"/>
                      </a:moveTo>
                      <a:lnTo>
                        <a:pt x="0" y="317226"/>
                      </a:lnTo>
                      <a:lnTo>
                        <a:pt x="0" y="317226"/>
                      </a:lnTo>
                      <a:close/>
                      <a:moveTo>
                        <a:pt x="305492" y="0"/>
                      </a:moveTo>
                      <a:cubicBezTo>
                        <a:pt x="408517" y="0"/>
                        <a:pt x="496913" y="80057"/>
                        <a:pt x="534671" y="194152"/>
                      </a:cubicBezTo>
                      <a:lnTo>
                        <a:pt x="542337" y="225714"/>
                      </a:lnTo>
                      <a:lnTo>
                        <a:pt x="555461" y="228364"/>
                      </a:lnTo>
                      <a:cubicBezTo>
                        <a:pt x="590076" y="243004"/>
                        <a:pt x="614363" y="277279"/>
                        <a:pt x="614363" y="317226"/>
                      </a:cubicBezTo>
                      <a:lnTo>
                        <a:pt x="614362" y="317226"/>
                      </a:lnTo>
                      <a:cubicBezTo>
                        <a:pt x="614362" y="357173"/>
                        <a:pt x="590075" y="391448"/>
                        <a:pt x="555460" y="406088"/>
                      </a:cubicBezTo>
                      <a:lnTo>
                        <a:pt x="542675" y="408669"/>
                      </a:lnTo>
                      <a:lnTo>
                        <a:pt x="534671" y="441626"/>
                      </a:lnTo>
                      <a:cubicBezTo>
                        <a:pt x="496913" y="555721"/>
                        <a:pt x="408517" y="635778"/>
                        <a:pt x="305492" y="635778"/>
                      </a:cubicBezTo>
                      <a:cubicBezTo>
                        <a:pt x="202467" y="635778"/>
                        <a:pt x="114072" y="555721"/>
                        <a:pt x="76313" y="441626"/>
                      </a:cubicBezTo>
                      <a:lnTo>
                        <a:pt x="68134" y="407951"/>
                      </a:lnTo>
                      <a:lnTo>
                        <a:pt x="58902" y="406087"/>
                      </a:lnTo>
                      <a:cubicBezTo>
                        <a:pt x="35826" y="396327"/>
                        <a:pt x="17339" y="377840"/>
                        <a:pt x="7579" y="354764"/>
                      </a:cubicBezTo>
                      <a:lnTo>
                        <a:pt x="0" y="317226"/>
                      </a:lnTo>
                      <a:lnTo>
                        <a:pt x="7579" y="279687"/>
                      </a:lnTo>
                      <a:cubicBezTo>
                        <a:pt x="17339" y="256611"/>
                        <a:pt x="35826" y="238124"/>
                        <a:pt x="58902" y="228364"/>
                      </a:cubicBezTo>
                      <a:lnTo>
                        <a:pt x="68473" y="226432"/>
                      </a:lnTo>
                      <a:lnTo>
                        <a:pt x="76313" y="194152"/>
                      </a:lnTo>
                      <a:cubicBezTo>
                        <a:pt x="114072" y="80057"/>
                        <a:pt x="202467" y="0"/>
                        <a:pt x="305492" y="0"/>
                      </a:cubicBezTo>
                      <a:close/>
                    </a:path>
                  </a:pathLst>
                </a:custGeom>
                <a:grpFill/>
                <a:ln>
                  <a:noFill/>
                </a:ln>
                <a:effectLst/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22" name="Freeform 29"/>
                <p:cNvSpPr/>
                <p:nvPr/>
              </p:nvSpPr>
              <p:spPr>
                <a:xfrm>
                  <a:off x="2840204" y="4018935"/>
                  <a:ext cx="537176" cy="371174"/>
                </a:xfrm>
                <a:custGeom>
                  <a:avLst/>
                  <a:gdLst>
                    <a:gd name="connsiteX0" fmla="*/ 422332 w 923925"/>
                    <a:gd name="connsiteY0" fmla="*/ 287 h 715256"/>
                    <a:gd name="connsiteX1" fmla="*/ 464439 w 923925"/>
                    <a:gd name="connsiteY1" fmla="*/ 5645 h 715256"/>
                    <a:gd name="connsiteX2" fmla="*/ 521023 w 923925"/>
                    <a:gd name="connsiteY2" fmla="*/ 5644 h 715256"/>
                    <a:gd name="connsiteX3" fmla="*/ 513950 w 923925"/>
                    <a:gd name="connsiteY3" fmla="*/ 81844 h 715256"/>
                    <a:gd name="connsiteX4" fmla="*/ 529616 w 923925"/>
                    <a:gd name="connsiteY4" fmla="*/ 203681 h 715256"/>
                    <a:gd name="connsiteX5" fmla="*/ 574344 w 923925"/>
                    <a:gd name="connsiteY5" fmla="*/ 3379 h 715256"/>
                    <a:gd name="connsiteX6" fmla="*/ 576264 w 923925"/>
                    <a:gd name="connsiteY6" fmla="*/ 3262 h 715256"/>
                    <a:gd name="connsiteX7" fmla="*/ 654845 w 923925"/>
                    <a:gd name="connsiteY7" fmla="*/ 53268 h 715256"/>
                    <a:gd name="connsiteX8" fmla="*/ 890587 w 923925"/>
                    <a:gd name="connsiteY8" fmla="*/ 246150 h 715256"/>
                    <a:gd name="connsiteX9" fmla="*/ 923925 w 923925"/>
                    <a:gd name="connsiteY9" fmla="*/ 710493 h 715256"/>
                    <a:gd name="connsiteX10" fmla="*/ 0 w 923925"/>
                    <a:gd name="connsiteY10" fmla="*/ 715256 h 715256"/>
                    <a:gd name="connsiteX11" fmla="*/ 50006 w 923925"/>
                    <a:gd name="connsiteY11" fmla="*/ 250910 h 715256"/>
                    <a:gd name="connsiteX12" fmla="*/ 283371 w 923925"/>
                    <a:gd name="connsiteY12" fmla="*/ 58031 h 715256"/>
                    <a:gd name="connsiteX13" fmla="*/ 324150 w 923925"/>
                    <a:gd name="connsiteY13" fmla="*/ 35408 h 715256"/>
                    <a:gd name="connsiteX14" fmla="*/ 356611 w 923925"/>
                    <a:gd name="connsiteY14" fmla="*/ 20200 h 715256"/>
                    <a:gd name="connsiteX15" fmla="*/ 416722 w 923925"/>
                    <a:gd name="connsiteY15" fmla="*/ 208049 h 715256"/>
                    <a:gd name="connsiteX16" fmla="*/ 419332 w 923925"/>
                    <a:gd name="connsiteY16" fmla="*/ 208049 h 715256"/>
                    <a:gd name="connsiteX17" fmla="*/ 424358 w 923925"/>
                    <a:gd name="connsiteY17" fmla="*/ 179178 h 715256"/>
                    <a:gd name="connsiteX18" fmla="*/ 438503 w 923925"/>
                    <a:gd name="connsiteY18" fmla="*/ 96132 h 715256"/>
                    <a:gd name="connsiteX19" fmla="*/ 412570 w 923925"/>
                    <a:gd name="connsiteY19" fmla="*/ 5645 h 715256"/>
                    <a:gd name="connsiteX20" fmla="*/ 422332 w 923925"/>
                    <a:gd name="connsiteY20" fmla="*/ 287 h 715256"/>
                    <a:gd name="connsiteX0" fmla="*/ 422332 w 923925"/>
                    <a:gd name="connsiteY0" fmla="*/ 287 h 715256"/>
                    <a:gd name="connsiteX1" fmla="*/ 464439 w 923925"/>
                    <a:gd name="connsiteY1" fmla="*/ 5645 h 715256"/>
                    <a:gd name="connsiteX2" fmla="*/ 521023 w 923925"/>
                    <a:gd name="connsiteY2" fmla="*/ 5644 h 715256"/>
                    <a:gd name="connsiteX3" fmla="*/ 513950 w 923925"/>
                    <a:gd name="connsiteY3" fmla="*/ 81844 h 715256"/>
                    <a:gd name="connsiteX4" fmla="*/ 529616 w 923925"/>
                    <a:gd name="connsiteY4" fmla="*/ 203681 h 715256"/>
                    <a:gd name="connsiteX5" fmla="*/ 574344 w 923925"/>
                    <a:gd name="connsiteY5" fmla="*/ 3379 h 715256"/>
                    <a:gd name="connsiteX6" fmla="*/ 576264 w 923925"/>
                    <a:gd name="connsiteY6" fmla="*/ 3262 h 715256"/>
                    <a:gd name="connsiteX7" fmla="*/ 654845 w 923925"/>
                    <a:gd name="connsiteY7" fmla="*/ 53268 h 715256"/>
                    <a:gd name="connsiteX8" fmla="*/ 890587 w 923925"/>
                    <a:gd name="connsiteY8" fmla="*/ 246150 h 715256"/>
                    <a:gd name="connsiteX9" fmla="*/ 923925 w 923925"/>
                    <a:gd name="connsiteY9" fmla="*/ 710493 h 715256"/>
                    <a:gd name="connsiteX10" fmla="*/ 0 w 923925"/>
                    <a:gd name="connsiteY10" fmla="*/ 715256 h 715256"/>
                    <a:gd name="connsiteX11" fmla="*/ 50006 w 923925"/>
                    <a:gd name="connsiteY11" fmla="*/ 250910 h 715256"/>
                    <a:gd name="connsiteX12" fmla="*/ 283371 w 923925"/>
                    <a:gd name="connsiteY12" fmla="*/ 58031 h 715256"/>
                    <a:gd name="connsiteX13" fmla="*/ 324150 w 923925"/>
                    <a:gd name="connsiteY13" fmla="*/ 35408 h 715256"/>
                    <a:gd name="connsiteX14" fmla="*/ 356611 w 923925"/>
                    <a:gd name="connsiteY14" fmla="*/ 20200 h 715256"/>
                    <a:gd name="connsiteX15" fmla="*/ 416722 w 923925"/>
                    <a:gd name="connsiteY15" fmla="*/ 208049 h 715256"/>
                    <a:gd name="connsiteX16" fmla="*/ 419332 w 923925"/>
                    <a:gd name="connsiteY16" fmla="*/ 208049 h 715256"/>
                    <a:gd name="connsiteX17" fmla="*/ 424358 w 923925"/>
                    <a:gd name="connsiteY17" fmla="*/ 179178 h 715256"/>
                    <a:gd name="connsiteX18" fmla="*/ 438503 w 923925"/>
                    <a:gd name="connsiteY18" fmla="*/ 96132 h 715256"/>
                    <a:gd name="connsiteX19" fmla="*/ 412570 w 923925"/>
                    <a:gd name="connsiteY19" fmla="*/ 5645 h 715256"/>
                    <a:gd name="connsiteX20" fmla="*/ 422332 w 923925"/>
                    <a:gd name="connsiteY20" fmla="*/ 287 h 715256"/>
                    <a:gd name="connsiteX0" fmla="*/ 422332 w 923925"/>
                    <a:gd name="connsiteY0" fmla="*/ 287 h 715256"/>
                    <a:gd name="connsiteX1" fmla="*/ 464439 w 923925"/>
                    <a:gd name="connsiteY1" fmla="*/ 5645 h 715256"/>
                    <a:gd name="connsiteX2" fmla="*/ 521023 w 923925"/>
                    <a:gd name="connsiteY2" fmla="*/ 5644 h 715256"/>
                    <a:gd name="connsiteX3" fmla="*/ 513950 w 923925"/>
                    <a:gd name="connsiteY3" fmla="*/ 81844 h 715256"/>
                    <a:gd name="connsiteX4" fmla="*/ 529616 w 923925"/>
                    <a:gd name="connsiteY4" fmla="*/ 203681 h 715256"/>
                    <a:gd name="connsiteX5" fmla="*/ 574344 w 923925"/>
                    <a:gd name="connsiteY5" fmla="*/ 3379 h 715256"/>
                    <a:gd name="connsiteX6" fmla="*/ 576264 w 923925"/>
                    <a:gd name="connsiteY6" fmla="*/ 3262 h 715256"/>
                    <a:gd name="connsiteX7" fmla="*/ 654845 w 923925"/>
                    <a:gd name="connsiteY7" fmla="*/ 53268 h 715256"/>
                    <a:gd name="connsiteX8" fmla="*/ 890587 w 923925"/>
                    <a:gd name="connsiteY8" fmla="*/ 246150 h 715256"/>
                    <a:gd name="connsiteX9" fmla="*/ 923925 w 923925"/>
                    <a:gd name="connsiteY9" fmla="*/ 710493 h 715256"/>
                    <a:gd name="connsiteX10" fmla="*/ 0 w 923925"/>
                    <a:gd name="connsiteY10" fmla="*/ 715256 h 715256"/>
                    <a:gd name="connsiteX11" fmla="*/ 50006 w 923925"/>
                    <a:gd name="connsiteY11" fmla="*/ 250910 h 715256"/>
                    <a:gd name="connsiteX12" fmla="*/ 283371 w 923925"/>
                    <a:gd name="connsiteY12" fmla="*/ 58031 h 715256"/>
                    <a:gd name="connsiteX13" fmla="*/ 324150 w 923925"/>
                    <a:gd name="connsiteY13" fmla="*/ 35408 h 715256"/>
                    <a:gd name="connsiteX14" fmla="*/ 356611 w 923925"/>
                    <a:gd name="connsiteY14" fmla="*/ 20200 h 715256"/>
                    <a:gd name="connsiteX15" fmla="*/ 416722 w 923925"/>
                    <a:gd name="connsiteY15" fmla="*/ 208049 h 715256"/>
                    <a:gd name="connsiteX16" fmla="*/ 419332 w 923925"/>
                    <a:gd name="connsiteY16" fmla="*/ 208049 h 715256"/>
                    <a:gd name="connsiteX17" fmla="*/ 424358 w 923925"/>
                    <a:gd name="connsiteY17" fmla="*/ 179178 h 715256"/>
                    <a:gd name="connsiteX18" fmla="*/ 438503 w 923925"/>
                    <a:gd name="connsiteY18" fmla="*/ 96132 h 715256"/>
                    <a:gd name="connsiteX19" fmla="*/ 412570 w 923925"/>
                    <a:gd name="connsiteY19" fmla="*/ 5645 h 715256"/>
                    <a:gd name="connsiteX20" fmla="*/ 422332 w 923925"/>
                    <a:gd name="connsiteY20" fmla="*/ 287 h 715256"/>
                    <a:gd name="connsiteX0" fmla="*/ 422332 w 923925"/>
                    <a:gd name="connsiteY0" fmla="*/ 287 h 715256"/>
                    <a:gd name="connsiteX1" fmla="*/ 464439 w 923925"/>
                    <a:gd name="connsiteY1" fmla="*/ 5645 h 715256"/>
                    <a:gd name="connsiteX2" fmla="*/ 521023 w 923925"/>
                    <a:gd name="connsiteY2" fmla="*/ 5644 h 715256"/>
                    <a:gd name="connsiteX3" fmla="*/ 513950 w 923925"/>
                    <a:gd name="connsiteY3" fmla="*/ 81844 h 715256"/>
                    <a:gd name="connsiteX4" fmla="*/ 529616 w 923925"/>
                    <a:gd name="connsiteY4" fmla="*/ 203681 h 715256"/>
                    <a:gd name="connsiteX5" fmla="*/ 574344 w 923925"/>
                    <a:gd name="connsiteY5" fmla="*/ 3379 h 715256"/>
                    <a:gd name="connsiteX6" fmla="*/ 576264 w 923925"/>
                    <a:gd name="connsiteY6" fmla="*/ 3262 h 715256"/>
                    <a:gd name="connsiteX7" fmla="*/ 654845 w 923925"/>
                    <a:gd name="connsiteY7" fmla="*/ 53268 h 715256"/>
                    <a:gd name="connsiteX8" fmla="*/ 890587 w 923925"/>
                    <a:gd name="connsiteY8" fmla="*/ 246150 h 715256"/>
                    <a:gd name="connsiteX9" fmla="*/ 923925 w 923925"/>
                    <a:gd name="connsiteY9" fmla="*/ 710493 h 715256"/>
                    <a:gd name="connsiteX10" fmla="*/ 0 w 923925"/>
                    <a:gd name="connsiteY10" fmla="*/ 715256 h 715256"/>
                    <a:gd name="connsiteX11" fmla="*/ 45779 w 923925"/>
                    <a:gd name="connsiteY11" fmla="*/ 274593 h 715256"/>
                    <a:gd name="connsiteX12" fmla="*/ 283371 w 923925"/>
                    <a:gd name="connsiteY12" fmla="*/ 58031 h 715256"/>
                    <a:gd name="connsiteX13" fmla="*/ 324150 w 923925"/>
                    <a:gd name="connsiteY13" fmla="*/ 35408 h 715256"/>
                    <a:gd name="connsiteX14" fmla="*/ 356611 w 923925"/>
                    <a:gd name="connsiteY14" fmla="*/ 20200 h 715256"/>
                    <a:gd name="connsiteX15" fmla="*/ 416722 w 923925"/>
                    <a:gd name="connsiteY15" fmla="*/ 208049 h 715256"/>
                    <a:gd name="connsiteX16" fmla="*/ 419332 w 923925"/>
                    <a:gd name="connsiteY16" fmla="*/ 208049 h 715256"/>
                    <a:gd name="connsiteX17" fmla="*/ 424358 w 923925"/>
                    <a:gd name="connsiteY17" fmla="*/ 179178 h 715256"/>
                    <a:gd name="connsiteX18" fmla="*/ 438503 w 923925"/>
                    <a:gd name="connsiteY18" fmla="*/ 96132 h 715256"/>
                    <a:gd name="connsiteX19" fmla="*/ 412570 w 923925"/>
                    <a:gd name="connsiteY19" fmla="*/ 5645 h 715256"/>
                    <a:gd name="connsiteX20" fmla="*/ 422332 w 923925"/>
                    <a:gd name="connsiteY20" fmla="*/ 287 h 715256"/>
                    <a:gd name="connsiteX0" fmla="*/ 422332 w 923925"/>
                    <a:gd name="connsiteY0" fmla="*/ 287 h 715256"/>
                    <a:gd name="connsiteX1" fmla="*/ 464439 w 923925"/>
                    <a:gd name="connsiteY1" fmla="*/ 5645 h 715256"/>
                    <a:gd name="connsiteX2" fmla="*/ 521023 w 923925"/>
                    <a:gd name="connsiteY2" fmla="*/ 5644 h 715256"/>
                    <a:gd name="connsiteX3" fmla="*/ 513950 w 923925"/>
                    <a:gd name="connsiteY3" fmla="*/ 81844 h 715256"/>
                    <a:gd name="connsiteX4" fmla="*/ 529616 w 923925"/>
                    <a:gd name="connsiteY4" fmla="*/ 203681 h 715256"/>
                    <a:gd name="connsiteX5" fmla="*/ 574344 w 923925"/>
                    <a:gd name="connsiteY5" fmla="*/ 3379 h 715256"/>
                    <a:gd name="connsiteX6" fmla="*/ 576264 w 923925"/>
                    <a:gd name="connsiteY6" fmla="*/ 3262 h 715256"/>
                    <a:gd name="connsiteX7" fmla="*/ 654845 w 923925"/>
                    <a:gd name="connsiteY7" fmla="*/ 53268 h 715256"/>
                    <a:gd name="connsiteX8" fmla="*/ 890587 w 923925"/>
                    <a:gd name="connsiteY8" fmla="*/ 246150 h 715256"/>
                    <a:gd name="connsiteX9" fmla="*/ 923925 w 923925"/>
                    <a:gd name="connsiteY9" fmla="*/ 710493 h 715256"/>
                    <a:gd name="connsiteX10" fmla="*/ 0 w 923925"/>
                    <a:gd name="connsiteY10" fmla="*/ 715256 h 715256"/>
                    <a:gd name="connsiteX11" fmla="*/ 45779 w 923925"/>
                    <a:gd name="connsiteY11" fmla="*/ 274593 h 715256"/>
                    <a:gd name="connsiteX12" fmla="*/ 283371 w 923925"/>
                    <a:gd name="connsiteY12" fmla="*/ 58031 h 715256"/>
                    <a:gd name="connsiteX13" fmla="*/ 324150 w 923925"/>
                    <a:gd name="connsiteY13" fmla="*/ 35408 h 715256"/>
                    <a:gd name="connsiteX14" fmla="*/ 356611 w 923925"/>
                    <a:gd name="connsiteY14" fmla="*/ 20200 h 715256"/>
                    <a:gd name="connsiteX15" fmla="*/ 416722 w 923925"/>
                    <a:gd name="connsiteY15" fmla="*/ 208049 h 715256"/>
                    <a:gd name="connsiteX16" fmla="*/ 419332 w 923925"/>
                    <a:gd name="connsiteY16" fmla="*/ 208049 h 715256"/>
                    <a:gd name="connsiteX17" fmla="*/ 424358 w 923925"/>
                    <a:gd name="connsiteY17" fmla="*/ 179178 h 715256"/>
                    <a:gd name="connsiteX18" fmla="*/ 438503 w 923925"/>
                    <a:gd name="connsiteY18" fmla="*/ 96132 h 715256"/>
                    <a:gd name="connsiteX19" fmla="*/ 412570 w 923925"/>
                    <a:gd name="connsiteY19" fmla="*/ 5645 h 715256"/>
                    <a:gd name="connsiteX20" fmla="*/ 422332 w 923925"/>
                    <a:gd name="connsiteY20" fmla="*/ 287 h 715256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</a:cxnLst>
                  <a:rect l="l" t="t" r="r" b="b"/>
                  <a:pathLst>
                    <a:path w="923925" h="715256">
                      <a:moveTo>
                        <a:pt x="422332" y="287"/>
                      </a:moveTo>
                      <a:cubicBezTo>
                        <a:pt x="434378" y="-1499"/>
                        <a:pt x="452061" y="5645"/>
                        <a:pt x="464439" y="5645"/>
                      </a:cubicBezTo>
                      <a:cubicBezTo>
                        <a:pt x="480943" y="5645"/>
                        <a:pt x="501377" y="88"/>
                        <a:pt x="521023" y="5644"/>
                      </a:cubicBezTo>
                      <a:cubicBezTo>
                        <a:pt x="541456" y="27076"/>
                        <a:pt x="528882" y="53269"/>
                        <a:pt x="513950" y="81844"/>
                      </a:cubicBezTo>
                      <a:lnTo>
                        <a:pt x="529616" y="203681"/>
                      </a:lnTo>
                      <a:lnTo>
                        <a:pt x="574344" y="3379"/>
                      </a:lnTo>
                      <a:lnTo>
                        <a:pt x="576264" y="3262"/>
                      </a:lnTo>
                      <a:cubicBezTo>
                        <a:pt x="592932" y="15168"/>
                        <a:pt x="623890" y="31043"/>
                        <a:pt x="654845" y="53268"/>
                      </a:cubicBezTo>
                      <a:cubicBezTo>
                        <a:pt x="726282" y="77875"/>
                        <a:pt x="862012" y="119943"/>
                        <a:pt x="890587" y="246150"/>
                      </a:cubicBezTo>
                      <a:lnTo>
                        <a:pt x="923925" y="710493"/>
                      </a:lnTo>
                      <a:lnTo>
                        <a:pt x="0" y="715256"/>
                      </a:lnTo>
                      <a:lnTo>
                        <a:pt x="45779" y="274593"/>
                      </a:lnTo>
                      <a:cubicBezTo>
                        <a:pt x="70782" y="164580"/>
                        <a:pt x="209155" y="71922"/>
                        <a:pt x="283371" y="58031"/>
                      </a:cubicBezTo>
                      <a:cubicBezTo>
                        <a:pt x="299048" y="48704"/>
                        <a:pt x="312244" y="41461"/>
                        <a:pt x="324150" y="35408"/>
                      </a:cubicBezTo>
                      <a:lnTo>
                        <a:pt x="356611" y="20200"/>
                      </a:lnTo>
                      <a:lnTo>
                        <a:pt x="416722" y="208049"/>
                      </a:lnTo>
                      <a:lnTo>
                        <a:pt x="419332" y="208049"/>
                      </a:lnTo>
                      <a:lnTo>
                        <a:pt x="424358" y="179178"/>
                      </a:lnTo>
                      <a:cubicBezTo>
                        <a:pt x="429270" y="152290"/>
                        <a:pt x="434181" y="125104"/>
                        <a:pt x="438503" y="96132"/>
                      </a:cubicBezTo>
                      <a:cubicBezTo>
                        <a:pt x="422786" y="81051"/>
                        <a:pt x="402354" y="35013"/>
                        <a:pt x="412570" y="5645"/>
                      </a:cubicBezTo>
                      <a:cubicBezTo>
                        <a:pt x="414927" y="2470"/>
                        <a:pt x="418317" y="883"/>
                        <a:pt x="422332" y="287"/>
                      </a:cubicBezTo>
                      <a:close/>
                    </a:path>
                  </a:pathLst>
                </a:custGeom>
                <a:grpFill/>
                <a:ln>
                  <a:noFill/>
                </a:ln>
                <a:effectLst/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</p:grpSp>
        <p:grpSp>
          <p:nvGrpSpPr>
            <p:cNvPr id="14" name="Group 50"/>
            <p:cNvGrpSpPr/>
            <p:nvPr/>
          </p:nvGrpSpPr>
          <p:grpSpPr>
            <a:xfrm>
              <a:off x="5127284" y="2178420"/>
              <a:ext cx="2426229" cy="2414739"/>
              <a:chOff x="5127284" y="2178420"/>
              <a:chExt cx="2426229" cy="2414739"/>
            </a:xfrm>
          </p:grpSpPr>
          <p:sp>
            <p:nvSpPr>
              <p:cNvPr id="15" name="Freeform 45"/>
              <p:cNvSpPr/>
              <p:nvPr/>
            </p:nvSpPr>
            <p:spPr>
              <a:xfrm>
                <a:off x="5127284" y="2178420"/>
                <a:ext cx="2426229" cy="2414739"/>
              </a:xfrm>
              <a:custGeom>
                <a:avLst/>
                <a:gdLst>
                  <a:gd name="connsiteX0" fmla="*/ 1188417 w 2426229"/>
                  <a:gd name="connsiteY0" fmla="*/ 530299 h 2414739"/>
                  <a:gd name="connsiteX1" fmla="*/ 519829 w 2426229"/>
                  <a:gd name="connsiteY1" fmla="*/ 1204546 h 2414739"/>
                  <a:gd name="connsiteX2" fmla="*/ 1188417 w 2426229"/>
                  <a:gd name="connsiteY2" fmla="*/ 1878793 h 2414739"/>
                  <a:gd name="connsiteX3" fmla="*/ 1857005 w 2426229"/>
                  <a:gd name="connsiteY3" fmla="*/ 1204546 h 2414739"/>
                  <a:gd name="connsiteX4" fmla="*/ 1188417 w 2426229"/>
                  <a:gd name="connsiteY4" fmla="*/ 530299 h 2414739"/>
                  <a:gd name="connsiteX5" fmla="*/ 1168160 w 2426229"/>
                  <a:gd name="connsiteY5" fmla="*/ 798 h 2414739"/>
                  <a:gd name="connsiteX6" fmla="*/ 1203612 w 2426229"/>
                  <a:gd name="connsiteY6" fmla="*/ 22683 h 2414739"/>
                  <a:gd name="connsiteX7" fmla="*/ 1255935 w 2426229"/>
                  <a:gd name="connsiteY7" fmla="*/ 243810 h 2414739"/>
                  <a:gd name="connsiteX8" fmla="*/ 1287146 w 2426229"/>
                  <a:gd name="connsiteY8" fmla="*/ 245384 h 2414739"/>
                  <a:gd name="connsiteX9" fmla="*/ 1464192 w 2426229"/>
                  <a:gd name="connsiteY9" fmla="*/ 280298 h 2414739"/>
                  <a:gd name="connsiteX10" fmla="*/ 1467494 w 2426229"/>
                  <a:gd name="connsiteY10" fmla="*/ 281620 h 2414739"/>
                  <a:gd name="connsiteX11" fmla="*/ 1591843 w 2426229"/>
                  <a:gd name="connsiteY11" fmla="*/ 76310 h 2414739"/>
                  <a:gd name="connsiteX12" fmla="*/ 1632304 w 2426229"/>
                  <a:gd name="connsiteY12" fmla="*/ 66374 h 2414739"/>
                  <a:gd name="connsiteX13" fmla="*/ 2041598 w 2426229"/>
                  <a:gd name="connsiteY13" fmla="*/ 314268 h 2414739"/>
                  <a:gd name="connsiteX14" fmla="*/ 2051535 w 2426229"/>
                  <a:gd name="connsiteY14" fmla="*/ 354729 h 2414739"/>
                  <a:gd name="connsiteX15" fmla="*/ 1917789 w 2426229"/>
                  <a:gd name="connsiteY15" fmla="*/ 575552 h 2414739"/>
                  <a:gd name="connsiteX16" fmla="*/ 2008124 w 2426229"/>
                  <a:gd name="connsiteY16" fmla="*/ 694704 h 2414739"/>
                  <a:gd name="connsiteX17" fmla="*/ 2030296 w 2426229"/>
                  <a:gd name="connsiteY17" fmla="*/ 736220 h 2414739"/>
                  <a:gd name="connsiteX18" fmla="*/ 2277626 w 2426229"/>
                  <a:gd name="connsiteY18" fmla="*/ 676548 h 2414739"/>
                  <a:gd name="connsiteX19" fmla="*/ 2313173 w 2426229"/>
                  <a:gd name="connsiteY19" fmla="*/ 698277 h 2414739"/>
                  <a:gd name="connsiteX20" fmla="*/ 2425401 w 2426229"/>
                  <a:gd name="connsiteY20" fmla="*/ 1163442 h 2414739"/>
                  <a:gd name="connsiteX21" fmla="*/ 2403672 w 2426229"/>
                  <a:gd name="connsiteY21" fmla="*/ 1198990 h 2414739"/>
                  <a:gd name="connsiteX22" fmla="*/ 2151226 w 2426229"/>
                  <a:gd name="connsiteY22" fmla="*/ 1259896 h 2414739"/>
                  <a:gd name="connsiteX23" fmla="*/ 2149040 w 2426229"/>
                  <a:gd name="connsiteY23" fmla="*/ 1303123 h 2414739"/>
                  <a:gd name="connsiteX24" fmla="*/ 2135595 w 2426229"/>
                  <a:gd name="connsiteY24" fmla="*/ 1392962 h 2414739"/>
                  <a:gd name="connsiteX25" fmla="*/ 2121110 w 2426229"/>
                  <a:gd name="connsiteY25" fmla="*/ 1451473 h 2414739"/>
                  <a:gd name="connsiteX26" fmla="*/ 2345364 w 2426229"/>
                  <a:gd name="connsiteY26" fmla="*/ 1584786 h 2414739"/>
                  <a:gd name="connsiteX27" fmla="*/ 2355634 w 2426229"/>
                  <a:gd name="connsiteY27" fmla="*/ 1625164 h 2414739"/>
                  <a:gd name="connsiteX28" fmla="*/ 2111114 w 2426229"/>
                  <a:gd name="connsiteY28" fmla="*/ 2036484 h 2414739"/>
                  <a:gd name="connsiteX29" fmla="*/ 2070737 w 2426229"/>
                  <a:gd name="connsiteY29" fmla="*/ 2046753 h 2414739"/>
                  <a:gd name="connsiteX30" fmla="*/ 1843633 w 2426229"/>
                  <a:gd name="connsiteY30" fmla="*/ 1911745 h 2414739"/>
                  <a:gd name="connsiteX31" fmla="*/ 1837670 w 2426229"/>
                  <a:gd name="connsiteY31" fmla="*/ 1918218 h 2414739"/>
                  <a:gd name="connsiteX32" fmla="*/ 1699035 w 2426229"/>
                  <a:gd name="connsiteY32" fmla="*/ 2023005 h 2414739"/>
                  <a:gd name="connsiteX33" fmla="*/ 1692667 w 2426229"/>
                  <a:gd name="connsiteY33" fmla="*/ 2026211 h 2414739"/>
                  <a:gd name="connsiteX34" fmla="*/ 1749302 w 2426229"/>
                  <a:gd name="connsiteY34" fmla="*/ 2270587 h 2414739"/>
                  <a:gd name="connsiteX35" fmla="*/ 1727254 w 2426229"/>
                  <a:gd name="connsiteY35" fmla="*/ 2305938 h 2414739"/>
                  <a:gd name="connsiteX36" fmla="*/ 1261097 w 2426229"/>
                  <a:gd name="connsiteY36" fmla="*/ 2413972 h 2414739"/>
                  <a:gd name="connsiteX37" fmla="*/ 1225747 w 2426229"/>
                  <a:gd name="connsiteY37" fmla="*/ 2391923 h 2414739"/>
                  <a:gd name="connsiteX38" fmla="*/ 1173840 w 2426229"/>
                  <a:gd name="connsiteY38" fmla="*/ 2167949 h 2414739"/>
                  <a:gd name="connsiteX39" fmla="*/ 1089690 w 2426229"/>
                  <a:gd name="connsiteY39" fmla="*/ 2163706 h 2414739"/>
                  <a:gd name="connsiteX40" fmla="*/ 999714 w 2426229"/>
                  <a:gd name="connsiteY40" fmla="*/ 2150282 h 2414739"/>
                  <a:gd name="connsiteX41" fmla="*/ 964275 w 2426229"/>
                  <a:gd name="connsiteY41" fmla="*/ 2141535 h 2414739"/>
                  <a:gd name="connsiteX42" fmla="*/ 842389 w 2426229"/>
                  <a:gd name="connsiteY42" fmla="*/ 2339366 h 2414739"/>
                  <a:gd name="connsiteX43" fmla="*/ 801855 w 2426229"/>
                  <a:gd name="connsiteY43" fmla="*/ 2348995 h 2414739"/>
                  <a:gd name="connsiteX44" fmla="*/ 394457 w 2426229"/>
                  <a:gd name="connsiteY44" fmla="*/ 2097995 h 2414739"/>
                  <a:gd name="connsiteX45" fmla="*/ 384829 w 2426229"/>
                  <a:gd name="connsiteY45" fmla="*/ 2057460 h 2414739"/>
                  <a:gd name="connsiteX46" fmla="*/ 497452 w 2426229"/>
                  <a:gd name="connsiteY46" fmla="*/ 1874661 h 2414739"/>
                  <a:gd name="connsiteX47" fmla="*/ 473658 w 2426229"/>
                  <a:gd name="connsiteY47" fmla="*/ 1852810 h 2414739"/>
                  <a:gd name="connsiteX48" fmla="*/ 368712 w 2426229"/>
                  <a:gd name="connsiteY48" fmla="*/ 1714386 h 2414739"/>
                  <a:gd name="connsiteX49" fmla="*/ 356516 w 2426229"/>
                  <a:gd name="connsiteY49" fmla="*/ 1690231 h 2414739"/>
                  <a:gd name="connsiteX50" fmla="*/ 146906 w 2426229"/>
                  <a:gd name="connsiteY50" fmla="*/ 1740041 h 2414739"/>
                  <a:gd name="connsiteX51" fmla="*/ 111433 w 2426229"/>
                  <a:gd name="connsiteY51" fmla="*/ 1718190 h 2414739"/>
                  <a:gd name="connsiteX52" fmla="*/ 804 w 2426229"/>
                  <a:gd name="connsiteY52" fmla="*/ 1252643 h 2414739"/>
                  <a:gd name="connsiteX53" fmla="*/ 22655 w 2426229"/>
                  <a:gd name="connsiteY53" fmla="*/ 1217170 h 2414739"/>
                  <a:gd name="connsiteX54" fmla="*/ 225052 w 2426229"/>
                  <a:gd name="connsiteY54" fmla="*/ 1169073 h 2414739"/>
                  <a:gd name="connsiteX55" fmla="*/ 230569 w 2426229"/>
                  <a:gd name="connsiteY55" fmla="*/ 1081749 h 2414739"/>
                  <a:gd name="connsiteX56" fmla="*/ 249599 w 2426229"/>
                  <a:gd name="connsiteY56" fmla="*/ 978076 h 2414739"/>
                  <a:gd name="connsiteX57" fmla="*/ 262296 w 2426229"/>
                  <a:gd name="connsiteY57" fmla="*/ 935675 h 2414739"/>
                  <a:gd name="connsiteX58" fmla="*/ 74025 w 2426229"/>
                  <a:gd name="connsiteY58" fmla="*/ 819537 h 2414739"/>
                  <a:gd name="connsiteX59" fmla="*/ 64418 w 2426229"/>
                  <a:gd name="connsiteY59" fmla="*/ 778997 h 2414739"/>
                  <a:gd name="connsiteX60" fmla="*/ 315643 w 2426229"/>
                  <a:gd name="connsiteY60" fmla="*/ 371737 h 2414739"/>
                  <a:gd name="connsiteX61" fmla="*/ 356183 w 2426229"/>
                  <a:gd name="connsiteY61" fmla="*/ 362131 h 2414739"/>
                  <a:gd name="connsiteX62" fmla="*/ 550496 w 2426229"/>
                  <a:gd name="connsiteY62" fmla="*/ 481996 h 2414739"/>
                  <a:gd name="connsiteX63" fmla="*/ 567522 w 2426229"/>
                  <a:gd name="connsiteY63" fmla="*/ 466124 h 2414739"/>
                  <a:gd name="connsiteX64" fmla="*/ 648538 w 2426229"/>
                  <a:gd name="connsiteY64" fmla="*/ 405066 h 2414739"/>
                  <a:gd name="connsiteX65" fmla="*/ 731217 w 2426229"/>
                  <a:gd name="connsiteY65" fmla="*/ 360258 h 2414739"/>
                  <a:gd name="connsiteX66" fmla="*/ 680621 w 2426229"/>
                  <a:gd name="connsiteY66" fmla="*/ 146432 h 2414739"/>
                  <a:gd name="connsiteX67" fmla="*/ 702506 w 2426229"/>
                  <a:gd name="connsiteY67" fmla="*/ 110980 h 241473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</a:cxnLst>
                <a:rect l="l" t="t" r="r" b="b"/>
                <a:pathLst>
                  <a:path w="2426229" h="2414739">
                    <a:moveTo>
                      <a:pt x="1188417" y="530299"/>
                    </a:moveTo>
                    <a:cubicBezTo>
                      <a:pt x="819166" y="530299"/>
                      <a:pt x="519829" y="832170"/>
                      <a:pt x="519829" y="1204546"/>
                    </a:cubicBezTo>
                    <a:cubicBezTo>
                      <a:pt x="519829" y="1576922"/>
                      <a:pt x="819166" y="1878793"/>
                      <a:pt x="1188417" y="1878793"/>
                    </a:cubicBezTo>
                    <a:cubicBezTo>
                      <a:pt x="1557668" y="1878793"/>
                      <a:pt x="1857005" y="1576922"/>
                      <a:pt x="1857005" y="1204546"/>
                    </a:cubicBezTo>
                    <a:cubicBezTo>
                      <a:pt x="1857005" y="832170"/>
                      <a:pt x="1557668" y="530299"/>
                      <a:pt x="1188417" y="530299"/>
                    </a:cubicBezTo>
                    <a:close/>
                    <a:moveTo>
                      <a:pt x="1168160" y="798"/>
                    </a:moveTo>
                    <a:cubicBezTo>
                      <a:pt x="1183993" y="-2949"/>
                      <a:pt x="1199865" y="6850"/>
                      <a:pt x="1203612" y="22683"/>
                    </a:cubicBezTo>
                    <a:lnTo>
                      <a:pt x="1255935" y="243810"/>
                    </a:lnTo>
                    <a:lnTo>
                      <a:pt x="1287146" y="245384"/>
                    </a:lnTo>
                    <a:cubicBezTo>
                      <a:pt x="1348010" y="251556"/>
                      <a:pt x="1407203" y="263371"/>
                      <a:pt x="1464192" y="280298"/>
                    </a:cubicBezTo>
                    <a:lnTo>
                      <a:pt x="1467494" y="281620"/>
                    </a:lnTo>
                    <a:lnTo>
                      <a:pt x="1591843" y="76310"/>
                    </a:lnTo>
                    <a:cubicBezTo>
                      <a:pt x="1600272" y="62394"/>
                      <a:pt x="1618387" y="57945"/>
                      <a:pt x="1632304" y="66374"/>
                    </a:cubicBezTo>
                    <a:lnTo>
                      <a:pt x="2041598" y="314268"/>
                    </a:lnTo>
                    <a:cubicBezTo>
                      <a:pt x="2055515" y="322697"/>
                      <a:pt x="2059963" y="340812"/>
                      <a:pt x="2051535" y="354729"/>
                    </a:cubicBezTo>
                    <a:lnTo>
                      <a:pt x="1917789" y="575552"/>
                    </a:lnTo>
                    <a:lnTo>
                      <a:pt x="2008124" y="694704"/>
                    </a:lnTo>
                    <a:lnTo>
                      <a:pt x="2030296" y="736220"/>
                    </a:lnTo>
                    <a:lnTo>
                      <a:pt x="2277626" y="676548"/>
                    </a:lnTo>
                    <a:cubicBezTo>
                      <a:pt x="2293442" y="672732"/>
                      <a:pt x="2309358" y="682461"/>
                      <a:pt x="2313173" y="698277"/>
                    </a:cubicBezTo>
                    <a:lnTo>
                      <a:pt x="2425401" y="1163442"/>
                    </a:lnTo>
                    <a:cubicBezTo>
                      <a:pt x="2429217" y="1179259"/>
                      <a:pt x="2419488" y="1195174"/>
                      <a:pt x="2403672" y="1198990"/>
                    </a:cubicBezTo>
                    <a:lnTo>
                      <a:pt x="2151226" y="1259896"/>
                    </a:lnTo>
                    <a:lnTo>
                      <a:pt x="2149040" y="1303123"/>
                    </a:lnTo>
                    <a:cubicBezTo>
                      <a:pt x="2145949" y="1333508"/>
                      <a:pt x="2141446" y="1363477"/>
                      <a:pt x="2135595" y="1392962"/>
                    </a:cubicBezTo>
                    <a:lnTo>
                      <a:pt x="2121110" y="1451473"/>
                    </a:lnTo>
                    <a:lnTo>
                      <a:pt x="2345364" y="1584786"/>
                    </a:lnTo>
                    <a:cubicBezTo>
                      <a:pt x="2359350" y="1593100"/>
                      <a:pt x="2363948" y="1611178"/>
                      <a:pt x="2355634" y="1625164"/>
                    </a:cubicBezTo>
                    <a:lnTo>
                      <a:pt x="2111114" y="2036484"/>
                    </a:lnTo>
                    <a:cubicBezTo>
                      <a:pt x="2102800" y="2050469"/>
                      <a:pt x="2084722" y="2055067"/>
                      <a:pt x="2070737" y="2046753"/>
                    </a:cubicBezTo>
                    <a:lnTo>
                      <a:pt x="1843633" y="1911745"/>
                    </a:lnTo>
                    <a:lnTo>
                      <a:pt x="1837670" y="1918218"/>
                    </a:lnTo>
                    <a:cubicBezTo>
                      <a:pt x="1794801" y="1957123"/>
                      <a:pt x="1748411" y="1992229"/>
                      <a:pt x="1699035" y="2023005"/>
                    </a:cubicBezTo>
                    <a:lnTo>
                      <a:pt x="1692667" y="2026211"/>
                    </a:lnTo>
                    <a:lnTo>
                      <a:pt x="1749302" y="2270587"/>
                    </a:lnTo>
                    <a:cubicBezTo>
                      <a:pt x="1752976" y="2286437"/>
                      <a:pt x="1743104" y="2302265"/>
                      <a:pt x="1727254" y="2305938"/>
                    </a:cubicBezTo>
                    <a:lnTo>
                      <a:pt x="1261097" y="2413972"/>
                    </a:lnTo>
                    <a:cubicBezTo>
                      <a:pt x="1245247" y="2417645"/>
                      <a:pt x="1229420" y="2407773"/>
                      <a:pt x="1225747" y="2391923"/>
                    </a:cubicBezTo>
                    <a:lnTo>
                      <a:pt x="1173840" y="2167949"/>
                    </a:lnTo>
                    <a:lnTo>
                      <a:pt x="1089690" y="2163706"/>
                    </a:lnTo>
                    <a:cubicBezTo>
                      <a:pt x="1059258" y="2160621"/>
                      <a:pt x="1029244" y="2156124"/>
                      <a:pt x="999714" y="2150282"/>
                    </a:cubicBezTo>
                    <a:lnTo>
                      <a:pt x="964275" y="2141535"/>
                    </a:lnTo>
                    <a:lnTo>
                      <a:pt x="842389" y="2339366"/>
                    </a:lnTo>
                    <a:cubicBezTo>
                      <a:pt x="833855" y="2353218"/>
                      <a:pt x="815707" y="2357529"/>
                      <a:pt x="801855" y="2348995"/>
                    </a:cubicBezTo>
                    <a:lnTo>
                      <a:pt x="394457" y="2097995"/>
                    </a:lnTo>
                    <a:cubicBezTo>
                      <a:pt x="380605" y="2089460"/>
                      <a:pt x="376294" y="2071312"/>
                      <a:pt x="384829" y="2057460"/>
                    </a:cubicBezTo>
                    <a:lnTo>
                      <a:pt x="497452" y="1874661"/>
                    </a:lnTo>
                    <a:lnTo>
                      <a:pt x="473658" y="1852810"/>
                    </a:lnTo>
                    <a:cubicBezTo>
                      <a:pt x="434694" y="1810006"/>
                      <a:pt x="399535" y="1763687"/>
                      <a:pt x="368712" y="1714386"/>
                    </a:cubicBezTo>
                    <a:lnTo>
                      <a:pt x="356516" y="1690231"/>
                    </a:lnTo>
                    <a:lnTo>
                      <a:pt x="146906" y="1740041"/>
                    </a:lnTo>
                    <a:cubicBezTo>
                      <a:pt x="131077" y="1743803"/>
                      <a:pt x="115195" y="1734020"/>
                      <a:pt x="111433" y="1718190"/>
                    </a:cubicBezTo>
                    <a:lnTo>
                      <a:pt x="804" y="1252643"/>
                    </a:lnTo>
                    <a:cubicBezTo>
                      <a:pt x="-2958" y="1236813"/>
                      <a:pt x="6825" y="1220931"/>
                      <a:pt x="22655" y="1217170"/>
                    </a:cubicBezTo>
                    <a:lnTo>
                      <a:pt x="225052" y="1169073"/>
                    </a:lnTo>
                    <a:lnTo>
                      <a:pt x="230569" y="1081749"/>
                    </a:lnTo>
                    <a:cubicBezTo>
                      <a:pt x="235049" y="1046564"/>
                      <a:pt x="241427" y="1011971"/>
                      <a:pt x="249599" y="978076"/>
                    </a:cubicBezTo>
                    <a:lnTo>
                      <a:pt x="262296" y="935675"/>
                    </a:lnTo>
                    <a:lnTo>
                      <a:pt x="74025" y="819537"/>
                    </a:lnTo>
                    <a:cubicBezTo>
                      <a:pt x="60178" y="810995"/>
                      <a:pt x="55876" y="792844"/>
                      <a:pt x="64418" y="778997"/>
                    </a:cubicBezTo>
                    <a:lnTo>
                      <a:pt x="315643" y="371737"/>
                    </a:lnTo>
                    <a:cubicBezTo>
                      <a:pt x="324184" y="357890"/>
                      <a:pt x="342335" y="353589"/>
                      <a:pt x="356183" y="362131"/>
                    </a:cubicBezTo>
                    <a:lnTo>
                      <a:pt x="550496" y="481996"/>
                    </a:lnTo>
                    <a:lnTo>
                      <a:pt x="567522" y="466124"/>
                    </a:lnTo>
                    <a:cubicBezTo>
                      <a:pt x="593404" y="444405"/>
                      <a:pt x="620445" y="424017"/>
                      <a:pt x="648538" y="405066"/>
                    </a:cubicBezTo>
                    <a:lnTo>
                      <a:pt x="731217" y="360258"/>
                    </a:lnTo>
                    <a:lnTo>
                      <a:pt x="680621" y="146432"/>
                    </a:lnTo>
                    <a:cubicBezTo>
                      <a:pt x="676875" y="130599"/>
                      <a:pt x="686673" y="114727"/>
                      <a:pt x="702506" y="110980"/>
                    </a:cubicBezTo>
                    <a:close/>
                  </a:path>
                </a:pathLst>
              </a:custGeom>
              <a:solidFill>
                <a:schemeClr val="accent5"/>
              </a:solidFill>
              <a:ln w="6350">
                <a:solidFill>
                  <a:schemeClr val="bg1"/>
                </a:solidFill>
              </a:ln>
              <a:effectLst>
                <a:outerShdw blurRad="63500" sx="102000" sy="102000" algn="ctr" rotWithShape="0">
                  <a:prstClr val="black">
                    <a:alpha val="25000"/>
                  </a:prstClr>
                </a:outerShd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wrap="square" rtlCol="0" anchor="ctr">
                <a:noAutofit/>
              </a:bodyPr>
              <a:lstStyle/>
              <a:p>
                <a:pPr algn="ctr"/>
                <a:endParaRPr lang="en-US"/>
              </a:p>
            </p:txBody>
          </p:sp>
          <p:grpSp>
            <p:nvGrpSpPr>
              <p:cNvPr id="16" name="Group 34"/>
              <p:cNvGrpSpPr/>
              <p:nvPr/>
            </p:nvGrpSpPr>
            <p:grpSpPr>
              <a:xfrm>
                <a:off x="5869150" y="2850880"/>
                <a:ext cx="942496" cy="1388724"/>
                <a:chOff x="2905363" y="1618795"/>
                <a:chExt cx="942496" cy="1388724"/>
              </a:xfrm>
              <a:solidFill>
                <a:schemeClr val="accent5"/>
              </a:solidFill>
            </p:grpSpPr>
            <p:sp>
              <p:nvSpPr>
                <p:cNvPr id="17" name="Freeform 35"/>
                <p:cNvSpPr/>
                <p:nvPr/>
              </p:nvSpPr>
              <p:spPr>
                <a:xfrm>
                  <a:off x="3074321" y="1618795"/>
                  <a:ext cx="614363" cy="635778"/>
                </a:xfrm>
                <a:custGeom>
                  <a:avLst/>
                  <a:gdLst>
                    <a:gd name="connsiteX0" fmla="*/ 0 w 614363"/>
                    <a:gd name="connsiteY0" fmla="*/ 317225 h 635778"/>
                    <a:gd name="connsiteX1" fmla="*/ 0 w 614363"/>
                    <a:gd name="connsiteY1" fmla="*/ 317226 h 635778"/>
                    <a:gd name="connsiteX2" fmla="*/ 0 w 614363"/>
                    <a:gd name="connsiteY2" fmla="*/ 317226 h 635778"/>
                    <a:gd name="connsiteX3" fmla="*/ 305492 w 614363"/>
                    <a:gd name="connsiteY3" fmla="*/ 0 h 635778"/>
                    <a:gd name="connsiteX4" fmla="*/ 534671 w 614363"/>
                    <a:gd name="connsiteY4" fmla="*/ 194152 h 635778"/>
                    <a:gd name="connsiteX5" fmla="*/ 542337 w 614363"/>
                    <a:gd name="connsiteY5" fmla="*/ 225714 h 635778"/>
                    <a:gd name="connsiteX6" fmla="*/ 555461 w 614363"/>
                    <a:gd name="connsiteY6" fmla="*/ 228364 h 635778"/>
                    <a:gd name="connsiteX7" fmla="*/ 614363 w 614363"/>
                    <a:gd name="connsiteY7" fmla="*/ 317226 h 635778"/>
                    <a:gd name="connsiteX8" fmla="*/ 614362 w 614363"/>
                    <a:gd name="connsiteY8" fmla="*/ 317226 h 635778"/>
                    <a:gd name="connsiteX9" fmla="*/ 555460 w 614363"/>
                    <a:gd name="connsiteY9" fmla="*/ 406088 h 635778"/>
                    <a:gd name="connsiteX10" fmla="*/ 542675 w 614363"/>
                    <a:gd name="connsiteY10" fmla="*/ 408669 h 635778"/>
                    <a:gd name="connsiteX11" fmla="*/ 534671 w 614363"/>
                    <a:gd name="connsiteY11" fmla="*/ 441626 h 635778"/>
                    <a:gd name="connsiteX12" fmla="*/ 305492 w 614363"/>
                    <a:gd name="connsiteY12" fmla="*/ 635778 h 635778"/>
                    <a:gd name="connsiteX13" fmla="*/ 76313 w 614363"/>
                    <a:gd name="connsiteY13" fmla="*/ 441626 h 635778"/>
                    <a:gd name="connsiteX14" fmla="*/ 68134 w 614363"/>
                    <a:gd name="connsiteY14" fmla="*/ 407951 h 635778"/>
                    <a:gd name="connsiteX15" fmla="*/ 58902 w 614363"/>
                    <a:gd name="connsiteY15" fmla="*/ 406087 h 635778"/>
                    <a:gd name="connsiteX16" fmla="*/ 7579 w 614363"/>
                    <a:gd name="connsiteY16" fmla="*/ 354764 h 635778"/>
                    <a:gd name="connsiteX17" fmla="*/ 0 w 614363"/>
                    <a:gd name="connsiteY17" fmla="*/ 317226 h 635778"/>
                    <a:gd name="connsiteX18" fmla="*/ 7579 w 614363"/>
                    <a:gd name="connsiteY18" fmla="*/ 279687 h 635778"/>
                    <a:gd name="connsiteX19" fmla="*/ 58902 w 614363"/>
                    <a:gd name="connsiteY19" fmla="*/ 228364 h 635778"/>
                    <a:gd name="connsiteX20" fmla="*/ 68473 w 614363"/>
                    <a:gd name="connsiteY20" fmla="*/ 226432 h 635778"/>
                    <a:gd name="connsiteX21" fmla="*/ 76313 w 614363"/>
                    <a:gd name="connsiteY21" fmla="*/ 194152 h 635778"/>
                    <a:gd name="connsiteX22" fmla="*/ 305492 w 614363"/>
                    <a:gd name="connsiteY22" fmla="*/ 0 h 635778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</a:cxnLst>
                  <a:rect l="l" t="t" r="r" b="b"/>
                  <a:pathLst>
                    <a:path w="614363" h="635778">
                      <a:moveTo>
                        <a:pt x="0" y="317225"/>
                      </a:moveTo>
                      <a:lnTo>
                        <a:pt x="0" y="317226"/>
                      </a:lnTo>
                      <a:lnTo>
                        <a:pt x="0" y="317226"/>
                      </a:lnTo>
                      <a:close/>
                      <a:moveTo>
                        <a:pt x="305492" y="0"/>
                      </a:moveTo>
                      <a:cubicBezTo>
                        <a:pt x="408517" y="0"/>
                        <a:pt x="496913" y="80057"/>
                        <a:pt x="534671" y="194152"/>
                      </a:cubicBezTo>
                      <a:lnTo>
                        <a:pt x="542337" y="225714"/>
                      </a:lnTo>
                      <a:lnTo>
                        <a:pt x="555461" y="228364"/>
                      </a:lnTo>
                      <a:cubicBezTo>
                        <a:pt x="590076" y="243004"/>
                        <a:pt x="614363" y="277279"/>
                        <a:pt x="614363" y="317226"/>
                      </a:cubicBezTo>
                      <a:lnTo>
                        <a:pt x="614362" y="317226"/>
                      </a:lnTo>
                      <a:cubicBezTo>
                        <a:pt x="614362" y="357173"/>
                        <a:pt x="590075" y="391448"/>
                        <a:pt x="555460" y="406088"/>
                      </a:cubicBezTo>
                      <a:lnTo>
                        <a:pt x="542675" y="408669"/>
                      </a:lnTo>
                      <a:lnTo>
                        <a:pt x="534671" y="441626"/>
                      </a:lnTo>
                      <a:cubicBezTo>
                        <a:pt x="496913" y="555721"/>
                        <a:pt x="408517" y="635778"/>
                        <a:pt x="305492" y="635778"/>
                      </a:cubicBezTo>
                      <a:cubicBezTo>
                        <a:pt x="202467" y="635778"/>
                        <a:pt x="114072" y="555721"/>
                        <a:pt x="76313" y="441626"/>
                      </a:cubicBezTo>
                      <a:lnTo>
                        <a:pt x="68134" y="407951"/>
                      </a:lnTo>
                      <a:lnTo>
                        <a:pt x="58902" y="406087"/>
                      </a:lnTo>
                      <a:cubicBezTo>
                        <a:pt x="35826" y="396327"/>
                        <a:pt x="17339" y="377840"/>
                        <a:pt x="7579" y="354764"/>
                      </a:cubicBezTo>
                      <a:lnTo>
                        <a:pt x="0" y="317226"/>
                      </a:lnTo>
                      <a:lnTo>
                        <a:pt x="7579" y="279687"/>
                      </a:lnTo>
                      <a:cubicBezTo>
                        <a:pt x="17339" y="256611"/>
                        <a:pt x="35826" y="238124"/>
                        <a:pt x="58902" y="228364"/>
                      </a:cubicBezTo>
                      <a:lnTo>
                        <a:pt x="68473" y="226432"/>
                      </a:lnTo>
                      <a:lnTo>
                        <a:pt x="76313" y="194152"/>
                      </a:lnTo>
                      <a:cubicBezTo>
                        <a:pt x="114072" y="80057"/>
                        <a:pt x="202467" y="0"/>
                        <a:pt x="305492" y="0"/>
                      </a:cubicBezTo>
                      <a:close/>
                    </a:path>
                  </a:pathLst>
                </a:custGeom>
                <a:grpFill/>
                <a:ln>
                  <a:noFill/>
                </a:ln>
                <a:effectLst/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18" name="Freeform 36"/>
                <p:cNvSpPr/>
                <p:nvPr/>
              </p:nvSpPr>
              <p:spPr>
                <a:xfrm>
                  <a:off x="2905363" y="2292263"/>
                  <a:ext cx="942496" cy="715256"/>
                </a:xfrm>
                <a:custGeom>
                  <a:avLst/>
                  <a:gdLst>
                    <a:gd name="connsiteX0" fmla="*/ 422332 w 923925"/>
                    <a:gd name="connsiteY0" fmla="*/ 287 h 715256"/>
                    <a:gd name="connsiteX1" fmla="*/ 464439 w 923925"/>
                    <a:gd name="connsiteY1" fmla="*/ 5645 h 715256"/>
                    <a:gd name="connsiteX2" fmla="*/ 521023 w 923925"/>
                    <a:gd name="connsiteY2" fmla="*/ 5644 h 715256"/>
                    <a:gd name="connsiteX3" fmla="*/ 513950 w 923925"/>
                    <a:gd name="connsiteY3" fmla="*/ 81844 h 715256"/>
                    <a:gd name="connsiteX4" fmla="*/ 529616 w 923925"/>
                    <a:gd name="connsiteY4" fmla="*/ 203681 h 715256"/>
                    <a:gd name="connsiteX5" fmla="*/ 574344 w 923925"/>
                    <a:gd name="connsiteY5" fmla="*/ 3379 h 715256"/>
                    <a:gd name="connsiteX6" fmla="*/ 576264 w 923925"/>
                    <a:gd name="connsiteY6" fmla="*/ 3262 h 715256"/>
                    <a:gd name="connsiteX7" fmla="*/ 654845 w 923925"/>
                    <a:gd name="connsiteY7" fmla="*/ 53268 h 715256"/>
                    <a:gd name="connsiteX8" fmla="*/ 890587 w 923925"/>
                    <a:gd name="connsiteY8" fmla="*/ 246150 h 715256"/>
                    <a:gd name="connsiteX9" fmla="*/ 923925 w 923925"/>
                    <a:gd name="connsiteY9" fmla="*/ 710493 h 715256"/>
                    <a:gd name="connsiteX10" fmla="*/ 0 w 923925"/>
                    <a:gd name="connsiteY10" fmla="*/ 715256 h 715256"/>
                    <a:gd name="connsiteX11" fmla="*/ 50006 w 923925"/>
                    <a:gd name="connsiteY11" fmla="*/ 250910 h 715256"/>
                    <a:gd name="connsiteX12" fmla="*/ 283371 w 923925"/>
                    <a:gd name="connsiteY12" fmla="*/ 58031 h 715256"/>
                    <a:gd name="connsiteX13" fmla="*/ 324150 w 923925"/>
                    <a:gd name="connsiteY13" fmla="*/ 35408 h 715256"/>
                    <a:gd name="connsiteX14" fmla="*/ 356611 w 923925"/>
                    <a:gd name="connsiteY14" fmla="*/ 20200 h 715256"/>
                    <a:gd name="connsiteX15" fmla="*/ 416722 w 923925"/>
                    <a:gd name="connsiteY15" fmla="*/ 208049 h 715256"/>
                    <a:gd name="connsiteX16" fmla="*/ 419332 w 923925"/>
                    <a:gd name="connsiteY16" fmla="*/ 208049 h 715256"/>
                    <a:gd name="connsiteX17" fmla="*/ 424358 w 923925"/>
                    <a:gd name="connsiteY17" fmla="*/ 179178 h 715256"/>
                    <a:gd name="connsiteX18" fmla="*/ 438503 w 923925"/>
                    <a:gd name="connsiteY18" fmla="*/ 96132 h 715256"/>
                    <a:gd name="connsiteX19" fmla="*/ 412570 w 923925"/>
                    <a:gd name="connsiteY19" fmla="*/ 5645 h 715256"/>
                    <a:gd name="connsiteX20" fmla="*/ 422332 w 923925"/>
                    <a:gd name="connsiteY20" fmla="*/ 287 h 715256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</a:cxnLst>
                  <a:rect l="l" t="t" r="r" b="b"/>
                  <a:pathLst>
                    <a:path w="923925" h="715256">
                      <a:moveTo>
                        <a:pt x="422332" y="287"/>
                      </a:moveTo>
                      <a:cubicBezTo>
                        <a:pt x="434378" y="-1499"/>
                        <a:pt x="452061" y="5645"/>
                        <a:pt x="464439" y="5645"/>
                      </a:cubicBezTo>
                      <a:cubicBezTo>
                        <a:pt x="480943" y="5645"/>
                        <a:pt x="501377" y="88"/>
                        <a:pt x="521023" y="5644"/>
                      </a:cubicBezTo>
                      <a:cubicBezTo>
                        <a:pt x="541456" y="27076"/>
                        <a:pt x="528882" y="53269"/>
                        <a:pt x="513950" y="81844"/>
                      </a:cubicBezTo>
                      <a:lnTo>
                        <a:pt x="529616" y="203681"/>
                      </a:lnTo>
                      <a:lnTo>
                        <a:pt x="574344" y="3379"/>
                      </a:lnTo>
                      <a:lnTo>
                        <a:pt x="576264" y="3262"/>
                      </a:lnTo>
                      <a:cubicBezTo>
                        <a:pt x="592932" y="15168"/>
                        <a:pt x="623890" y="31043"/>
                        <a:pt x="654845" y="53268"/>
                      </a:cubicBezTo>
                      <a:cubicBezTo>
                        <a:pt x="726282" y="77875"/>
                        <a:pt x="862012" y="119943"/>
                        <a:pt x="890587" y="246150"/>
                      </a:cubicBezTo>
                      <a:lnTo>
                        <a:pt x="923925" y="710493"/>
                      </a:lnTo>
                      <a:lnTo>
                        <a:pt x="0" y="715256"/>
                      </a:lnTo>
                      <a:lnTo>
                        <a:pt x="50006" y="250910"/>
                      </a:lnTo>
                      <a:cubicBezTo>
                        <a:pt x="75008" y="126688"/>
                        <a:pt x="209155" y="71922"/>
                        <a:pt x="283371" y="58031"/>
                      </a:cubicBezTo>
                      <a:cubicBezTo>
                        <a:pt x="299048" y="48704"/>
                        <a:pt x="312244" y="41461"/>
                        <a:pt x="324150" y="35408"/>
                      </a:cubicBezTo>
                      <a:lnTo>
                        <a:pt x="356611" y="20200"/>
                      </a:lnTo>
                      <a:lnTo>
                        <a:pt x="416722" y="208049"/>
                      </a:lnTo>
                      <a:lnTo>
                        <a:pt x="419332" y="208049"/>
                      </a:lnTo>
                      <a:lnTo>
                        <a:pt x="424358" y="179178"/>
                      </a:lnTo>
                      <a:cubicBezTo>
                        <a:pt x="429270" y="152290"/>
                        <a:pt x="434181" y="125104"/>
                        <a:pt x="438503" y="96132"/>
                      </a:cubicBezTo>
                      <a:cubicBezTo>
                        <a:pt x="422786" y="81051"/>
                        <a:pt x="402354" y="35013"/>
                        <a:pt x="412570" y="5645"/>
                      </a:cubicBezTo>
                      <a:cubicBezTo>
                        <a:pt x="414927" y="2470"/>
                        <a:pt x="418317" y="883"/>
                        <a:pt x="422332" y="287"/>
                      </a:cubicBezTo>
                      <a:close/>
                    </a:path>
                  </a:pathLst>
                </a:custGeom>
                <a:grpFill/>
                <a:ln>
                  <a:noFill/>
                </a:ln>
                <a:effectLst/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</p:grpSp>
      </p:grpSp>
      <p:cxnSp>
        <p:nvCxnSpPr>
          <p:cNvPr id="35" name="Straight Arrow Connector 4"/>
          <p:cNvCxnSpPr/>
          <p:nvPr/>
        </p:nvCxnSpPr>
        <p:spPr>
          <a:xfrm flipH="1">
            <a:off x="3275856" y="4349021"/>
            <a:ext cx="0" cy="252000"/>
          </a:xfrm>
          <a:prstGeom prst="straightConnector1">
            <a:avLst/>
          </a:prstGeom>
          <a:ln w="12700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6" name="Group 10"/>
          <p:cNvGrpSpPr/>
          <p:nvPr/>
        </p:nvGrpSpPr>
        <p:grpSpPr>
          <a:xfrm>
            <a:off x="1619672" y="1700808"/>
            <a:ext cx="476816" cy="420652"/>
            <a:chOff x="1801963" y="1435915"/>
            <a:chExt cx="688117" cy="703128"/>
          </a:xfrm>
        </p:grpSpPr>
        <p:cxnSp>
          <p:nvCxnSpPr>
            <p:cNvPr id="37" name="Straight Arrow Connector 113"/>
            <p:cNvCxnSpPr/>
            <p:nvPr/>
          </p:nvCxnSpPr>
          <p:spPr>
            <a:xfrm rot="16200000" flipV="1">
              <a:off x="2146022" y="1094158"/>
              <a:ext cx="0" cy="688117"/>
            </a:xfrm>
            <a:prstGeom prst="straightConnector1">
              <a:avLst/>
            </a:prstGeom>
            <a:ln w="12700">
              <a:solidFill>
                <a:schemeClr val="accent3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Straight Connector 9"/>
            <p:cNvCxnSpPr/>
            <p:nvPr/>
          </p:nvCxnSpPr>
          <p:spPr>
            <a:xfrm>
              <a:off x="2483797" y="1435915"/>
              <a:ext cx="0" cy="703128"/>
            </a:xfrm>
            <a:prstGeom prst="line">
              <a:avLst/>
            </a:prstGeom>
            <a:ln w="12700">
              <a:solidFill>
                <a:schemeClr val="accent3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39" name="Group 114"/>
          <p:cNvGrpSpPr/>
          <p:nvPr/>
        </p:nvGrpSpPr>
        <p:grpSpPr>
          <a:xfrm>
            <a:off x="5421195" y="1265209"/>
            <a:ext cx="386903" cy="211716"/>
            <a:chOff x="1799422" y="1448796"/>
            <a:chExt cx="558359" cy="353884"/>
          </a:xfrm>
        </p:grpSpPr>
        <p:cxnSp>
          <p:nvCxnSpPr>
            <p:cNvPr id="40" name="Straight Arrow Connector 115"/>
            <p:cNvCxnSpPr/>
            <p:nvPr/>
          </p:nvCxnSpPr>
          <p:spPr>
            <a:xfrm rot="16200000" flipV="1">
              <a:off x="2078602" y="1171062"/>
              <a:ext cx="0" cy="558359"/>
            </a:xfrm>
            <a:prstGeom prst="straightConnector1">
              <a:avLst/>
            </a:prstGeom>
            <a:ln w="12700">
              <a:solidFill>
                <a:schemeClr val="accent6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" name="Straight Connector 116"/>
            <p:cNvCxnSpPr/>
            <p:nvPr/>
          </p:nvCxnSpPr>
          <p:spPr>
            <a:xfrm>
              <a:off x="2352469" y="1448796"/>
              <a:ext cx="0" cy="353884"/>
            </a:xfrm>
            <a:prstGeom prst="line">
              <a:avLst/>
            </a:prstGeom>
            <a:ln w="12700">
              <a:solidFill>
                <a:schemeClr val="accent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42" name="Straight Arrow Connector 117"/>
          <p:cNvCxnSpPr/>
          <p:nvPr/>
        </p:nvCxnSpPr>
        <p:spPr>
          <a:xfrm>
            <a:off x="4932040" y="3664917"/>
            <a:ext cx="0" cy="432000"/>
          </a:xfrm>
          <a:prstGeom prst="straightConnector1">
            <a:avLst/>
          </a:prstGeom>
          <a:ln w="12700">
            <a:solidFill>
              <a:schemeClr val="accent5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Straight Connector 112"/>
          <p:cNvCxnSpPr/>
          <p:nvPr/>
        </p:nvCxnSpPr>
        <p:spPr>
          <a:xfrm>
            <a:off x="350692" y="5105077"/>
            <a:ext cx="1002290" cy="0"/>
          </a:xfrm>
          <a:prstGeom prst="line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6" name="Metin kutusu 75"/>
          <p:cNvSpPr txBox="1"/>
          <p:nvPr/>
        </p:nvSpPr>
        <p:spPr>
          <a:xfrm>
            <a:off x="261223" y="4797300"/>
            <a:ext cx="1156086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tr-TR" sz="1400" dirty="0" smtClean="0">
                <a:latin typeface="Futura Bk BT" panose="020B0502020204020303" pitchFamily="34" charset="0"/>
              </a:rPr>
              <a:t>Bilgi Günleri</a:t>
            </a:r>
            <a:endParaRPr lang="tr-TR" sz="1400" dirty="0">
              <a:latin typeface="Futura Bk BT" panose="020B0502020204020303" pitchFamily="34" charset="0"/>
            </a:endParaRPr>
          </a:p>
        </p:txBody>
      </p:sp>
      <p:cxnSp>
        <p:nvCxnSpPr>
          <p:cNvPr id="77" name="Straight Connector 112"/>
          <p:cNvCxnSpPr/>
          <p:nvPr/>
        </p:nvCxnSpPr>
        <p:spPr>
          <a:xfrm>
            <a:off x="317179" y="1903318"/>
            <a:ext cx="1002290" cy="0"/>
          </a:xfrm>
          <a:prstGeom prst="line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" name="Metin kutusu 77"/>
          <p:cNvSpPr txBox="1"/>
          <p:nvPr/>
        </p:nvSpPr>
        <p:spPr>
          <a:xfrm>
            <a:off x="251520" y="1556792"/>
            <a:ext cx="1305037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tr-TR" sz="1400" dirty="0" smtClean="0">
                <a:latin typeface="Futura Bk BT" panose="020B0502020204020303" pitchFamily="34" charset="0"/>
              </a:rPr>
              <a:t>Proje Pazarları</a:t>
            </a:r>
            <a:endParaRPr lang="tr-TR" sz="1400" dirty="0">
              <a:latin typeface="Futura Bk BT" panose="020B0502020204020303" pitchFamily="34" charset="0"/>
            </a:endParaRPr>
          </a:p>
        </p:txBody>
      </p:sp>
      <p:cxnSp>
        <p:nvCxnSpPr>
          <p:cNvPr id="79" name="Straight Connector 112"/>
          <p:cNvCxnSpPr/>
          <p:nvPr/>
        </p:nvCxnSpPr>
        <p:spPr>
          <a:xfrm>
            <a:off x="2777622" y="5105077"/>
            <a:ext cx="1002290" cy="0"/>
          </a:xfrm>
          <a:prstGeom prst="line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0" name="Metin kutusu 79"/>
          <p:cNvSpPr txBox="1"/>
          <p:nvPr/>
        </p:nvSpPr>
        <p:spPr>
          <a:xfrm>
            <a:off x="2267744" y="4601021"/>
            <a:ext cx="206224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r-TR" sz="1400" dirty="0" smtClean="0">
                <a:latin typeface="Futura Bk BT" panose="020B0502020204020303" pitchFamily="34" charset="0"/>
              </a:rPr>
              <a:t>Konsorsiyum Toplantıları</a:t>
            </a:r>
            <a:endParaRPr lang="tr-TR" sz="1400" dirty="0">
              <a:latin typeface="Futura Bk BT" panose="020B0502020204020303" pitchFamily="34" charset="0"/>
            </a:endParaRPr>
          </a:p>
        </p:txBody>
      </p:sp>
      <p:cxnSp>
        <p:nvCxnSpPr>
          <p:cNvPr id="81" name="Straight Connector 112"/>
          <p:cNvCxnSpPr/>
          <p:nvPr/>
        </p:nvCxnSpPr>
        <p:spPr>
          <a:xfrm>
            <a:off x="3394661" y="1976902"/>
            <a:ext cx="1002290" cy="0"/>
          </a:xfrm>
          <a:prstGeom prst="line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2" name="Metin kutusu 81"/>
          <p:cNvSpPr txBox="1"/>
          <p:nvPr/>
        </p:nvSpPr>
        <p:spPr>
          <a:xfrm>
            <a:off x="2649062" y="1465620"/>
            <a:ext cx="264301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/>
            <a:r>
              <a:rPr lang="tr-TR" sz="1400" dirty="0">
                <a:latin typeface="Futura Bk BT" panose="020B0502020204020303" pitchFamily="34" charset="0"/>
              </a:rPr>
              <a:t>Stratejik ağlar </a:t>
            </a:r>
            <a:r>
              <a:rPr lang="tr-TR" sz="1400" dirty="0" smtClean="0">
                <a:latin typeface="Futura Bk BT" panose="020B0502020204020303" pitchFamily="34" charset="0"/>
              </a:rPr>
              <a:t>(ATP, </a:t>
            </a:r>
            <a:r>
              <a:rPr lang="tr-TR" sz="1400" dirty="0">
                <a:latin typeface="Futura Bk BT" panose="020B0502020204020303" pitchFamily="34" charset="0"/>
              </a:rPr>
              <a:t>Avrupa Sanayi Birliği</a:t>
            </a:r>
            <a:r>
              <a:rPr lang="tr-TR" sz="1400" dirty="0" smtClean="0">
                <a:latin typeface="Futura Bk BT" panose="020B0502020204020303" pitchFamily="34" charset="0"/>
              </a:rPr>
              <a:t>)</a:t>
            </a:r>
            <a:endParaRPr lang="tr-TR" sz="1400" dirty="0">
              <a:latin typeface="Futura Bk BT" panose="020B0502020204020303" pitchFamily="34" charset="0"/>
            </a:endParaRPr>
          </a:p>
        </p:txBody>
      </p:sp>
      <p:cxnSp>
        <p:nvCxnSpPr>
          <p:cNvPr id="83" name="Straight Connector 112"/>
          <p:cNvCxnSpPr/>
          <p:nvPr/>
        </p:nvCxnSpPr>
        <p:spPr>
          <a:xfrm>
            <a:off x="4737352" y="5105077"/>
            <a:ext cx="1002290" cy="0"/>
          </a:xfrm>
          <a:prstGeom prst="line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4" name="Metin kutusu 83"/>
          <p:cNvSpPr txBox="1"/>
          <p:nvPr/>
        </p:nvSpPr>
        <p:spPr>
          <a:xfrm>
            <a:off x="4572000" y="4366413"/>
            <a:ext cx="1512168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r-TR" sz="1400" dirty="0" smtClean="0">
                <a:latin typeface="Futura Bk BT" panose="020B0502020204020303" pitchFamily="34" charset="0"/>
              </a:rPr>
              <a:t>TÜBİTAK’ın gerekli gördüğü diğer toplantılar</a:t>
            </a:r>
            <a:endParaRPr lang="tr-TR" sz="1400" dirty="0">
              <a:latin typeface="Futura Bk BT" panose="020B0502020204020303" pitchFamily="34" charset="0"/>
            </a:endParaRPr>
          </a:p>
        </p:txBody>
      </p:sp>
      <p:pic>
        <p:nvPicPr>
          <p:cNvPr id="86" name="Picture 3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5263071" y="2613807"/>
            <a:ext cx="2552527" cy="6223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87" name="Metin kutusu 86"/>
          <p:cNvSpPr txBox="1"/>
          <p:nvPr/>
        </p:nvSpPr>
        <p:spPr>
          <a:xfrm>
            <a:off x="6804248" y="2546320"/>
            <a:ext cx="2114003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r-TR" sz="1400" b="1" dirty="0" smtClean="0">
                <a:latin typeface="Futura Bk BT" panose="020B0502020204020303" pitchFamily="34" charset="0"/>
              </a:rPr>
              <a:t>Konsorsiyumların oluşturulmasında etkili etkinlikler, platformlar</a:t>
            </a:r>
            <a:endParaRPr lang="tr-TR" sz="1400" b="1" dirty="0">
              <a:latin typeface="Futura Bk BT" panose="020B0502020204020303" pitchFamily="34" charset="0"/>
            </a:endParaRPr>
          </a:p>
        </p:txBody>
      </p:sp>
      <p:grpSp>
        <p:nvGrpSpPr>
          <p:cNvPr id="91" name="Grup 90"/>
          <p:cNvGrpSpPr/>
          <p:nvPr/>
        </p:nvGrpSpPr>
        <p:grpSpPr>
          <a:xfrm>
            <a:off x="533151" y="5340266"/>
            <a:ext cx="8071297" cy="1383331"/>
            <a:chOff x="585203" y="398350"/>
            <a:chExt cx="4023667" cy="2262491"/>
          </a:xfrm>
        </p:grpSpPr>
        <p:sp>
          <p:nvSpPr>
            <p:cNvPr id="92" name="Aynı Yanın Köşesi Yuvarlatılmış Dikdörtgen 91"/>
            <p:cNvSpPr/>
            <p:nvPr/>
          </p:nvSpPr>
          <p:spPr>
            <a:xfrm rot="5400000">
              <a:off x="1588573" y="-565932"/>
              <a:ext cx="2056015" cy="3984579"/>
            </a:xfrm>
            <a:prstGeom prst="round2SameRect">
              <a:avLst/>
            </a:prstGeom>
          </p:spPr>
          <p:style>
            <a:lnRef idx="2">
              <a:schemeClr val="accent2">
                <a:alpha val="90000"/>
                <a:tint val="40000"/>
                <a:hueOff val="0"/>
                <a:satOff val="0"/>
                <a:lumOff val="0"/>
                <a:alphaOff val="0"/>
              </a:schemeClr>
            </a:lnRef>
            <a:fillRef idx="1">
              <a:schemeClr val="accent2">
                <a:alpha val="90000"/>
                <a:tint val="40000"/>
                <a:hueOff val="0"/>
                <a:satOff val="0"/>
                <a:lumOff val="0"/>
                <a:alphaOff val="0"/>
              </a:schemeClr>
            </a:fillRef>
            <a:effectRef idx="0">
              <a:schemeClr val="accent2">
                <a:alpha val="90000"/>
                <a:tint val="40000"/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93" name="Aynı Yanın Köşesi Yuvarlatılmış Dikdörtgen 4"/>
            <p:cNvSpPr/>
            <p:nvPr/>
          </p:nvSpPr>
          <p:spPr>
            <a:xfrm>
              <a:off x="585203" y="805557"/>
              <a:ext cx="1941635" cy="1855284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247650" tIns="123825" rIns="247650" bIns="123825" numCol="1" spcCol="1270" anchor="ctr" anchorCtr="0">
              <a:noAutofit/>
            </a:bodyPr>
            <a:lstStyle/>
            <a:p>
              <a:pPr marL="171450" lvl="1" indent="-171450" algn="l" defTabSz="711200" rtl="0">
                <a:lnSpc>
                  <a:spcPct val="90000"/>
                </a:lnSpc>
                <a:spcBef>
                  <a:spcPct val="0"/>
                </a:spcBef>
                <a:spcAft>
                  <a:spcPct val="15000"/>
                </a:spcAft>
                <a:buChar char="••"/>
              </a:pPr>
              <a:r>
                <a:rPr lang="tr-TR" sz="1600" b="1" kern="1200" dirty="0" smtClean="0">
                  <a:latin typeface="Futura Bk BT" panose="020B0502020204020303" pitchFamily="34" charset="0"/>
                </a:rPr>
                <a:t>Başvuru formu</a:t>
              </a:r>
              <a:endParaRPr lang="tr-TR" sz="1600" kern="1200" dirty="0">
                <a:latin typeface="Futura Bk BT" panose="020B0502020204020303" pitchFamily="34" charset="0"/>
              </a:endParaRPr>
            </a:p>
            <a:p>
              <a:pPr marL="171450" lvl="1" indent="-171450" algn="l" defTabSz="711200" rtl="0">
                <a:lnSpc>
                  <a:spcPct val="90000"/>
                </a:lnSpc>
                <a:spcBef>
                  <a:spcPct val="0"/>
                </a:spcBef>
                <a:spcAft>
                  <a:spcPct val="15000"/>
                </a:spcAft>
                <a:buChar char="••"/>
              </a:pPr>
              <a:r>
                <a:rPr lang="tr-TR" sz="1600" b="1" kern="1200" dirty="0" smtClean="0">
                  <a:latin typeface="Futura Bk BT" panose="020B0502020204020303" pitchFamily="34" charset="0"/>
                </a:rPr>
                <a:t>Resmi davet mektubu veya etkinliğe kayıt belgesi</a:t>
              </a:r>
              <a:endParaRPr lang="tr-TR" sz="1600" b="1" kern="1200" dirty="0">
                <a:latin typeface="Futura Bk BT" panose="020B0502020204020303" pitchFamily="34" charset="0"/>
              </a:endParaRPr>
            </a:p>
          </p:txBody>
        </p:sp>
      </p:grpSp>
      <p:sp>
        <p:nvSpPr>
          <p:cNvPr id="94" name="Dikdörtgen 93"/>
          <p:cNvSpPr/>
          <p:nvPr/>
        </p:nvSpPr>
        <p:spPr>
          <a:xfrm>
            <a:off x="539552" y="786190"/>
            <a:ext cx="7814757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tr-TR" altLang="tr-TR" sz="1600" b="1" dirty="0">
                <a:solidFill>
                  <a:schemeClr val="tx2"/>
                </a:solidFill>
                <a:latin typeface="Futura Bk BT" panose="020B0502020204020303" pitchFamily="34" charset="0"/>
              </a:rPr>
              <a:t>Yeni </a:t>
            </a:r>
            <a:r>
              <a:rPr lang="tr-TR" altLang="tr-TR" sz="1600" b="1" dirty="0" smtClean="0">
                <a:solidFill>
                  <a:schemeClr val="tx2"/>
                </a:solidFill>
                <a:latin typeface="Futura Bk BT" panose="020B0502020204020303" pitchFamily="34" charset="0"/>
              </a:rPr>
              <a:t>Destek ve Teşvik </a:t>
            </a:r>
            <a:r>
              <a:rPr lang="tr-TR" altLang="tr-TR" sz="1600" b="1" dirty="0">
                <a:solidFill>
                  <a:schemeClr val="tx2"/>
                </a:solidFill>
                <a:latin typeface="Futura Bk BT" panose="020B0502020204020303" pitchFamily="34" charset="0"/>
              </a:rPr>
              <a:t>Mekanizması </a:t>
            </a:r>
            <a:r>
              <a:rPr lang="tr-TR" altLang="tr-TR" sz="1600" b="1" dirty="0" smtClean="0">
                <a:solidFill>
                  <a:schemeClr val="tx2"/>
                </a:solidFill>
                <a:latin typeface="Futura Bk BT" panose="020B0502020204020303" pitchFamily="34" charset="0"/>
              </a:rPr>
              <a:t>ile Ufuk </a:t>
            </a:r>
            <a:r>
              <a:rPr lang="tr-TR" altLang="tr-TR" sz="1600" b="1" dirty="0">
                <a:solidFill>
                  <a:schemeClr val="tx2"/>
                </a:solidFill>
                <a:latin typeface="Futura Bk BT" panose="020B0502020204020303" pitchFamily="34" charset="0"/>
              </a:rPr>
              <a:t>2020 Web Sayfası hayata geçirilmiştir!</a:t>
            </a:r>
          </a:p>
        </p:txBody>
      </p:sp>
      <p:sp>
        <p:nvSpPr>
          <p:cNvPr id="98" name="Round Diagonal Corner Rectangle 7454"/>
          <p:cNvSpPr/>
          <p:nvPr>
            <p:custDataLst>
              <p:tags r:id="rId1"/>
            </p:custDataLst>
          </p:nvPr>
        </p:nvSpPr>
        <p:spPr>
          <a:xfrm>
            <a:off x="6539334" y="3986014"/>
            <a:ext cx="2420178" cy="1080120"/>
          </a:xfrm>
          <a:prstGeom prst="round2DiagRect">
            <a:avLst>
              <a:gd name="adj1" fmla="val 100000"/>
              <a:gd name="adj2" fmla="val 0"/>
            </a:avLst>
          </a:prstGeom>
          <a:ln>
            <a:noFill/>
          </a:ln>
          <a:extLst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tr-TR" b="1" dirty="0" smtClean="0">
                <a:latin typeface="Futura Bk BT" panose="020B0502020204020303" pitchFamily="34" charset="0"/>
              </a:rPr>
              <a:t>Seyahat Öncesi ve Sonrası</a:t>
            </a:r>
            <a:endParaRPr lang="tr-TR" b="1" dirty="0">
              <a:latin typeface="Futura Bk BT" panose="020B0502020204020303" pitchFamily="34" charset="0"/>
            </a:endParaRPr>
          </a:p>
        </p:txBody>
      </p:sp>
      <p:sp>
        <p:nvSpPr>
          <p:cNvPr id="99" name="Dikdörtgen 98"/>
          <p:cNvSpPr/>
          <p:nvPr/>
        </p:nvSpPr>
        <p:spPr>
          <a:xfrm>
            <a:off x="5004048" y="5731280"/>
            <a:ext cx="3938168" cy="7940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71450" lvl="1" indent="-171450" defTabSz="711200">
              <a:lnSpc>
                <a:spcPct val="90000"/>
              </a:lnSpc>
              <a:spcAft>
                <a:spcPct val="15000"/>
              </a:spcAft>
              <a:buChar char="••"/>
            </a:pPr>
            <a:r>
              <a:rPr lang="tr-TR" sz="1600" b="1" dirty="0">
                <a:latin typeface="Futura Bk BT" panose="020B0502020204020303" pitchFamily="34" charset="0"/>
              </a:rPr>
              <a:t>Araştırmacı ve/veya temsilcinin özgeçmişi</a:t>
            </a:r>
          </a:p>
          <a:p>
            <a:pPr marL="171450" lvl="1" indent="-171450" defTabSz="711200">
              <a:lnSpc>
                <a:spcPct val="90000"/>
              </a:lnSpc>
              <a:spcAft>
                <a:spcPct val="15000"/>
              </a:spcAft>
              <a:buChar char="••"/>
            </a:pPr>
            <a:r>
              <a:rPr lang="tr-TR" sz="1600" b="1" dirty="0">
                <a:latin typeface="Futura Bk BT" panose="020B0502020204020303" pitchFamily="34" charset="0"/>
              </a:rPr>
              <a:t>İmzalı taahhütname</a:t>
            </a:r>
          </a:p>
        </p:txBody>
      </p:sp>
      <p:grpSp>
        <p:nvGrpSpPr>
          <p:cNvPr id="100" name="Grup 99"/>
          <p:cNvGrpSpPr/>
          <p:nvPr/>
        </p:nvGrpSpPr>
        <p:grpSpPr>
          <a:xfrm>
            <a:off x="611560" y="5241102"/>
            <a:ext cx="2746728" cy="420146"/>
            <a:chOff x="144014" y="540276"/>
            <a:chExt cx="1316992" cy="420146"/>
          </a:xfrm>
        </p:grpSpPr>
        <p:sp>
          <p:nvSpPr>
            <p:cNvPr id="101" name="Yuvarlatılmış Dikdörtgen 100"/>
            <p:cNvSpPr/>
            <p:nvPr/>
          </p:nvSpPr>
          <p:spPr>
            <a:xfrm>
              <a:off x="144014" y="540276"/>
              <a:ext cx="1316992" cy="420146"/>
            </a:xfrm>
            <a:prstGeom prst="roundRect">
              <a:avLst/>
            </a:prstGeom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</p:sp>
        <p:sp>
          <p:nvSpPr>
            <p:cNvPr id="102" name="Yuvarlatılmış Dikdörtgen 4"/>
            <p:cNvSpPr/>
            <p:nvPr/>
          </p:nvSpPr>
          <p:spPr>
            <a:xfrm>
              <a:off x="199094" y="595355"/>
              <a:ext cx="1206832" cy="365067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76200" tIns="38100" rIns="76200" bIns="38100" numCol="1" spcCol="1270" anchor="ctr" anchorCtr="0">
              <a:noAutofit/>
            </a:bodyPr>
            <a:lstStyle/>
            <a:p>
              <a:pPr lvl="0" algn="ctr" defTabSz="889000" rtl="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tr-TR" b="1" kern="1200" dirty="0" smtClean="0">
                  <a:latin typeface="Futura Bk BT" panose="020B0502020204020303" pitchFamily="34" charset="0"/>
                </a:rPr>
                <a:t>Gerekli Belgeler</a:t>
              </a:r>
              <a:endParaRPr lang="tr-TR" b="1" kern="1200" dirty="0">
                <a:latin typeface="Futura Bk BT" panose="020B05020202040203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40650483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şlık 1"/>
          <p:cNvSpPr>
            <a:spLocks noGrp="1"/>
          </p:cNvSpPr>
          <p:nvPr>
            <p:ph type="title"/>
          </p:nvPr>
        </p:nvSpPr>
        <p:spPr>
          <a:xfrm>
            <a:off x="35496" y="44624"/>
            <a:ext cx="7776864" cy="706090"/>
          </a:xfrm>
        </p:spPr>
        <p:txBody>
          <a:bodyPr>
            <a:normAutofit/>
          </a:bodyPr>
          <a:lstStyle/>
          <a:p>
            <a:r>
              <a:rPr lang="tr-TR" sz="2400" dirty="0" smtClean="0"/>
              <a:t>U2020 Seyahat Desteği - 2</a:t>
            </a:r>
            <a:endParaRPr lang="tr-TR" sz="2400" dirty="0"/>
          </a:p>
        </p:txBody>
      </p:sp>
      <p:sp>
        <p:nvSpPr>
          <p:cNvPr id="4" name="Slayt Numarası Yer Tutucusu 3"/>
          <p:cNvSpPr>
            <a:spLocks noGrp="1"/>
          </p:cNvSpPr>
          <p:nvPr>
            <p:ph type="sldNum" sz="quarter" idx="12"/>
          </p:nvPr>
        </p:nvSpPr>
        <p:spPr>
          <a:xfrm>
            <a:off x="6553200" y="6133125"/>
            <a:ext cx="2133600" cy="365125"/>
          </a:xfrm>
        </p:spPr>
        <p:txBody>
          <a:bodyPr/>
          <a:lstStyle/>
          <a:p>
            <a:pPr>
              <a:defRPr/>
            </a:pPr>
            <a:fld id="{41D7ED6A-D549-40C0-9D8C-C55F5275B6CF}" type="slidenum">
              <a:rPr lang="en-US" altLang="tr-TR" smtClean="0"/>
              <a:pPr>
                <a:defRPr/>
              </a:pPr>
              <a:t>8</a:t>
            </a:fld>
            <a:endParaRPr lang="en-US" altLang="tr-TR"/>
          </a:p>
        </p:txBody>
      </p:sp>
      <p:sp>
        <p:nvSpPr>
          <p:cNvPr id="5" name="Çapraz Köşesi Kesik Dikdörtgen 4"/>
          <p:cNvSpPr/>
          <p:nvPr/>
        </p:nvSpPr>
        <p:spPr>
          <a:xfrm>
            <a:off x="539552" y="1765614"/>
            <a:ext cx="5400599" cy="1951417"/>
          </a:xfrm>
          <a:prstGeom prst="snip2DiagRect">
            <a:avLst/>
          </a:prstGeom>
          <a:gradFill>
            <a:gsLst>
              <a:gs pos="0">
                <a:schemeClr val="accent5">
                  <a:shade val="51000"/>
                  <a:satMod val="130000"/>
                  <a:alpha val="14000"/>
                </a:schemeClr>
              </a:gs>
              <a:gs pos="80000">
                <a:schemeClr val="accent5">
                  <a:shade val="93000"/>
                  <a:satMod val="130000"/>
                  <a:alpha val="15000"/>
                </a:schemeClr>
              </a:gs>
              <a:gs pos="100000">
                <a:schemeClr val="accent5">
                  <a:shade val="94000"/>
                  <a:satMod val="135000"/>
                  <a:alpha val="21000"/>
                </a:schemeClr>
              </a:gs>
            </a:gsLst>
          </a:gradFill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spcFirstLastPara="0" vert="horz" wrap="square" lIns="216354" tIns="189034" rIns="216354" bIns="189034" numCol="1" spcCol="1270" rtlCol="0" anchor="ctr" anchorCtr="0">
            <a:noAutofit/>
          </a:bodyPr>
          <a:lstStyle/>
          <a:p>
            <a:pPr algn="ctr" defTabSz="711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endParaRPr lang="tr-TR" b="1" u="none" kern="1200" dirty="0" smtClean="0">
              <a:latin typeface="Futura Bk BT" pitchFamily="34" charset="0"/>
            </a:endParaRPr>
          </a:p>
        </p:txBody>
      </p:sp>
      <p:sp>
        <p:nvSpPr>
          <p:cNvPr id="6" name="Metin kutusu 5"/>
          <p:cNvSpPr txBox="1"/>
          <p:nvPr/>
        </p:nvSpPr>
        <p:spPr>
          <a:xfrm>
            <a:off x="899592" y="2221470"/>
            <a:ext cx="2537874" cy="110799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tr-TR" sz="1600" b="1" dirty="0" smtClean="0">
                <a:latin typeface="Futura Bk BT" panose="020B0502020204020303" pitchFamily="34" charset="0"/>
              </a:rPr>
              <a:t>Konaklam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tr-TR" sz="1600" b="1" dirty="0">
              <a:latin typeface="Futura Bk BT" panose="020B0502020204020303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tr-TR" sz="1600" b="1" dirty="0" err="1" smtClean="0">
                <a:latin typeface="Futura Bk BT" panose="020B0502020204020303" pitchFamily="34" charset="0"/>
              </a:rPr>
              <a:t>Şehiriçi</a:t>
            </a:r>
            <a:r>
              <a:rPr lang="tr-TR" sz="1600" b="1" dirty="0" smtClean="0">
                <a:latin typeface="Futura Bk BT" panose="020B0502020204020303" pitchFamily="34" charset="0"/>
              </a:rPr>
              <a:t>/Ülke içi Ulaşım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tr-TR" sz="1600" b="1" dirty="0">
              <a:latin typeface="Futura Bk BT" panose="020B0502020204020303" pitchFamily="34" charset="0"/>
            </a:endParaRPr>
          </a:p>
        </p:txBody>
      </p:sp>
      <p:sp>
        <p:nvSpPr>
          <p:cNvPr id="7" name="Dikdörtgen 6"/>
          <p:cNvSpPr/>
          <p:nvPr/>
        </p:nvSpPr>
        <p:spPr>
          <a:xfrm>
            <a:off x="3347864" y="1933438"/>
            <a:ext cx="3150096" cy="10772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tr-TR" sz="1600" b="1" dirty="0">
              <a:latin typeface="Futura Bk BT" panose="020B0502020204020303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tr-TR" sz="1600" b="1" dirty="0">
                <a:latin typeface="Futura Bk BT" panose="020B0502020204020303" pitchFamily="34" charset="0"/>
              </a:rPr>
              <a:t>Uçak Bileti</a:t>
            </a:r>
          </a:p>
          <a:p>
            <a:endParaRPr lang="tr-TR" sz="1600" b="1" dirty="0" smtClean="0">
              <a:latin typeface="Futura Bk BT" panose="020B0502020204020303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tr-TR" sz="1600" b="1" dirty="0" smtClean="0">
                <a:latin typeface="Futura Bk BT" panose="020B0502020204020303" pitchFamily="34" charset="0"/>
              </a:rPr>
              <a:t>Toplantı </a:t>
            </a:r>
            <a:r>
              <a:rPr lang="tr-TR" sz="1600" b="1" dirty="0">
                <a:latin typeface="Futura Bk BT" panose="020B0502020204020303" pitchFamily="34" charset="0"/>
              </a:rPr>
              <a:t>katılım Ücreti</a:t>
            </a:r>
          </a:p>
        </p:txBody>
      </p:sp>
      <p:sp>
        <p:nvSpPr>
          <p:cNvPr id="8" name="Metin kutusu 7"/>
          <p:cNvSpPr txBox="1"/>
          <p:nvPr/>
        </p:nvSpPr>
        <p:spPr>
          <a:xfrm>
            <a:off x="611560" y="964235"/>
            <a:ext cx="8280920" cy="369332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tr-TR"/>
            </a:defPPr>
            <a:lvl1pPr algn="ctr">
              <a:defRPr sz="1600" b="1">
                <a:solidFill>
                  <a:schemeClr val="tx2"/>
                </a:solidFill>
                <a:latin typeface="Futura Bk BT" panose="020B0502020204020303" pitchFamily="34" charset="0"/>
              </a:defRPr>
            </a:lvl1pPr>
          </a:lstStyle>
          <a:p>
            <a:r>
              <a:rPr lang="tr-TR" sz="1800" dirty="0"/>
              <a:t>Destek kapsamında araştırmacılara </a:t>
            </a:r>
            <a:r>
              <a:rPr lang="tr-TR" sz="1800" dirty="0" smtClean="0"/>
              <a:t>1.500 </a:t>
            </a:r>
            <a:r>
              <a:rPr lang="tr-TR" sz="1800" dirty="0" err="1"/>
              <a:t>Avro’ya</a:t>
            </a:r>
            <a:r>
              <a:rPr lang="tr-TR" sz="1800" dirty="0"/>
              <a:t> kadar destek sağlanmaktadır.</a:t>
            </a:r>
          </a:p>
        </p:txBody>
      </p:sp>
      <p:sp>
        <p:nvSpPr>
          <p:cNvPr id="9" name="Çapraz Köşesi Kesik Dikdörtgen 8"/>
          <p:cNvSpPr/>
          <p:nvPr/>
        </p:nvSpPr>
        <p:spPr>
          <a:xfrm>
            <a:off x="539552" y="1693607"/>
            <a:ext cx="3528392" cy="455855"/>
          </a:xfrm>
          <a:prstGeom prst="snip2DiagRect">
            <a:avLst/>
          </a:pr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spcFirstLastPara="0" vert="horz" wrap="square" lIns="216354" tIns="189034" rIns="216354" bIns="189034" numCol="1" spcCol="1270" rtlCol="0" anchor="ctr" anchorCtr="0">
            <a:noAutofit/>
          </a:bodyPr>
          <a:lstStyle/>
          <a:p>
            <a:pPr algn="ctr" defTabSz="711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tr-TR" b="1" u="none" kern="1200" dirty="0" smtClean="0">
                <a:latin typeface="Futura Bk BT" pitchFamily="34" charset="0"/>
              </a:rPr>
              <a:t>Desteklenen Harcamalar</a:t>
            </a:r>
          </a:p>
        </p:txBody>
      </p:sp>
      <p:sp>
        <p:nvSpPr>
          <p:cNvPr id="11" name="Rectangle 25"/>
          <p:cNvSpPr/>
          <p:nvPr/>
        </p:nvSpPr>
        <p:spPr>
          <a:xfrm>
            <a:off x="539552" y="4316902"/>
            <a:ext cx="8272535" cy="2208441"/>
          </a:xfrm>
          <a:prstGeom prst="rect">
            <a:avLst/>
          </a:prstGeom>
          <a:gradFill flip="none" rotWithShape="1">
            <a:gsLst>
              <a:gs pos="100000">
                <a:schemeClr val="bg1"/>
              </a:gs>
              <a:gs pos="0">
                <a:schemeClr val="bg1">
                  <a:lumMod val="85000"/>
                </a:schemeClr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Futura Bk BT" panose="020B0502020204020303" pitchFamily="34" charset="0"/>
            </a:endParaRPr>
          </a:p>
        </p:txBody>
      </p:sp>
      <p:sp>
        <p:nvSpPr>
          <p:cNvPr id="12" name="Rectangle 46"/>
          <p:cNvSpPr/>
          <p:nvPr/>
        </p:nvSpPr>
        <p:spPr>
          <a:xfrm>
            <a:off x="715580" y="4521023"/>
            <a:ext cx="2416260" cy="10772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tr-TR" sz="1600" b="1" dirty="0">
                <a:latin typeface="Futura Bk BT" panose="020B0502020204020303" pitchFamily="34" charset="0"/>
              </a:rPr>
              <a:t>Seyahat </a:t>
            </a:r>
            <a:r>
              <a:rPr lang="tr-TR" sz="1600" b="1" dirty="0" smtClean="0">
                <a:latin typeface="Futura Bk BT" panose="020B0502020204020303" pitchFamily="34" charset="0"/>
              </a:rPr>
              <a:t>raporu ve fatura </a:t>
            </a:r>
            <a:r>
              <a:rPr lang="tr-TR" sz="1600" b="1" dirty="0">
                <a:latin typeface="Futura Bk BT" panose="020B0502020204020303" pitchFamily="34" charset="0"/>
              </a:rPr>
              <a:t>asılları  teslim etme koşulu	</a:t>
            </a:r>
            <a:endParaRPr lang="tr-TR" sz="1600" dirty="0">
              <a:latin typeface="Futura Bk BT" panose="020B0502020204020303" pitchFamily="34" charset="0"/>
            </a:endParaRPr>
          </a:p>
          <a:p>
            <a:pPr lvl="0"/>
            <a:endParaRPr lang="tr-TR" sz="1600" dirty="0">
              <a:latin typeface="Futura Bk BT" panose="020B0502020204020303" pitchFamily="34" charset="0"/>
            </a:endParaRPr>
          </a:p>
        </p:txBody>
      </p:sp>
      <p:sp>
        <p:nvSpPr>
          <p:cNvPr id="13" name="Rectangle 49"/>
          <p:cNvSpPr/>
          <p:nvPr/>
        </p:nvSpPr>
        <p:spPr>
          <a:xfrm>
            <a:off x="6374421" y="4555632"/>
            <a:ext cx="2230027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tr-TR" sz="1600" b="1" dirty="0">
                <a:latin typeface="Futura Bk BT" panose="020B0502020204020303" pitchFamily="34" charset="0"/>
              </a:rPr>
              <a:t>Aynı alanda en çok 4 kez seyahat desteği sonunda proje şartı</a:t>
            </a:r>
          </a:p>
        </p:txBody>
      </p:sp>
      <p:sp>
        <p:nvSpPr>
          <p:cNvPr id="14" name="Rectangle 52"/>
          <p:cNvSpPr/>
          <p:nvPr/>
        </p:nvSpPr>
        <p:spPr>
          <a:xfrm>
            <a:off x="3472943" y="4843664"/>
            <a:ext cx="2539217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tr-TR" sz="1600" b="1" dirty="0" smtClean="0">
                <a:latin typeface="Futura Bk BT" panose="020B0502020204020303" pitchFamily="34" charset="0"/>
              </a:rPr>
              <a:t>Yılda </a:t>
            </a:r>
            <a:r>
              <a:rPr lang="tr-TR" sz="1600" b="1" dirty="0">
                <a:latin typeface="Futura Bk BT" panose="020B0502020204020303" pitchFamily="34" charset="0"/>
              </a:rPr>
              <a:t>en çok 4 seyahat </a:t>
            </a:r>
          </a:p>
        </p:txBody>
      </p:sp>
      <p:cxnSp>
        <p:nvCxnSpPr>
          <p:cNvPr id="15" name="Düz Bağlayıcı 14"/>
          <p:cNvCxnSpPr/>
          <p:nvPr/>
        </p:nvCxnSpPr>
        <p:spPr>
          <a:xfrm flipV="1">
            <a:off x="3347864" y="4521023"/>
            <a:ext cx="0" cy="1008000"/>
          </a:xfrm>
          <a:prstGeom prst="line">
            <a:avLst/>
          </a:prstGeom>
          <a:ln w="22225">
            <a:solidFill>
              <a:schemeClr val="accent6">
                <a:lumMod val="75000"/>
              </a:schemeClr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Düz Bağlayıcı 15"/>
          <p:cNvCxnSpPr/>
          <p:nvPr/>
        </p:nvCxnSpPr>
        <p:spPr>
          <a:xfrm flipV="1">
            <a:off x="6084168" y="4555632"/>
            <a:ext cx="0" cy="1008000"/>
          </a:xfrm>
          <a:prstGeom prst="line">
            <a:avLst/>
          </a:prstGeom>
          <a:ln w="22225">
            <a:solidFill>
              <a:schemeClr val="accent6">
                <a:lumMod val="75000"/>
              </a:schemeClr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Çapraz Köşesi Kesik Dikdörtgen 16"/>
          <p:cNvSpPr/>
          <p:nvPr/>
        </p:nvSpPr>
        <p:spPr>
          <a:xfrm>
            <a:off x="755576" y="3861048"/>
            <a:ext cx="3528392" cy="455855"/>
          </a:xfrm>
          <a:prstGeom prst="snip2DiagRect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spcFirstLastPara="0" vert="horz" wrap="square" lIns="216354" tIns="189034" rIns="216354" bIns="189034" numCol="1" spcCol="1270" rtlCol="0" anchor="ctr" anchorCtr="0">
            <a:noAutofit/>
          </a:bodyPr>
          <a:lstStyle/>
          <a:p>
            <a:pPr algn="ctr" defTabSz="711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tr-TR" b="1" u="none" kern="1200" dirty="0" smtClean="0">
                <a:latin typeface="Futura Bk BT" pitchFamily="34" charset="0"/>
              </a:rPr>
              <a:t>Önemli Hususlar</a:t>
            </a:r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4945" y="5582039"/>
            <a:ext cx="2042799" cy="86426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8" name="Dikdörtgen 17"/>
          <p:cNvSpPr/>
          <p:nvPr/>
        </p:nvSpPr>
        <p:spPr>
          <a:xfrm>
            <a:off x="899592" y="2924944"/>
            <a:ext cx="2808312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tr-TR" sz="1600" b="1" dirty="0">
              <a:latin typeface="Futura Bk BT" panose="020B0502020204020303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tr-TR" sz="1600" b="1" dirty="0" smtClean="0">
                <a:latin typeface="Futura Bk BT" panose="020B0502020204020303" pitchFamily="34" charset="0"/>
              </a:rPr>
              <a:t>Vize ve yurtdışı çıkış harcı</a:t>
            </a:r>
            <a:endParaRPr lang="tr-TR" sz="1600" b="1" dirty="0">
              <a:latin typeface="Futura Bk BT" panose="020B0502020204020303" pitchFamily="34" charset="0"/>
            </a:endParaRPr>
          </a:p>
        </p:txBody>
      </p:sp>
      <p:grpSp>
        <p:nvGrpSpPr>
          <p:cNvPr id="21" name="Grup 20"/>
          <p:cNvGrpSpPr/>
          <p:nvPr/>
        </p:nvGrpSpPr>
        <p:grpSpPr>
          <a:xfrm>
            <a:off x="6084168" y="1835314"/>
            <a:ext cx="2952328" cy="1881717"/>
            <a:chOff x="467544" y="3136351"/>
            <a:chExt cx="8496944" cy="1454238"/>
          </a:xfrm>
        </p:grpSpPr>
        <p:cxnSp>
          <p:nvCxnSpPr>
            <p:cNvPr id="22" name="Straight Connector 202"/>
            <p:cNvCxnSpPr/>
            <p:nvPr/>
          </p:nvCxnSpPr>
          <p:spPr>
            <a:xfrm>
              <a:off x="467544" y="3140968"/>
              <a:ext cx="8496944" cy="10539"/>
            </a:xfrm>
            <a:prstGeom prst="line">
              <a:avLst/>
            </a:prstGeom>
            <a:noFill/>
            <a:ln w="25400" cap="flat" cmpd="sng" algn="ctr">
              <a:solidFill>
                <a:schemeClr val="accent6">
                  <a:lumMod val="75000"/>
                </a:schemeClr>
              </a:solidFill>
              <a:prstDash val="sysDot"/>
            </a:ln>
            <a:effectLst/>
          </p:spPr>
        </p:cxnSp>
        <p:cxnSp>
          <p:nvCxnSpPr>
            <p:cNvPr id="23" name="Straight Connector 202"/>
            <p:cNvCxnSpPr/>
            <p:nvPr/>
          </p:nvCxnSpPr>
          <p:spPr>
            <a:xfrm>
              <a:off x="467544" y="3136351"/>
              <a:ext cx="0" cy="1449621"/>
            </a:xfrm>
            <a:prstGeom prst="line">
              <a:avLst/>
            </a:prstGeom>
            <a:noFill/>
            <a:ln w="25400" cap="flat" cmpd="sng" algn="ctr">
              <a:solidFill>
                <a:schemeClr val="accent6">
                  <a:lumMod val="75000"/>
                </a:schemeClr>
              </a:solidFill>
              <a:prstDash val="sysDot"/>
            </a:ln>
            <a:effectLst/>
          </p:spPr>
        </p:cxnSp>
        <p:cxnSp>
          <p:nvCxnSpPr>
            <p:cNvPr id="24" name="Straight Connector 202"/>
            <p:cNvCxnSpPr/>
            <p:nvPr/>
          </p:nvCxnSpPr>
          <p:spPr>
            <a:xfrm>
              <a:off x="467544" y="4570589"/>
              <a:ext cx="8496944" cy="10539"/>
            </a:xfrm>
            <a:prstGeom prst="line">
              <a:avLst/>
            </a:prstGeom>
            <a:noFill/>
            <a:ln w="25400" cap="flat" cmpd="sng" algn="ctr">
              <a:solidFill>
                <a:schemeClr val="accent6">
                  <a:lumMod val="75000"/>
                </a:schemeClr>
              </a:solidFill>
              <a:prstDash val="sysDot"/>
            </a:ln>
            <a:effectLst/>
          </p:spPr>
        </p:cxnSp>
        <p:cxnSp>
          <p:nvCxnSpPr>
            <p:cNvPr id="25" name="Straight Connector 202"/>
            <p:cNvCxnSpPr/>
            <p:nvPr/>
          </p:nvCxnSpPr>
          <p:spPr>
            <a:xfrm>
              <a:off x="8964488" y="3140968"/>
              <a:ext cx="0" cy="1449621"/>
            </a:xfrm>
            <a:prstGeom prst="line">
              <a:avLst/>
            </a:prstGeom>
            <a:noFill/>
            <a:ln w="25400" cap="flat" cmpd="sng" algn="ctr">
              <a:solidFill>
                <a:schemeClr val="accent6">
                  <a:lumMod val="75000"/>
                </a:schemeClr>
              </a:solidFill>
              <a:prstDash val="sysDot"/>
            </a:ln>
            <a:effectLst/>
          </p:spPr>
        </p:cxnSp>
      </p:grpSp>
      <p:sp>
        <p:nvSpPr>
          <p:cNvPr id="26" name="Çapraz Köşesi Kesik Dikdörtgen 25"/>
          <p:cNvSpPr/>
          <p:nvPr/>
        </p:nvSpPr>
        <p:spPr>
          <a:xfrm>
            <a:off x="6117682" y="1607386"/>
            <a:ext cx="2486765" cy="455855"/>
          </a:xfrm>
          <a:prstGeom prst="snip2DiagRect">
            <a:avLst/>
          </a:prstGeom>
        </p:spPr>
        <p:style>
          <a:lnRef idx="0">
            <a:schemeClr val="accent4"/>
          </a:lnRef>
          <a:fillRef idx="3">
            <a:schemeClr val="accent4"/>
          </a:fillRef>
          <a:effectRef idx="3">
            <a:schemeClr val="accent4"/>
          </a:effectRef>
          <a:fontRef idx="minor">
            <a:schemeClr val="lt1"/>
          </a:fontRef>
        </p:style>
        <p:txBody>
          <a:bodyPr spcFirstLastPara="0" vert="horz" wrap="square" lIns="216354" tIns="189034" rIns="216354" bIns="189034" numCol="1" spcCol="1270" rtlCol="0" anchor="ctr" anchorCtr="0">
            <a:noAutofit/>
          </a:bodyPr>
          <a:lstStyle/>
          <a:p>
            <a:pPr algn="ctr" defTabSz="7112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tr-TR" b="1" dirty="0" smtClean="0">
                <a:latin typeface="Futura Bk BT" pitchFamily="34" charset="0"/>
              </a:rPr>
              <a:t>Destek </a:t>
            </a:r>
            <a:r>
              <a:rPr lang="tr-TR" b="1" u="none" kern="1200" dirty="0" smtClean="0">
                <a:latin typeface="Futura Bk BT" pitchFamily="34" charset="0"/>
              </a:rPr>
              <a:t>İstatistiği </a:t>
            </a:r>
          </a:p>
        </p:txBody>
      </p:sp>
      <p:sp>
        <p:nvSpPr>
          <p:cNvPr id="3" name="Metin kutusu 2"/>
          <p:cNvSpPr txBox="1"/>
          <p:nvPr/>
        </p:nvSpPr>
        <p:spPr>
          <a:xfrm>
            <a:off x="6516216" y="2495218"/>
            <a:ext cx="1872208" cy="86177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tr-TR" sz="1600" b="1" dirty="0" smtClean="0">
                <a:latin typeface="Futura Bk BT" panose="020B0502020204020303" pitchFamily="34" charset="0"/>
              </a:rPr>
              <a:t>Başvuru:</a:t>
            </a:r>
            <a:r>
              <a:rPr lang="tr-TR" sz="1600" dirty="0" smtClean="0">
                <a:latin typeface="Futura Bk BT" panose="020B0502020204020303" pitchFamily="34" charset="0"/>
              </a:rPr>
              <a:t> </a:t>
            </a:r>
            <a:r>
              <a:rPr lang="tr-TR" sz="1600" b="1" cap="all" dirty="0" smtClean="0">
                <a:ln w="9000" cmpd="sng">
                  <a:solidFill>
                    <a:schemeClr val="accent4">
                      <a:shade val="50000"/>
                      <a:satMod val="120000"/>
                    </a:schemeClr>
                  </a:solidFill>
                  <a:prstDash val="solid"/>
                </a:ln>
                <a:gradFill>
                  <a:gsLst>
                    <a:gs pos="0">
                      <a:schemeClr val="accent4">
                        <a:shade val="20000"/>
                        <a:satMod val="245000"/>
                      </a:schemeClr>
                    </a:gs>
                    <a:gs pos="43000">
                      <a:schemeClr val="accent4">
                        <a:satMod val="255000"/>
                      </a:schemeClr>
                    </a:gs>
                    <a:gs pos="48000">
                      <a:schemeClr val="accent4">
                        <a:shade val="85000"/>
                        <a:satMod val="255000"/>
                      </a:schemeClr>
                    </a:gs>
                    <a:gs pos="100000">
                      <a:schemeClr val="accent4">
                        <a:shade val="20000"/>
                        <a:satMod val="245000"/>
                      </a:schemeClr>
                    </a:gs>
                  </a:gsLst>
                  <a:lin ang="5400000"/>
                </a:gradFill>
                <a:effectLst>
                  <a:reflection blurRad="12700" stA="28000" endPos="45000" dist="1000" dir="5400000" sy="-100000" algn="bl" rotWithShape="0"/>
                </a:effectLst>
                <a:latin typeface="Futura Bk BT" panose="020B0502020204020303" pitchFamily="34" charset="0"/>
              </a:rPr>
              <a:t>228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tr-TR" sz="1600" b="1" dirty="0" smtClean="0">
                <a:latin typeface="Futura Bk BT" panose="020B0502020204020303" pitchFamily="34" charset="0"/>
              </a:rPr>
              <a:t>Destek:</a:t>
            </a:r>
            <a:r>
              <a:rPr lang="tr-TR" sz="1600" dirty="0" smtClean="0">
                <a:latin typeface="Futura Bk BT" panose="020B0502020204020303" pitchFamily="34" charset="0"/>
              </a:rPr>
              <a:t> </a:t>
            </a:r>
            <a:r>
              <a:rPr lang="tr-TR" sz="1600" b="1" cap="all" dirty="0" smtClean="0">
                <a:ln w="9000" cmpd="sng">
                  <a:solidFill>
                    <a:schemeClr val="accent4">
                      <a:shade val="50000"/>
                      <a:satMod val="120000"/>
                    </a:schemeClr>
                  </a:solidFill>
                  <a:prstDash val="solid"/>
                </a:ln>
                <a:gradFill>
                  <a:gsLst>
                    <a:gs pos="0">
                      <a:schemeClr val="accent4">
                        <a:shade val="20000"/>
                        <a:satMod val="245000"/>
                      </a:schemeClr>
                    </a:gs>
                    <a:gs pos="43000">
                      <a:schemeClr val="accent4">
                        <a:satMod val="255000"/>
                      </a:schemeClr>
                    </a:gs>
                    <a:gs pos="48000">
                      <a:schemeClr val="accent4">
                        <a:shade val="85000"/>
                        <a:satMod val="255000"/>
                      </a:schemeClr>
                    </a:gs>
                    <a:gs pos="100000">
                      <a:schemeClr val="accent4">
                        <a:shade val="20000"/>
                        <a:satMod val="245000"/>
                      </a:schemeClr>
                    </a:gs>
                  </a:gsLst>
                  <a:lin ang="5400000"/>
                </a:gradFill>
                <a:effectLst>
                  <a:reflection blurRad="12700" stA="28000" endPos="45000" dist="1000" dir="5400000" sy="-100000" algn="bl" rotWithShape="0"/>
                </a:effectLst>
                <a:latin typeface="Futura Bk BT" panose="020B0502020204020303" pitchFamily="34" charset="0"/>
              </a:rPr>
              <a:t>197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tr-TR" sz="1600" b="1" dirty="0" err="1" smtClean="0">
                <a:latin typeface="Futura Bk BT" panose="020B0502020204020303" pitchFamily="34" charset="0"/>
              </a:rPr>
              <a:t>Red</a:t>
            </a:r>
            <a:r>
              <a:rPr lang="tr-TR" sz="1600" b="1" dirty="0" smtClean="0">
                <a:latin typeface="Futura Bk BT" panose="020B0502020204020303" pitchFamily="34" charset="0"/>
              </a:rPr>
              <a:t>:</a:t>
            </a:r>
            <a:r>
              <a:rPr lang="tr-TR" sz="1600" dirty="0" smtClean="0">
                <a:latin typeface="Futura Bk BT" panose="020B0502020204020303" pitchFamily="34" charset="0"/>
              </a:rPr>
              <a:t> </a:t>
            </a:r>
            <a:r>
              <a:rPr lang="tr-TR" sz="1600" b="1" cap="all" dirty="0" smtClean="0">
                <a:ln w="9000" cmpd="sng">
                  <a:solidFill>
                    <a:schemeClr val="accent4">
                      <a:shade val="50000"/>
                      <a:satMod val="120000"/>
                    </a:schemeClr>
                  </a:solidFill>
                  <a:prstDash val="solid"/>
                </a:ln>
                <a:gradFill>
                  <a:gsLst>
                    <a:gs pos="0">
                      <a:schemeClr val="accent4">
                        <a:shade val="20000"/>
                        <a:satMod val="245000"/>
                      </a:schemeClr>
                    </a:gs>
                    <a:gs pos="43000">
                      <a:schemeClr val="accent4">
                        <a:satMod val="255000"/>
                      </a:schemeClr>
                    </a:gs>
                    <a:gs pos="48000">
                      <a:schemeClr val="accent4">
                        <a:shade val="85000"/>
                        <a:satMod val="255000"/>
                      </a:schemeClr>
                    </a:gs>
                    <a:gs pos="100000">
                      <a:schemeClr val="accent4">
                        <a:shade val="20000"/>
                        <a:satMod val="245000"/>
                      </a:schemeClr>
                    </a:gs>
                  </a:gsLst>
                  <a:lin ang="5400000"/>
                </a:gradFill>
                <a:effectLst>
                  <a:reflection blurRad="12700" stA="28000" endPos="45000" dist="1000" dir="5400000" sy="-100000" algn="bl" rotWithShape="0"/>
                </a:effectLst>
                <a:latin typeface="Futura Bk BT" panose="020B0502020204020303" pitchFamily="34" charset="0"/>
              </a:rPr>
              <a:t>31</a:t>
            </a:r>
            <a:endParaRPr lang="tr-TR" sz="1600" b="1" cap="all" dirty="0">
              <a:ln w="9000" cmpd="sng">
                <a:solidFill>
                  <a:schemeClr val="accent4">
                    <a:shade val="50000"/>
                    <a:satMod val="120000"/>
                  </a:schemeClr>
                </a:solidFill>
                <a:prstDash val="solid"/>
              </a:ln>
              <a:gradFill>
                <a:gsLst>
                  <a:gs pos="0">
                    <a:schemeClr val="accent4">
                      <a:shade val="20000"/>
                      <a:satMod val="245000"/>
                    </a:schemeClr>
                  </a:gs>
                  <a:gs pos="43000">
                    <a:schemeClr val="accent4">
                      <a:satMod val="255000"/>
                    </a:schemeClr>
                  </a:gs>
                  <a:gs pos="48000">
                    <a:schemeClr val="accent4">
                      <a:shade val="85000"/>
                      <a:satMod val="255000"/>
                    </a:schemeClr>
                  </a:gs>
                  <a:gs pos="100000">
                    <a:schemeClr val="accent4">
                      <a:shade val="20000"/>
                      <a:satMod val="245000"/>
                    </a:schemeClr>
                  </a:gs>
                </a:gsLst>
                <a:lin ang="5400000"/>
              </a:gradFill>
              <a:effectLst>
                <a:reflection blurRad="12700" stA="28000" endPos="45000" dist="1000" dir="5400000" sy="-100000" algn="bl" rotWithShape="0"/>
              </a:effectLst>
              <a:latin typeface="Futura Bk BT" panose="020B0502020204020303" pitchFamily="34" charset="0"/>
            </a:endParaRPr>
          </a:p>
        </p:txBody>
      </p:sp>
      <p:sp>
        <p:nvSpPr>
          <p:cNvPr id="10" name="Metin kutusu 9"/>
          <p:cNvSpPr txBox="1"/>
          <p:nvPr/>
        </p:nvSpPr>
        <p:spPr>
          <a:xfrm>
            <a:off x="6084168" y="2095272"/>
            <a:ext cx="290335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tr-TR" b="1" dirty="0" smtClean="0">
                <a:ln w="1905"/>
                <a:gradFill>
                  <a:gsLst>
                    <a:gs pos="0">
                      <a:schemeClr val="accent6">
                        <a:shade val="20000"/>
                        <a:satMod val="200000"/>
                      </a:schemeClr>
                    </a:gs>
                    <a:gs pos="78000">
                      <a:schemeClr val="accent6">
                        <a:tint val="90000"/>
                        <a:shade val="89000"/>
                        <a:satMod val="220000"/>
                      </a:schemeClr>
                    </a:gs>
                    <a:gs pos="100000">
                      <a:schemeClr val="accent6">
                        <a:tint val="12000"/>
                        <a:satMod val="255000"/>
                      </a:schemeClr>
                    </a:gs>
                  </a:gsLst>
                  <a:lin ang="5400000"/>
                </a:gradFill>
                <a:effectLst>
                  <a:innerShdw blurRad="69850" dist="43180" dir="5400000">
                    <a:srgbClr val="000000">
                      <a:alpha val="65000"/>
                    </a:srgbClr>
                  </a:innerShdw>
                </a:effectLst>
                <a:latin typeface="Futura Bk BT" panose="020B0502020204020303" pitchFamily="34" charset="0"/>
              </a:rPr>
              <a:t>2014 Hazirandan itibaren</a:t>
            </a:r>
            <a:endParaRPr lang="tr-TR" b="1" dirty="0">
              <a:ln w="1905"/>
              <a:gradFill>
                <a:gsLst>
                  <a:gs pos="0">
                    <a:schemeClr val="accent6">
                      <a:shade val="20000"/>
                      <a:satMod val="200000"/>
                    </a:schemeClr>
                  </a:gs>
                  <a:gs pos="78000">
                    <a:schemeClr val="accent6">
                      <a:tint val="90000"/>
                      <a:shade val="89000"/>
                      <a:satMod val="220000"/>
                    </a:schemeClr>
                  </a:gs>
                  <a:gs pos="100000">
                    <a:schemeClr val="accent6">
                      <a:tint val="12000"/>
                      <a:satMod val="255000"/>
                    </a:schemeClr>
                  </a:gs>
                </a:gsLst>
                <a:lin ang="5400000"/>
              </a:gradFill>
              <a:effectLst>
                <a:innerShdw blurRad="69850" dist="43180" dir="5400000">
                  <a:srgbClr val="000000">
                    <a:alpha val="65000"/>
                  </a:srgbClr>
                </a:innerShdw>
              </a:effectLst>
              <a:latin typeface="Futura Bk BT" panose="020B0502020204020303" pitchFamily="34" charset="0"/>
            </a:endParaRPr>
          </a:p>
        </p:txBody>
      </p:sp>
      <p:sp>
        <p:nvSpPr>
          <p:cNvPr id="19" name="Metin kutusu 18"/>
          <p:cNvSpPr txBox="1"/>
          <p:nvPr/>
        </p:nvSpPr>
        <p:spPr>
          <a:xfrm flipH="1">
            <a:off x="3521546" y="3140387"/>
            <a:ext cx="189849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tr-TR" b="1" dirty="0" smtClean="0">
                <a:latin typeface="Corbel" pitchFamily="34" charset="0"/>
              </a:rPr>
              <a:t>Gündelik</a:t>
            </a:r>
            <a:endParaRPr lang="tr-TR" b="1" dirty="0">
              <a:latin typeface="Corbe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2255937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şlık 1"/>
          <p:cNvSpPr>
            <a:spLocks noGrp="1"/>
          </p:cNvSpPr>
          <p:nvPr>
            <p:ph type="title"/>
          </p:nvPr>
        </p:nvSpPr>
        <p:spPr>
          <a:xfrm>
            <a:off x="35496" y="0"/>
            <a:ext cx="8208912" cy="706090"/>
          </a:xfrm>
        </p:spPr>
        <p:txBody>
          <a:bodyPr>
            <a:noAutofit/>
          </a:bodyPr>
          <a:lstStyle/>
          <a:p>
            <a:r>
              <a:rPr lang="tr-TR" sz="2400" dirty="0" smtClean="0"/>
              <a:t>U2020 Koordinatörlüğü Destekleme  Programı – 1</a:t>
            </a:r>
            <a:endParaRPr lang="tr-TR" sz="2400" dirty="0"/>
          </a:p>
        </p:txBody>
      </p:sp>
      <p:sp>
        <p:nvSpPr>
          <p:cNvPr id="4" name="Slayt Numarası Yer Tutucusu 3"/>
          <p:cNvSpPr>
            <a:spLocks noGrp="1"/>
          </p:cNvSpPr>
          <p:nvPr>
            <p:ph type="sldNum" sz="quarter" idx="12"/>
          </p:nvPr>
        </p:nvSpPr>
        <p:spPr>
          <a:xfrm>
            <a:off x="6758880" y="6309320"/>
            <a:ext cx="2133600" cy="365125"/>
          </a:xfrm>
        </p:spPr>
        <p:txBody>
          <a:bodyPr/>
          <a:lstStyle/>
          <a:p>
            <a:pPr>
              <a:defRPr/>
            </a:pPr>
            <a:fld id="{41D7ED6A-D549-40C0-9D8C-C55F5275B6CF}" type="slidenum">
              <a:rPr lang="en-US" altLang="tr-TR" smtClean="0">
                <a:latin typeface="Futura Bk BT" panose="020B0502020204020303" pitchFamily="34" charset="0"/>
              </a:rPr>
              <a:pPr>
                <a:defRPr/>
              </a:pPr>
              <a:t>9</a:t>
            </a:fld>
            <a:endParaRPr lang="en-US" altLang="tr-TR">
              <a:latin typeface="Futura Bk BT" panose="020B0502020204020303" pitchFamily="34" charset="0"/>
            </a:endParaRPr>
          </a:p>
        </p:txBody>
      </p:sp>
      <p:sp>
        <p:nvSpPr>
          <p:cNvPr id="79" name="Freeform 191"/>
          <p:cNvSpPr/>
          <p:nvPr/>
        </p:nvSpPr>
        <p:spPr>
          <a:xfrm>
            <a:off x="5746709" y="3358392"/>
            <a:ext cx="49671" cy="102870"/>
          </a:xfrm>
          <a:custGeom>
            <a:avLst/>
            <a:gdLst>
              <a:gd name="connsiteX0" fmla="*/ 0 w 55971"/>
              <a:gd name="connsiteY0" fmla="*/ 0 h 121063"/>
              <a:gd name="connsiteX1" fmla="*/ 8113 w 55971"/>
              <a:gd name="connsiteY1" fmla="*/ 247 h 121063"/>
              <a:gd name="connsiteX2" fmla="*/ 55971 w 55971"/>
              <a:gd name="connsiteY2" fmla="*/ 117859 h 121063"/>
              <a:gd name="connsiteX3" fmla="*/ 51830 w 55971"/>
              <a:gd name="connsiteY3" fmla="*/ 121063 h 121063"/>
              <a:gd name="connsiteX4" fmla="*/ 23488 w 55971"/>
              <a:gd name="connsiteY4" fmla="*/ 53873 h 121063"/>
              <a:gd name="connsiteX5" fmla="*/ 0 w 55971"/>
              <a:gd name="connsiteY5" fmla="*/ 0 h 12106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5971" h="121063">
                <a:moveTo>
                  <a:pt x="0" y="0"/>
                </a:moveTo>
                <a:lnTo>
                  <a:pt x="8113" y="247"/>
                </a:lnTo>
                <a:cubicBezTo>
                  <a:pt x="12835" y="30126"/>
                  <a:pt x="43895" y="92507"/>
                  <a:pt x="55971" y="117859"/>
                </a:cubicBezTo>
                <a:lnTo>
                  <a:pt x="51830" y="121063"/>
                </a:lnTo>
                <a:lnTo>
                  <a:pt x="23488" y="53873"/>
                </a:lnTo>
                <a:lnTo>
                  <a:pt x="0" y="0"/>
                </a:lnTo>
                <a:close/>
              </a:path>
            </a:pathLst>
          </a:custGeom>
          <a:solidFill>
            <a:srgbClr val="F38412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wrap="square" rtlCol="0" anchor="ctr"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Futura Bk BT" panose="020B0502020204020303" pitchFamily="34" charset="0"/>
              <a:ea typeface="+mn-ea"/>
            </a:endParaRPr>
          </a:p>
        </p:txBody>
      </p:sp>
      <p:sp>
        <p:nvSpPr>
          <p:cNvPr id="80" name="Freeform 172"/>
          <p:cNvSpPr/>
          <p:nvPr/>
        </p:nvSpPr>
        <p:spPr>
          <a:xfrm>
            <a:off x="4422330" y="2713335"/>
            <a:ext cx="51423" cy="106447"/>
          </a:xfrm>
          <a:custGeom>
            <a:avLst/>
            <a:gdLst>
              <a:gd name="connsiteX0" fmla="*/ 2525 w 57945"/>
              <a:gd name="connsiteY0" fmla="*/ 0 h 125273"/>
              <a:gd name="connsiteX1" fmla="*/ 57945 w 57945"/>
              <a:gd name="connsiteY1" fmla="*/ 124468 h 125273"/>
              <a:gd name="connsiteX2" fmla="*/ 53064 w 57945"/>
              <a:gd name="connsiteY2" fmla="*/ 125273 h 125273"/>
              <a:gd name="connsiteX3" fmla="*/ 0 w 57945"/>
              <a:gd name="connsiteY3" fmla="*/ 2123 h 125273"/>
              <a:gd name="connsiteX4" fmla="*/ 2525 w 57945"/>
              <a:gd name="connsiteY4" fmla="*/ 0 h 1252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57945" h="125273">
                <a:moveTo>
                  <a:pt x="2525" y="0"/>
                </a:moveTo>
                <a:lnTo>
                  <a:pt x="57945" y="124468"/>
                </a:lnTo>
                <a:lnTo>
                  <a:pt x="53064" y="125273"/>
                </a:lnTo>
                <a:cubicBezTo>
                  <a:pt x="45524" y="104622"/>
                  <a:pt x="14018" y="25187"/>
                  <a:pt x="0" y="2123"/>
                </a:cubicBezTo>
                <a:lnTo>
                  <a:pt x="2525" y="0"/>
                </a:lnTo>
                <a:close/>
              </a:path>
            </a:pathLst>
          </a:custGeom>
          <a:solidFill>
            <a:srgbClr val="DA1C7C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wrap="square" rtlCol="0" anchor="ctr"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Futura Bk BT" panose="020B0502020204020303" pitchFamily="34" charset="0"/>
              <a:ea typeface="+mn-ea"/>
            </a:endParaRPr>
          </a:p>
        </p:txBody>
      </p:sp>
      <p:sp>
        <p:nvSpPr>
          <p:cNvPr id="82" name="TextBox 25"/>
          <p:cNvSpPr txBox="1"/>
          <p:nvPr/>
        </p:nvSpPr>
        <p:spPr>
          <a:xfrm rot="3862089">
            <a:off x="1973682" y="3999850"/>
            <a:ext cx="556012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en-US" sz="2400" b="1" dirty="0" smtClean="0">
                <a:solidFill>
                  <a:srgbClr val="FFFFFF"/>
                </a:solidFill>
                <a:latin typeface="Futura Bk BT" panose="020B0502020204020303" pitchFamily="34" charset="0"/>
                <a:ea typeface="+mn-ea"/>
              </a:rPr>
              <a:t>IDEA</a:t>
            </a:r>
            <a:endParaRPr lang="en-US" sz="2400" b="1" dirty="0">
              <a:solidFill>
                <a:srgbClr val="FFFFFF"/>
              </a:solidFill>
              <a:latin typeface="Futura Bk BT" panose="020B0502020204020303" pitchFamily="34" charset="0"/>
              <a:ea typeface="+mn-ea"/>
            </a:endParaRPr>
          </a:p>
        </p:txBody>
      </p:sp>
      <p:sp>
        <p:nvSpPr>
          <p:cNvPr id="227" name="Freeform 191"/>
          <p:cNvSpPr/>
          <p:nvPr/>
        </p:nvSpPr>
        <p:spPr>
          <a:xfrm>
            <a:off x="5104476" y="3824184"/>
            <a:ext cx="55971" cy="121063"/>
          </a:xfrm>
          <a:custGeom>
            <a:avLst/>
            <a:gdLst>
              <a:gd name="connsiteX0" fmla="*/ 0 w 55971"/>
              <a:gd name="connsiteY0" fmla="*/ 0 h 121063"/>
              <a:gd name="connsiteX1" fmla="*/ 8113 w 55971"/>
              <a:gd name="connsiteY1" fmla="*/ 247 h 121063"/>
              <a:gd name="connsiteX2" fmla="*/ 55971 w 55971"/>
              <a:gd name="connsiteY2" fmla="*/ 117859 h 121063"/>
              <a:gd name="connsiteX3" fmla="*/ 51830 w 55971"/>
              <a:gd name="connsiteY3" fmla="*/ 121063 h 121063"/>
              <a:gd name="connsiteX4" fmla="*/ 23488 w 55971"/>
              <a:gd name="connsiteY4" fmla="*/ 53873 h 121063"/>
              <a:gd name="connsiteX5" fmla="*/ 0 w 55971"/>
              <a:gd name="connsiteY5" fmla="*/ 0 h 12106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5971" h="121063">
                <a:moveTo>
                  <a:pt x="0" y="0"/>
                </a:moveTo>
                <a:lnTo>
                  <a:pt x="8113" y="247"/>
                </a:lnTo>
                <a:cubicBezTo>
                  <a:pt x="12835" y="30126"/>
                  <a:pt x="43895" y="92507"/>
                  <a:pt x="55971" y="117859"/>
                </a:cubicBezTo>
                <a:lnTo>
                  <a:pt x="51830" y="121063"/>
                </a:lnTo>
                <a:lnTo>
                  <a:pt x="23488" y="53873"/>
                </a:lnTo>
                <a:lnTo>
                  <a:pt x="0" y="0"/>
                </a:lnTo>
                <a:close/>
              </a:path>
            </a:pathLst>
          </a:custGeom>
          <a:solidFill>
            <a:srgbClr val="F38412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wrap="square" rtlCol="0" anchor="ctr"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Futura Bk BT" panose="020B0502020204020303" pitchFamily="34" charset="0"/>
              <a:ea typeface="+mn-ea"/>
            </a:endParaRPr>
          </a:p>
        </p:txBody>
      </p:sp>
      <p:sp>
        <p:nvSpPr>
          <p:cNvPr id="228" name="Freeform 172"/>
          <p:cNvSpPr/>
          <p:nvPr/>
        </p:nvSpPr>
        <p:spPr>
          <a:xfrm>
            <a:off x="3780097" y="3178494"/>
            <a:ext cx="57945" cy="125273"/>
          </a:xfrm>
          <a:custGeom>
            <a:avLst/>
            <a:gdLst>
              <a:gd name="connsiteX0" fmla="*/ 2525 w 57945"/>
              <a:gd name="connsiteY0" fmla="*/ 0 h 125273"/>
              <a:gd name="connsiteX1" fmla="*/ 57945 w 57945"/>
              <a:gd name="connsiteY1" fmla="*/ 124468 h 125273"/>
              <a:gd name="connsiteX2" fmla="*/ 53064 w 57945"/>
              <a:gd name="connsiteY2" fmla="*/ 125273 h 125273"/>
              <a:gd name="connsiteX3" fmla="*/ 0 w 57945"/>
              <a:gd name="connsiteY3" fmla="*/ 2123 h 125273"/>
              <a:gd name="connsiteX4" fmla="*/ 2525 w 57945"/>
              <a:gd name="connsiteY4" fmla="*/ 0 h 1252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57945" h="125273">
                <a:moveTo>
                  <a:pt x="2525" y="0"/>
                </a:moveTo>
                <a:lnTo>
                  <a:pt x="57945" y="124468"/>
                </a:lnTo>
                <a:lnTo>
                  <a:pt x="53064" y="125273"/>
                </a:lnTo>
                <a:cubicBezTo>
                  <a:pt x="45524" y="104622"/>
                  <a:pt x="14018" y="25187"/>
                  <a:pt x="0" y="2123"/>
                </a:cubicBezTo>
                <a:lnTo>
                  <a:pt x="2525" y="0"/>
                </a:lnTo>
                <a:close/>
              </a:path>
            </a:pathLst>
          </a:custGeom>
          <a:solidFill>
            <a:srgbClr val="DA1C7C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wrap="square" rtlCol="0" anchor="ctr"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Futura Bk BT" panose="020B0502020204020303" pitchFamily="34" charset="0"/>
              <a:ea typeface="+mn-ea"/>
            </a:endParaRPr>
          </a:p>
        </p:txBody>
      </p:sp>
      <p:sp>
        <p:nvSpPr>
          <p:cNvPr id="229" name="Freeform 128"/>
          <p:cNvSpPr/>
          <p:nvPr/>
        </p:nvSpPr>
        <p:spPr>
          <a:xfrm rot="20241104">
            <a:off x="2706804" y="5322925"/>
            <a:ext cx="127934" cy="3764"/>
          </a:xfrm>
          <a:custGeom>
            <a:avLst/>
            <a:gdLst>
              <a:gd name="connsiteX0" fmla="*/ 127934 w 127934"/>
              <a:gd name="connsiteY0" fmla="*/ 0 h 3764"/>
              <a:gd name="connsiteX1" fmla="*/ 127855 w 127934"/>
              <a:gd name="connsiteY1" fmla="*/ 10 h 3764"/>
              <a:gd name="connsiteX2" fmla="*/ 7870 w 127934"/>
              <a:gd name="connsiteY2" fmla="*/ 1734 h 3764"/>
              <a:gd name="connsiteX3" fmla="*/ 0 w 127934"/>
              <a:gd name="connsiteY3" fmla="*/ 0 h 3764"/>
              <a:gd name="connsiteX4" fmla="*/ 127934 w 127934"/>
              <a:gd name="connsiteY4" fmla="*/ 0 h 37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27934" h="3764">
                <a:moveTo>
                  <a:pt x="127934" y="0"/>
                </a:moveTo>
                <a:lnTo>
                  <a:pt x="127855" y="10"/>
                </a:lnTo>
                <a:cubicBezTo>
                  <a:pt x="90685" y="3738"/>
                  <a:pt x="35390" y="5351"/>
                  <a:pt x="7870" y="1734"/>
                </a:cubicBezTo>
                <a:lnTo>
                  <a:pt x="0" y="0"/>
                </a:lnTo>
                <a:lnTo>
                  <a:pt x="127934" y="0"/>
                </a:lnTo>
                <a:close/>
              </a:path>
            </a:pathLst>
          </a:custGeom>
          <a:solidFill>
            <a:srgbClr val="599F1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>
              <a:rot lat="0" lon="0" rev="0"/>
            </a:camera>
            <a:lightRig rig="chilly" dir="t">
              <a:rot lat="0" lon="0" rev="18480000"/>
            </a:lightRig>
          </a:scene3d>
          <a:sp3d prstMaterial="clear">
            <a:bevelT h="63500"/>
          </a:sp3d>
        </p:spPr>
        <p:txBody>
          <a:bodyPr wrap="square" rtlCol="0" anchor="ctr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Futura Bk BT" panose="020B0502020204020303" pitchFamily="34" charset="0"/>
            </a:endParaRPr>
          </a:p>
        </p:txBody>
      </p:sp>
      <p:sp>
        <p:nvSpPr>
          <p:cNvPr id="230" name="TextBox 25"/>
          <p:cNvSpPr txBox="1"/>
          <p:nvPr/>
        </p:nvSpPr>
        <p:spPr>
          <a:xfrm rot="3862089">
            <a:off x="1191464" y="4612932"/>
            <a:ext cx="840295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en-US" sz="2400" b="1" dirty="0" smtClean="0">
                <a:solidFill>
                  <a:srgbClr val="FFFFFF"/>
                </a:solidFill>
                <a:latin typeface="Futura Bk BT" panose="020B0502020204020303" pitchFamily="34" charset="0"/>
                <a:ea typeface="+mn-ea"/>
              </a:rPr>
              <a:t>IDEA</a:t>
            </a:r>
            <a:endParaRPr lang="en-US" sz="2400" b="1" dirty="0">
              <a:solidFill>
                <a:srgbClr val="FFFFFF"/>
              </a:solidFill>
              <a:latin typeface="Futura Bk BT" panose="020B0502020204020303" pitchFamily="34" charset="0"/>
              <a:ea typeface="+mn-ea"/>
            </a:endParaRPr>
          </a:p>
        </p:txBody>
      </p:sp>
      <p:sp>
        <p:nvSpPr>
          <p:cNvPr id="233" name="TextBox 69"/>
          <p:cNvSpPr txBox="1"/>
          <p:nvPr/>
        </p:nvSpPr>
        <p:spPr>
          <a:xfrm flipH="1">
            <a:off x="-36512" y="2309971"/>
            <a:ext cx="2170533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tr-TR"/>
            </a:defPPr>
            <a:lvl1pPr marL="0" lvl="0" algn="ctr" defTabSz="914400" eaLnBrk="1" fontAlgn="auto" latinLnBrk="0" hangingPunct="1">
              <a:spcBef>
                <a:spcPts val="0"/>
              </a:spcBef>
              <a:spcAft>
                <a:spcPts val="0"/>
              </a:spcAft>
              <a:defRPr sz="1600">
                <a:latin typeface="Futura Bk BT" panose="020B0502020204020303" pitchFamily="34" charset="0"/>
                <a:ea typeface="+mn-ea"/>
              </a:defRPr>
            </a:lvl1pPr>
            <a:lvl2pPr defTabSz="914400" eaLnBrk="1" latinLnBrk="0" hangingPunct="1">
              <a:defRPr sz="1800">
                <a:latin typeface="+mn-lt"/>
                <a:ea typeface="+mn-ea"/>
              </a:defRPr>
            </a:lvl2pPr>
            <a:lvl3pPr defTabSz="914400" eaLnBrk="1" latinLnBrk="0" hangingPunct="1">
              <a:defRPr sz="1800">
                <a:latin typeface="+mn-lt"/>
                <a:ea typeface="+mn-ea"/>
              </a:defRPr>
            </a:lvl3pPr>
            <a:lvl4pPr defTabSz="914400" eaLnBrk="1" latinLnBrk="0" hangingPunct="1">
              <a:defRPr sz="1800">
                <a:latin typeface="+mn-lt"/>
                <a:ea typeface="+mn-ea"/>
              </a:defRPr>
            </a:lvl4pPr>
            <a:lvl5pPr defTabSz="914400" eaLnBrk="1" latinLnBrk="0" hangingPunct="1">
              <a:defRPr sz="1800">
                <a:latin typeface="+mn-lt"/>
                <a:ea typeface="+mn-ea"/>
              </a:defRPr>
            </a:lvl5pPr>
            <a:lvl6pPr>
              <a:defRPr sz="1800">
                <a:latin typeface="+mn-lt"/>
                <a:ea typeface="+mn-ea"/>
              </a:defRPr>
            </a:lvl6pPr>
            <a:lvl7pPr>
              <a:defRPr sz="1800">
                <a:latin typeface="+mn-lt"/>
                <a:ea typeface="+mn-ea"/>
              </a:defRPr>
            </a:lvl7pPr>
            <a:lvl8pPr>
              <a:defRPr sz="1800">
                <a:latin typeface="+mn-lt"/>
                <a:ea typeface="+mn-ea"/>
              </a:defRPr>
            </a:lvl8pPr>
            <a:lvl9pPr>
              <a:defRPr sz="1800">
                <a:latin typeface="+mn-lt"/>
                <a:ea typeface="+mn-ea"/>
              </a:defRPr>
            </a:lvl9pPr>
          </a:lstStyle>
          <a:p>
            <a:r>
              <a:rPr lang="tr-TR" dirty="0"/>
              <a:t>Konsorsiyum Kurma Amaçlı Seyahat Desteği</a:t>
            </a:r>
          </a:p>
        </p:txBody>
      </p:sp>
      <p:grpSp>
        <p:nvGrpSpPr>
          <p:cNvPr id="243" name="Group 4"/>
          <p:cNvGrpSpPr/>
          <p:nvPr/>
        </p:nvGrpSpPr>
        <p:grpSpPr>
          <a:xfrm>
            <a:off x="-972616" y="960190"/>
            <a:ext cx="6501163" cy="6429250"/>
            <a:chOff x="942140" y="618858"/>
            <a:chExt cx="6281620" cy="6212136"/>
          </a:xfrm>
        </p:grpSpPr>
        <p:grpSp>
          <p:nvGrpSpPr>
            <p:cNvPr id="244" name="Group 7"/>
            <p:cNvGrpSpPr/>
            <p:nvPr/>
          </p:nvGrpSpPr>
          <p:grpSpPr>
            <a:xfrm>
              <a:off x="1920241" y="618858"/>
              <a:ext cx="5303519" cy="5781569"/>
              <a:chOff x="1928974" y="618858"/>
              <a:chExt cx="5303519" cy="5781569"/>
            </a:xfrm>
          </p:grpSpPr>
          <p:grpSp>
            <p:nvGrpSpPr>
              <p:cNvPr id="255" name="Group 195"/>
              <p:cNvGrpSpPr/>
              <p:nvPr/>
            </p:nvGrpSpPr>
            <p:grpSpPr>
              <a:xfrm>
                <a:off x="1928974" y="618858"/>
                <a:ext cx="5303519" cy="5781569"/>
                <a:chOff x="1928974" y="618858"/>
                <a:chExt cx="5303519" cy="5781569"/>
              </a:xfrm>
            </p:grpSpPr>
            <p:sp>
              <p:nvSpPr>
                <p:cNvPr id="294" name="Freeform 192"/>
                <p:cNvSpPr/>
                <p:nvPr/>
              </p:nvSpPr>
              <p:spPr>
                <a:xfrm>
                  <a:off x="4559886" y="2748587"/>
                  <a:ext cx="1476725" cy="1339705"/>
                </a:xfrm>
                <a:custGeom>
                  <a:avLst/>
                  <a:gdLst>
                    <a:gd name="connsiteX0" fmla="*/ 928891 w 1476725"/>
                    <a:gd name="connsiteY0" fmla="*/ 0 h 1339705"/>
                    <a:gd name="connsiteX1" fmla="*/ 1186823 w 1476725"/>
                    <a:gd name="connsiteY1" fmla="*/ 591612 h 1339705"/>
                    <a:gd name="connsiteX2" fmla="*/ 1132415 w 1476725"/>
                    <a:gd name="connsiteY2" fmla="*/ 589953 h 1339705"/>
                    <a:gd name="connsiteX3" fmla="*/ 1012806 w 1476725"/>
                    <a:gd name="connsiteY3" fmla="*/ 576197 h 1339705"/>
                    <a:gd name="connsiteX4" fmla="*/ 952597 w 1476725"/>
                    <a:gd name="connsiteY4" fmla="*/ 750827 h 1339705"/>
                    <a:gd name="connsiteX5" fmla="*/ 1194485 w 1476725"/>
                    <a:gd name="connsiteY5" fmla="*/ 741890 h 1339705"/>
                    <a:gd name="connsiteX6" fmla="*/ 1232621 w 1476725"/>
                    <a:gd name="connsiteY6" fmla="*/ 717342 h 1339705"/>
                    <a:gd name="connsiteX7" fmla="*/ 1238653 w 1476725"/>
                    <a:gd name="connsiteY7" fmla="*/ 712675 h 1339705"/>
                    <a:gd name="connsiteX8" fmla="*/ 1346332 w 1476725"/>
                    <a:gd name="connsiteY8" fmla="*/ 967946 h 1339705"/>
                    <a:gd name="connsiteX9" fmla="*/ 1476725 w 1476725"/>
                    <a:gd name="connsiteY9" fmla="*/ 1292471 h 1339705"/>
                    <a:gd name="connsiteX10" fmla="*/ 381909 w 1476725"/>
                    <a:gd name="connsiteY10" fmla="*/ 1339705 h 1339705"/>
                    <a:gd name="connsiteX11" fmla="*/ 294277 w 1476725"/>
                    <a:gd name="connsiteY11" fmla="*/ 1042262 h 1339705"/>
                    <a:gd name="connsiteX12" fmla="*/ 279525 w 1476725"/>
                    <a:gd name="connsiteY12" fmla="*/ 995666 h 1339705"/>
                    <a:gd name="connsiteX13" fmla="*/ 264459 w 1476725"/>
                    <a:gd name="connsiteY13" fmla="*/ 1003563 h 1339705"/>
                    <a:gd name="connsiteX14" fmla="*/ 242169 w 1476725"/>
                    <a:gd name="connsiteY14" fmla="*/ 1019130 h 1339705"/>
                    <a:gd name="connsiteX15" fmla="*/ 9553 w 1476725"/>
                    <a:gd name="connsiteY15" fmla="*/ 1024588 h 1339705"/>
                    <a:gd name="connsiteX16" fmla="*/ 65008 w 1476725"/>
                    <a:gd name="connsiteY16" fmla="*/ 851741 h 1339705"/>
                    <a:gd name="connsiteX17" fmla="*/ 113613 w 1476725"/>
                    <a:gd name="connsiteY17" fmla="*/ 848369 h 1339705"/>
                    <a:gd name="connsiteX18" fmla="*/ 180291 w 1476725"/>
                    <a:gd name="connsiteY18" fmla="*/ 867121 h 1339705"/>
                    <a:gd name="connsiteX19" fmla="*/ 238524 w 1476725"/>
                    <a:gd name="connsiteY19" fmla="*/ 867718 h 1339705"/>
                    <a:gd name="connsiteX20" fmla="*/ 218227 w 1476725"/>
                    <a:gd name="connsiteY20" fmla="*/ 805349 h 1339705"/>
                    <a:gd name="connsiteX21" fmla="*/ 117622 w 1476725"/>
                    <a:gd name="connsiteY21" fmla="*/ 516433 h 1339705"/>
                    <a:gd name="connsiteX22" fmla="*/ 928891 w 1476725"/>
                    <a:gd name="connsiteY22" fmla="*/ 0 h 133970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</a:cxnLst>
                  <a:rect l="l" t="t" r="r" b="b"/>
                  <a:pathLst>
                    <a:path w="1476725" h="1339705">
                      <a:moveTo>
                        <a:pt x="928891" y="0"/>
                      </a:moveTo>
                      <a:lnTo>
                        <a:pt x="1186823" y="591612"/>
                      </a:lnTo>
                      <a:lnTo>
                        <a:pt x="1132415" y="589953"/>
                      </a:lnTo>
                      <a:cubicBezTo>
                        <a:pt x="1079667" y="569478"/>
                        <a:pt x="1040941" y="567364"/>
                        <a:pt x="1012806" y="576197"/>
                      </a:cubicBezTo>
                      <a:cubicBezTo>
                        <a:pt x="928397" y="602687"/>
                        <a:pt x="939271" y="727671"/>
                        <a:pt x="952597" y="750827"/>
                      </a:cubicBezTo>
                      <a:cubicBezTo>
                        <a:pt x="960017" y="792688"/>
                        <a:pt x="1111075" y="938952"/>
                        <a:pt x="1194485" y="741890"/>
                      </a:cubicBezTo>
                      <a:cubicBezTo>
                        <a:pt x="1195730" y="735225"/>
                        <a:pt x="1218470" y="725729"/>
                        <a:pt x="1232621" y="717342"/>
                      </a:cubicBezTo>
                      <a:lnTo>
                        <a:pt x="1238653" y="712675"/>
                      </a:lnTo>
                      <a:lnTo>
                        <a:pt x="1346332" y="967946"/>
                      </a:lnTo>
                      <a:cubicBezTo>
                        <a:pt x="1390838" y="1075684"/>
                        <a:pt x="1434407" y="1183765"/>
                        <a:pt x="1476725" y="1292471"/>
                      </a:cubicBezTo>
                      <a:cubicBezTo>
                        <a:pt x="976428" y="1248813"/>
                        <a:pt x="741978" y="1307405"/>
                        <a:pt x="381909" y="1339705"/>
                      </a:cubicBezTo>
                      <a:cubicBezTo>
                        <a:pt x="362976" y="1267691"/>
                        <a:pt x="330771" y="1159214"/>
                        <a:pt x="294277" y="1042262"/>
                      </a:cubicBezTo>
                      <a:lnTo>
                        <a:pt x="279525" y="995666"/>
                      </a:lnTo>
                      <a:lnTo>
                        <a:pt x="264459" y="1003563"/>
                      </a:lnTo>
                      <a:cubicBezTo>
                        <a:pt x="253375" y="1009183"/>
                        <a:pt x="242905" y="1014722"/>
                        <a:pt x="242169" y="1019130"/>
                      </a:cubicBezTo>
                      <a:cubicBezTo>
                        <a:pt x="164708" y="1213961"/>
                        <a:pt x="17286" y="1066332"/>
                        <a:pt x="9553" y="1024588"/>
                      </a:cubicBezTo>
                      <a:cubicBezTo>
                        <a:pt x="-3598" y="1001367"/>
                        <a:pt x="-15833" y="876893"/>
                        <a:pt x="65008" y="851741"/>
                      </a:cubicBezTo>
                      <a:cubicBezTo>
                        <a:pt x="78482" y="847548"/>
                        <a:pt x="94541" y="846115"/>
                        <a:pt x="113613" y="848369"/>
                      </a:cubicBezTo>
                      <a:cubicBezTo>
                        <a:pt x="132685" y="850623"/>
                        <a:pt x="154769" y="856564"/>
                        <a:pt x="180291" y="867121"/>
                      </a:cubicBezTo>
                      <a:lnTo>
                        <a:pt x="238524" y="867718"/>
                      </a:lnTo>
                      <a:lnTo>
                        <a:pt x="218227" y="805349"/>
                      </a:lnTo>
                      <a:cubicBezTo>
                        <a:pt x="180003" y="689534"/>
                        <a:pt x="143474" y="583900"/>
                        <a:pt x="117622" y="516433"/>
                      </a:cubicBezTo>
                      <a:lnTo>
                        <a:pt x="928891" y="0"/>
                      </a:lnTo>
                      <a:close/>
                    </a:path>
                  </a:pathLst>
                </a:custGeom>
                <a:solidFill>
                  <a:srgbClr val="F38412"/>
                </a:solidFill>
                <a:ln w="38100" cap="flat" cmpd="sng" algn="ctr">
                  <a:solidFill>
                    <a:srgbClr val="FFFFFF"/>
                  </a:solidFill>
                  <a:prstDash val="solid"/>
                  <a:miter lim="800000"/>
                </a:ln>
                <a:effectLst/>
              </p:spPr>
              <p:txBody>
                <a:bodyPr wrap="square" rtlCol="0" anchor="ctr">
                  <a:noAutofit/>
                </a:bodyPr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  <p:sp>
              <p:nvSpPr>
                <p:cNvPr id="295" name="Freeform 167"/>
                <p:cNvSpPr/>
                <p:nvPr/>
              </p:nvSpPr>
              <p:spPr>
                <a:xfrm>
                  <a:off x="2157672" y="2915386"/>
                  <a:ext cx="1868713" cy="2106361"/>
                </a:xfrm>
                <a:custGeom>
                  <a:avLst/>
                  <a:gdLst>
                    <a:gd name="connsiteX0" fmla="*/ 1100849 w 1868713"/>
                    <a:gd name="connsiteY0" fmla="*/ 2 h 2106361"/>
                    <a:gd name="connsiteX1" fmla="*/ 1321260 w 1868713"/>
                    <a:gd name="connsiteY1" fmla="*/ 147630 h 2106361"/>
                    <a:gd name="connsiteX2" fmla="*/ 1534109 w 1868713"/>
                    <a:gd name="connsiteY2" fmla="*/ 657754 h 2106361"/>
                    <a:gd name="connsiteX3" fmla="*/ 1539942 w 1868713"/>
                    <a:gd name="connsiteY3" fmla="*/ 653793 h 2106361"/>
                    <a:gd name="connsiteX4" fmla="*/ 1579333 w 1868713"/>
                    <a:gd name="connsiteY4" fmla="*/ 632844 h 2106361"/>
                    <a:gd name="connsiteX5" fmla="*/ 1688548 w 1868713"/>
                    <a:gd name="connsiteY5" fmla="*/ 538461 h 2106361"/>
                    <a:gd name="connsiteX6" fmla="*/ 1815243 w 1868713"/>
                    <a:gd name="connsiteY6" fmla="*/ 635529 h 2106361"/>
                    <a:gd name="connsiteX7" fmla="*/ 1755215 w 1868713"/>
                    <a:gd name="connsiteY7" fmla="*/ 805948 h 2106361"/>
                    <a:gd name="connsiteX8" fmla="*/ 1638699 w 1868713"/>
                    <a:gd name="connsiteY8" fmla="*/ 786584 h 2106361"/>
                    <a:gd name="connsiteX9" fmla="*/ 1586863 w 1868713"/>
                    <a:gd name="connsiteY9" fmla="*/ 784188 h 2106361"/>
                    <a:gd name="connsiteX10" fmla="*/ 1850145 w 1868713"/>
                    <a:gd name="connsiteY10" fmla="*/ 1415184 h 2106361"/>
                    <a:gd name="connsiteX11" fmla="*/ 1721083 w 1868713"/>
                    <a:gd name="connsiteY11" fmla="*/ 1729063 h 2106361"/>
                    <a:gd name="connsiteX12" fmla="*/ 1313641 w 1868713"/>
                    <a:gd name="connsiteY12" fmla="*/ 1899067 h 2106361"/>
                    <a:gd name="connsiteX13" fmla="*/ 1330858 w 1868713"/>
                    <a:gd name="connsiteY13" fmla="*/ 1889223 h 2106361"/>
                    <a:gd name="connsiteX14" fmla="*/ 1341959 w 1868713"/>
                    <a:gd name="connsiteY14" fmla="*/ 1881533 h 2106361"/>
                    <a:gd name="connsiteX15" fmla="*/ 1324668 w 1868713"/>
                    <a:gd name="connsiteY15" fmla="*/ 1834756 h 2106361"/>
                    <a:gd name="connsiteX16" fmla="*/ 1340469 w 1868713"/>
                    <a:gd name="connsiteY16" fmla="*/ 1722340 h 2106361"/>
                    <a:gd name="connsiteX17" fmla="*/ 1168525 w 1868713"/>
                    <a:gd name="connsiteY17" fmla="*/ 1671195 h 2106361"/>
                    <a:gd name="connsiteX18" fmla="*/ 1172992 w 1868713"/>
                    <a:gd name="connsiteY18" fmla="*/ 1897436 h 2106361"/>
                    <a:gd name="connsiteX19" fmla="*/ 1190594 w 1868713"/>
                    <a:gd name="connsiteY19" fmla="*/ 1949230 h 2106361"/>
                    <a:gd name="connsiteX20" fmla="*/ 1195573 w 1868713"/>
                    <a:gd name="connsiteY20" fmla="*/ 1948331 h 2106361"/>
                    <a:gd name="connsiteX21" fmla="*/ 861331 w 1868713"/>
                    <a:gd name="connsiteY21" fmla="*/ 2087793 h 2106361"/>
                    <a:gd name="connsiteX22" fmla="*/ 547453 w 1868713"/>
                    <a:gd name="connsiteY22" fmla="*/ 1958732 h 2106361"/>
                    <a:gd name="connsiteX23" fmla="*/ 18567 w 1868713"/>
                    <a:gd name="connsiteY23" fmla="*/ 691176 h 2106361"/>
                    <a:gd name="connsiteX24" fmla="*/ 147629 w 1868713"/>
                    <a:gd name="connsiteY24" fmla="*/ 377297 h 2106361"/>
                    <a:gd name="connsiteX25" fmla="*/ 1007381 w 1868713"/>
                    <a:gd name="connsiteY25" fmla="*/ 18567 h 2106361"/>
                    <a:gd name="connsiteX26" fmla="*/ 1100849 w 1868713"/>
                    <a:gd name="connsiteY26" fmla="*/ 2 h 2106361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  <a:cxn ang="0">
                      <a:pos x="connsiteX24" y="connsiteY24"/>
                    </a:cxn>
                    <a:cxn ang="0">
                      <a:pos x="connsiteX25" y="connsiteY25"/>
                    </a:cxn>
                    <a:cxn ang="0">
                      <a:pos x="connsiteX26" y="connsiteY26"/>
                    </a:cxn>
                  </a:cxnLst>
                  <a:rect l="l" t="t" r="r" b="b"/>
                  <a:pathLst>
                    <a:path w="1868713" h="2106361">
                      <a:moveTo>
                        <a:pt x="1100849" y="2"/>
                      </a:moveTo>
                      <a:cubicBezTo>
                        <a:pt x="1194367" y="456"/>
                        <a:pt x="1282983" y="55893"/>
                        <a:pt x="1321260" y="147630"/>
                      </a:cubicBezTo>
                      <a:lnTo>
                        <a:pt x="1534109" y="657754"/>
                      </a:lnTo>
                      <a:lnTo>
                        <a:pt x="1539942" y="653793"/>
                      </a:lnTo>
                      <a:cubicBezTo>
                        <a:pt x="1554477" y="646676"/>
                        <a:pt x="1578069" y="639398"/>
                        <a:pt x="1579333" y="632844"/>
                      </a:cubicBezTo>
                      <a:cubicBezTo>
                        <a:pt x="1610391" y="561005"/>
                        <a:pt x="1650357" y="537531"/>
                        <a:pt x="1688548" y="538461"/>
                      </a:cubicBezTo>
                      <a:cubicBezTo>
                        <a:pt x="1752201" y="540010"/>
                        <a:pt x="1810921" y="609345"/>
                        <a:pt x="1815243" y="635529"/>
                      </a:cubicBezTo>
                      <a:cubicBezTo>
                        <a:pt x="1828060" y="659144"/>
                        <a:pt x="1837714" y="783693"/>
                        <a:pt x="1755215" y="805948"/>
                      </a:cubicBezTo>
                      <a:cubicBezTo>
                        <a:pt x="1727716" y="813369"/>
                        <a:pt x="1689974" y="809422"/>
                        <a:pt x="1638699" y="786584"/>
                      </a:cubicBezTo>
                      <a:lnTo>
                        <a:pt x="1586863" y="784188"/>
                      </a:lnTo>
                      <a:lnTo>
                        <a:pt x="1850145" y="1415184"/>
                      </a:lnTo>
                      <a:cubicBezTo>
                        <a:pt x="1901181" y="1537499"/>
                        <a:pt x="1843398" y="1678027"/>
                        <a:pt x="1721083" y="1729063"/>
                      </a:cubicBezTo>
                      <a:lnTo>
                        <a:pt x="1313641" y="1899067"/>
                      </a:lnTo>
                      <a:lnTo>
                        <a:pt x="1330858" y="1889223"/>
                      </a:lnTo>
                      <a:cubicBezTo>
                        <a:pt x="1335699" y="1886239"/>
                        <a:pt x="1339509" y="1883621"/>
                        <a:pt x="1341959" y="1881533"/>
                      </a:cubicBezTo>
                      <a:lnTo>
                        <a:pt x="1324668" y="1834756"/>
                      </a:lnTo>
                      <a:cubicBezTo>
                        <a:pt x="1345913" y="1784748"/>
                        <a:pt x="1348710" y="1748420"/>
                        <a:pt x="1340469" y="1722340"/>
                      </a:cubicBezTo>
                      <a:cubicBezTo>
                        <a:pt x="1315753" y="1644091"/>
                        <a:pt x="1191712" y="1658022"/>
                        <a:pt x="1168525" y="1671195"/>
                      </a:cubicBezTo>
                      <a:cubicBezTo>
                        <a:pt x="1126913" y="1679399"/>
                        <a:pt x="979243" y="1825239"/>
                        <a:pt x="1172992" y="1897436"/>
                      </a:cubicBezTo>
                      <a:cubicBezTo>
                        <a:pt x="1181767" y="1898724"/>
                        <a:pt x="1181193" y="1943174"/>
                        <a:pt x="1190594" y="1949230"/>
                      </a:cubicBezTo>
                      <a:lnTo>
                        <a:pt x="1195573" y="1948331"/>
                      </a:lnTo>
                      <a:lnTo>
                        <a:pt x="861331" y="2087793"/>
                      </a:lnTo>
                      <a:cubicBezTo>
                        <a:pt x="739017" y="2138830"/>
                        <a:pt x="598488" y="2081046"/>
                        <a:pt x="547453" y="1958732"/>
                      </a:cubicBezTo>
                      <a:lnTo>
                        <a:pt x="18567" y="691176"/>
                      </a:lnTo>
                      <a:cubicBezTo>
                        <a:pt x="-32468" y="568861"/>
                        <a:pt x="25314" y="428333"/>
                        <a:pt x="147629" y="377297"/>
                      </a:cubicBezTo>
                      <a:lnTo>
                        <a:pt x="1007381" y="18567"/>
                      </a:lnTo>
                      <a:cubicBezTo>
                        <a:pt x="1037960" y="5808"/>
                        <a:pt x="1069676" y="-150"/>
                        <a:pt x="1100849" y="2"/>
                      </a:cubicBezTo>
                      <a:close/>
                    </a:path>
                  </a:pathLst>
                </a:custGeom>
                <a:solidFill>
                  <a:srgbClr val="599F19"/>
                </a:solidFill>
                <a:ln w="38100" cap="flat" cmpd="sng" algn="ctr">
                  <a:solidFill>
                    <a:srgbClr val="FFFFFF"/>
                  </a:solidFill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  <p:sp>
              <p:nvSpPr>
                <p:cNvPr id="296" name="Freeform 175"/>
                <p:cNvSpPr/>
                <p:nvPr/>
              </p:nvSpPr>
              <p:spPr>
                <a:xfrm>
                  <a:off x="3438494" y="2383867"/>
                  <a:ext cx="1504204" cy="1898914"/>
                </a:xfrm>
                <a:custGeom>
                  <a:avLst/>
                  <a:gdLst>
                    <a:gd name="connsiteX0" fmla="*/ 847208 w 1504204"/>
                    <a:gd name="connsiteY0" fmla="*/ 0 h 1898914"/>
                    <a:gd name="connsiteX1" fmla="*/ 926852 w 1504204"/>
                    <a:gd name="connsiteY1" fmla="*/ 169326 h 1898914"/>
                    <a:gd name="connsiteX2" fmla="*/ 990535 w 1504204"/>
                    <a:gd name="connsiteY2" fmla="*/ 307132 h 1898914"/>
                    <a:gd name="connsiteX3" fmla="*/ 993978 w 1504204"/>
                    <a:gd name="connsiteY3" fmla="*/ 304237 h 1898914"/>
                    <a:gd name="connsiteX4" fmla="*/ 1034030 w 1504204"/>
                    <a:gd name="connsiteY4" fmla="*/ 276691 h 1898914"/>
                    <a:gd name="connsiteX5" fmla="*/ 1132847 w 1504204"/>
                    <a:gd name="connsiteY5" fmla="*/ 172425 h 1898914"/>
                    <a:gd name="connsiteX6" fmla="*/ 1264822 w 1504204"/>
                    <a:gd name="connsiteY6" fmla="*/ 257660 h 1898914"/>
                    <a:gd name="connsiteX7" fmla="*/ 1220462 w 1504204"/>
                    <a:gd name="connsiteY7" fmla="*/ 433299 h 1898914"/>
                    <a:gd name="connsiteX8" fmla="*/ 1104960 w 1504204"/>
                    <a:gd name="connsiteY8" fmla="*/ 424692 h 1898914"/>
                    <a:gd name="connsiteX9" fmla="*/ 1048008 w 1504204"/>
                    <a:gd name="connsiteY9" fmla="*/ 434083 h 1898914"/>
                    <a:gd name="connsiteX10" fmla="*/ 1062795 w 1504204"/>
                    <a:gd name="connsiteY10" fmla="*/ 466850 h 1898914"/>
                    <a:gd name="connsiteX11" fmla="*/ 1309079 w 1504204"/>
                    <a:gd name="connsiteY11" fmla="*/ 1078781 h 1898914"/>
                    <a:gd name="connsiteX12" fmla="*/ 1360869 w 1504204"/>
                    <a:gd name="connsiteY12" fmla="*/ 1232448 h 1898914"/>
                    <a:gd name="connsiteX13" fmla="*/ 1301682 w 1504204"/>
                    <a:gd name="connsiteY13" fmla="*/ 1231841 h 1898914"/>
                    <a:gd name="connsiteX14" fmla="*/ 1186399 w 1504204"/>
                    <a:gd name="connsiteY14" fmla="*/ 1216461 h 1898914"/>
                    <a:gd name="connsiteX15" fmla="*/ 1130944 w 1504204"/>
                    <a:gd name="connsiteY15" fmla="*/ 1389308 h 1898914"/>
                    <a:gd name="connsiteX16" fmla="*/ 1363560 w 1504204"/>
                    <a:gd name="connsiteY16" fmla="*/ 1383850 h 1898914"/>
                    <a:gd name="connsiteX17" fmla="*/ 1385850 w 1504204"/>
                    <a:gd name="connsiteY17" fmla="*/ 1368283 h 1898914"/>
                    <a:gd name="connsiteX18" fmla="*/ 1401549 w 1504204"/>
                    <a:gd name="connsiteY18" fmla="*/ 1360054 h 1898914"/>
                    <a:gd name="connsiteX19" fmla="*/ 1437271 w 1504204"/>
                    <a:gd name="connsiteY19" fmla="*/ 1474825 h 1898914"/>
                    <a:gd name="connsiteX20" fmla="*/ 1504204 w 1504204"/>
                    <a:gd name="connsiteY20" fmla="*/ 1703180 h 1898914"/>
                    <a:gd name="connsiteX21" fmla="*/ 546303 w 1504204"/>
                    <a:gd name="connsiteY21" fmla="*/ 1898914 h 1898914"/>
                    <a:gd name="connsiteX22" fmla="*/ 326804 w 1504204"/>
                    <a:gd name="connsiteY22" fmla="*/ 1364502 h 1898914"/>
                    <a:gd name="connsiteX23" fmla="*/ 306876 w 1504204"/>
                    <a:gd name="connsiteY23" fmla="*/ 1315585 h 1898914"/>
                    <a:gd name="connsiteX24" fmla="*/ 359578 w 1504204"/>
                    <a:gd name="connsiteY24" fmla="*/ 1318103 h 1898914"/>
                    <a:gd name="connsiteX25" fmla="*/ 472305 w 1504204"/>
                    <a:gd name="connsiteY25" fmla="*/ 1337467 h 1898914"/>
                    <a:gd name="connsiteX26" fmla="*/ 530382 w 1504204"/>
                    <a:gd name="connsiteY26" fmla="*/ 1167048 h 1898914"/>
                    <a:gd name="connsiteX27" fmla="*/ 302142 w 1504204"/>
                    <a:gd name="connsiteY27" fmla="*/ 1164363 h 1898914"/>
                    <a:gd name="connsiteX28" fmla="*/ 264032 w 1504204"/>
                    <a:gd name="connsiteY28" fmla="*/ 1185312 h 1898914"/>
                    <a:gd name="connsiteX29" fmla="*/ 256078 w 1504204"/>
                    <a:gd name="connsiteY29" fmla="*/ 1190894 h 1898914"/>
                    <a:gd name="connsiteX30" fmla="*/ 252336 w 1504204"/>
                    <a:gd name="connsiteY30" fmla="*/ 1181709 h 1898914"/>
                    <a:gd name="connsiteX31" fmla="*/ 0 w 1504204"/>
                    <a:gd name="connsiteY31" fmla="*/ 613496 h 1898914"/>
                    <a:gd name="connsiteX32" fmla="*/ 847208 w 1504204"/>
                    <a:gd name="connsiteY32" fmla="*/ 0 h 1898914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  <a:cxn ang="0">
                      <a:pos x="connsiteX24" y="connsiteY24"/>
                    </a:cxn>
                    <a:cxn ang="0">
                      <a:pos x="connsiteX25" y="connsiteY25"/>
                    </a:cxn>
                    <a:cxn ang="0">
                      <a:pos x="connsiteX26" y="connsiteY26"/>
                    </a:cxn>
                    <a:cxn ang="0">
                      <a:pos x="connsiteX27" y="connsiteY27"/>
                    </a:cxn>
                    <a:cxn ang="0">
                      <a:pos x="connsiteX28" y="connsiteY28"/>
                    </a:cxn>
                    <a:cxn ang="0">
                      <a:pos x="connsiteX29" y="connsiteY29"/>
                    </a:cxn>
                    <a:cxn ang="0">
                      <a:pos x="connsiteX30" y="connsiteY30"/>
                    </a:cxn>
                    <a:cxn ang="0">
                      <a:pos x="connsiteX31" y="connsiteY31"/>
                    </a:cxn>
                    <a:cxn ang="0">
                      <a:pos x="connsiteX32" y="connsiteY32"/>
                    </a:cxn>
                  </a:cxnLst>
                  <a:rect l="l" t="t" r="r" b="b"/>
                  <a:pathLst>
                    <a:path w="1504204" h="1898914">
                      <a:moveTo>
                        <a:pt x="847208" y="0"/>
                      </a:moveTo>
                      <a:cubicBezTo>
                        <a:pt x="875205" y="59113"/>
                        <a:pt x="901702" y="115426"/>
                        <a:pt x="926852" y="169326"/>
                      </a:cubicBezTo>
                      <a:lnTo>
                        <a:pt x="990535" y="307132"/>
                      </a:lnTo>
                      <a:lnTo>
                        <a:pt x="993978" y="304237"/>
                      </a:lnTo>
                      <a:cubicBezTo>
                        <a:pt x="1008690" y="294792"/>
                        <a:pt x="1033345" y="283350"/>
                        <a:pt x="1034030" y="276691"/>
                      </a:cubicBezTo>
                      <a:cubicBezTo>
                        <a:pt x="1058352" y="202122"/>
                        <a:pt x="1095443" y="175013"/>
                        <a:pt x="1132847" y="172425"/>
                      </a:cubicBezTo>
                      <a:cubicBezTo>
                        <a:pt x="1195187" y="168114"/>
                        <a:pt x="1258398" y="231921"/>
                        <a:pt x="1264822" y="257660"/>
                      </a:cubicBezTo>
                      <a:cubicBezTo>
                        <a:pt x="1279332" y="280053"/>
                        <a:pt x="1299224" y="403491"/>
                        <a:pt x="1220462" y="433299"/>
                      </a:cubicBezTo>
                      <a:cubicBezTo>
                        <a:pt x="1194209" y="443237"/>
                        <a:pt x="1156990" y="442770"/>
                        <a:pt x="1104960" y="424692"/>
                      </a:cubicBezTo>
                      <a:lnTo>
                        <a:pt x="1048008" y="434083"/>
                      </a:lnTo>
                      <a:lnTo>
                        <a:pt x="1062795" y="466850"/>
                      </a:lnTo>
                      <a:cubicBezTo>
                        <a:pt x="1164633" y="695795"/>
                        <a:pt x="1240388" y="883694"/>
                        <a:pt x="1309079" y="1078781"/>
                      </a:cubicBezTo>
                      <a:lnTo>
                        <a:pt x="1360869" y="1232448"/>
                      </a:lnTo>
                      <a:lnTo>
                        <a:pt x="1301682" y="1231841"/>
                      </a:lnTo>
                      <a:cubicBezTo>
                        <a:pt x="1250638" y="1210727"/>
                        <a:pt x="1213346" y="1208075"/>
                        <a:pt x="1186399" y="1216461"/>
                      </a:cubicBezTo>
                      <a:cubicBezTo>
                        <a:pt x="1105558" y="1241613"/>
                        <a:pt x="1117793" y="1366087"/>
                        <a:pt x="1130944" y="1389308"/>
                      </a:cubicBezTo>
                      <a:cubicBezTo>
                        <a:pt x="1138677" y="1431052"/>
                        <a:pt x="1286099" y="1578681"/>
                        <a:pt x="1363560" y="1383850"/>
                      </a:cubicBezTo>
                      <a:cubicBezTo>
                        <a:pt x="1364296" y="1379442"/>
                        <a:pt x="1374766" y="1373903"/>
                        <a:pt x="1385850" y="1368283"/>
                      </a:cubicBezTo>
                      <a:lnTo>
                        <a:pt x="1401549" y="1360054"/>
                      </a:lnTo>
                      <a:lnTo>
                        <a:pt x="1437271" y="1474825"/>
                      </a:lnTo>
                      <a:cubicBezTo>
                        <a:pt x="1458851" y="1546520"/>
                        <a:pt x="1480955" y="1622111"/>
                        <a:pt x="1504204" y="1703180"/>
                      </a:cubicBezTo>
                      <a:lnTo>
                        <a:pt x="546303" y="1898914"/>
                      </a:lnTo>
                      <a:cubicBezTo>
                        <a:pt x="478015" y="1738237"/>
                        <a:pt x="401922" y="1549624"/>
                        <a:pt x="326804" y="1364502"/>
                      </a:cubicBezTo>
                      <a:lnTo>
                        <a:pt x="306876" y="1315585"/>
                      </a:lnTo>
                      <a:lnTo>
                        <a:pt x="359578" y="1318103"/>
                      </a:lnTo>
                      <a:cubicBezTo>
                        <a:pt x="409186" y="1340941"/>
                        <a:pt x="445700" y="1344888"/>
                        <a:pt x="472305" y="1337467"/>
                      </a:cubicBezTo>
                      <a:cubicBezTo>
                        <a:pt x="552122" y="1315212"/>
                        <a:pt x="542782" y="1190663"/>
                        <a:pt x="530382" y="1167048"/>
                      </a:cubicBezTo>
                      <a:cubicBezTo>
                        <a:pt x="523690" y="1125153"/>
                        <a:pt x="382269" y="972792"/>
                        <a:pt x="302142" y="1164363"/>
                      </a:cubicBezTo>
                      <a:cubicBezTo>
                        <a:pt x="300919" y="1170917"/>
                        <a:pt x="278094" y="1178195"/>
                        <a:pt x="264032" y="1185312"/>
                      </a:cubicBezTo>
                      <a:lnTo>
                        <a:pt x="256078" y="1190894"/>
                      </a:lnTo>
                      <a:lnTo>
                        <a:pt x="252336" y="1181709"/>
                      </a:lnTo>
                      <a:cubicBezTo>
                        <a:pt x="154348" y="942641"/>
                        <a:pt x="63297" y="728405"/>
                        <a:pt x="0" y="613496"/>
                      </a:cubicBezTo>
                      <a:cubicBezTo>
                        <a:pt x="253188" y="449897"/>
                        <a:pt x="523906" y="286298"/>
                        <a:pt x="847208" y="0"/>
                      </a:cubicBezTo>
                      <a:close/>
                    </a:path>
                  </a:pathLst>
                </a:custGeom>
                <a:solidFill>
                  <a:srgbClr val="D31E1A"/>
                </a:solidFill>
                <a:ln w="38100" cap="flat" cmpd="sng" algn="ctr">
                  <a:solidFill>
                    <a:srgbClr val="FFFFFF"/>
                  </a:solidFill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  <p:sp>
              <p:nvSpPr>
                <p:cNvPr id="297" name="Freeform 70"/>
                <p:cNvSpPr/>
                <p:nvPr/>
              </p:nvSpPr>
              <p:spPr>
                <a:xfrm rot="9568052">
                  <a:off x="1928974" y="3592612"/>
                  <a:ext cx="764653" cy="1382265"/>
                </a:xfrm>
                <a:custGeom>
                  <a:avLst/>
                  <a:gdLst>
                    <a:gd name="connsiteX0" fmla="*/ 265074 w 764653"/>
                    <a:gd name="connsiteY0" fmla="*/ 1382265 h 1382265"/>
                    <a:gd name="connsiteX1" fmla="*/ 257466 w 764653"/>
                    <a:gd name="connsiteY1" fmla="*/ 1036254 h 1382265"/>
                    <a:gd name="connsiteX2" fmla="*/ 249130 w 764653"/>
                    <a:gd name="connsiteY2" fmla="*/ 743532 h 1382265"/>
                    <a:gd name="connsiteX3" fmla="*/ 246730 w 764653"/>
                    <a:gd name="connsiteY3" fmla="*/ 744636 h 1382265"/>
                    <a:gd name="connsiteX4" fmla="*/ 224809 w 764653"/>
                    <a:gd name="connsiteY4" fmla="*/ 766887 h 1382265"/>
                    <a:gd name="connsiteX5" fmla="*/ 454 w 764653"/>
                    <a:gd name="connsiteY5" fmla="*/ 690294 h 1382265"/>
                    <a:gd name="connsiteX6" fmla="*/ 115468 w 764653"/>
                    <a:gd name="connsiteY6" fmla="*/ 547938 h 1382265"/>
                    <a:gd name="connsiteX7" fmla="*/ 220169 w 764653"/>
                    <a:gd name="connsiteY7" fmla="*/ 602829 h 1382265"/>
                    <a:gd name="connsiteX8" fmla="*/ 244812 w 764653"/>
                    <a:gd name="connsiteY8" fmla="*/ 616694 h 1382265"/>
                    <a:gd name="connsiteX9" fmla="*/ 233665 w 764653"/>
                    <a:gd name="connsiteY9" fmla="*/ 332679 h 1382265"/>
                    <a:gd name="connsiteX10" fmla="*/ 215142 w 764653"/>
                    <a:gd name="connsiteY10" fmla="*/ 0 h 1382265"/>
                    <a:gd name="connsiteX11" fmla="*/ 265074 w 764653"/>
                    <a:gd name="connsiteY11" fmla="*/ 1382265 h 138226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</a:cxnLst>
                  <a:rect l="l" t="t" r="r" b="b"/>
                  <a:pathLst>
                    <a:path w="764653" h="1382265">
                      <a:moveTo>
                        <a:pt x="265074" y="1382265"/>
                      </a:moveTo>
                      <a:cubicBezTo>
                        <a:pt x="262821" y="1269644"/>
                        <a:pt x="260350" y="1153615"/>
                        <a:pt x="257466" y="1036254"/>
                      </a:cubicBezTo>
                      <a:lnTo>
                        <a:pt x="249130" y="743532"/>
                      </a:lnTo>
                      <a:lnTo>
                        <a:pt x="246730" y="744636"/>
                      </a:lnTo>
                      <a:cubicBezTo>
                        <a:pt x="237233" y="751256"/>
                        <a:pt x="229378" y="759150"/>
                        <a:pt x="224809" y="766887"/>
                      </a:cubicBezTo>
                      <a:cubicBezTo>
                        <a:pt x="80873" y="922097"/>
                        <a:pt x="-7124" y="732094"/>
                        <a:pt x="454" y="690294"/>
                      </a:cubicBezTo>
                      <a:cubicBezTo>
                        <a:pt x="-3790" y="663933"/>
                        <a:pt x="29156" y="543092"/>
                        <a:pt x="115468" y="547938"/>
                      </a:cubicBezTo>
                      <a:cubicBezTo>
                        <a:pt x="144238" y="549551"/>
                        <a:pt x="178940" y="565132"/>
                        <a:pt x="220169" y="602829"/>
                      </a:cubicBezTo>
                      <a:lnTo>
                        <a:pt x="244812" y="616694"/>
                      </a:lnTo>
                      <a:lnTo>
                        <a:pt x="233665" y="332679"/>
                      </a:lnTo>
                      <a:cubicBezTo>
                        <a:pt x="228356" y="218281"/>
                        <a:pt x="222246" y="106696"/>
                        <a:pt x="215142" y="0"/>
                      </a:cubicBezTo>
                      <a:cubicBezTo>
                        <a:pt x="1076310" y="396962"/>
                        <a:pt x="793068" y="1201272"/>
                        <a:pt x="265074" y="1382265"/>
                      </a:cubicBezTo>
                      <a:close/>
                    </a:path>
                  </a:pathLst>
                </a:custGeom>
                <a:gradFill flip="none" rotWithShape="1">
                  <a:gsLst>
                    <a:gs pos="100000">
                      <a:srgbClr val="000000">
                        <a:lumMod val="85000"/>
                        <a:lumOff val="15000"/>
                      </a:srgbClr>
                    </a:gs>
                    <a:gs pos="85000">
                      <a:srgbClr val="000000">
                        <a:lumMod val="75000"/>
                        <a:lumOff val="25000"/>
                      </a:srgbClr>
                    </a:gs>
                    <a:gs pos="0">
                      <a:srgbClr val="FFFFFF">
                        <a:lumMod val="50000"/>
                      </a:srgbClr>
                    </a:gs>
                  </a:gsLst>
                  <a:lin ang="10200000" scaled="0"/>
                  <a:tileRect/>
                </a:gradFill>
                <a:ln w="38100" cap="flat" cmpd="sng" algn="ctr">
                  <a:solidFill>
                    <a:srgbClr val="FFFFFF"/>
                  </a:solidFill>
                  <a:prstDash val="solid"/>
                  <a:miter lim="800000"/>
                </a:ln>
                <a:effectLst/>
              </p:spPr>
              <p:txBody>
                <a:bodyPr wrap="square" rtlCol="0" anchor="ctr">
                  <a:noAutofit/>
                </a:bodyPr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  <p:sp>
              <p:nvSpPr>
                <p:cNvPr id="298" name="Freeform 157"/>
                <p:cNvSpPr/>
                <p:nvPr/>
              </p:nvSpPr>
              <p:spPr>
                <a:xfrm rot="4272893">
                  <a:off x="2798451" y="4937946"/>
                  <a:ext cx="1904874" cy="1020087"/>
                </a:xfrm>
                <a:custGeom>
                  <a:avLst/>
                  <a:gdLst>
                    <a:gd name="connsiteX0" fmla="*/ 3872 w 1904874"/>
                    <a:gd name="connsiteY0" fmla="*/ 597992 h 1020087"/>
                    <a:gd name="connsiteX1" fmla="*/ 111307 w 1904874"/>
                    <a:gd name="connsiteY1" fmla="*/ 483689 h 1020087"/>
                    <a:gd name="connsiteX2" fmla="*/ 211692 w 1904874"/>
                    <a:gd name="connsiteY2" fmla="*/ 534120 h 1020087"/>
                    <a:gd name="connsiteX3" fmla="*/ 257330 w 1904874"/>
                    <a:gd name="connsiteY3" fmla="*/ 528192 h 1020087"/>
                    <a:gd name="connsiteX4" fmla="*/ 245599 w 1904874"/>
                    <a:gd name="connsiteY4" fmla="*/ 344609 h 1020087"/>
                    <a:gd name="connsiteX5" fmla="*/ 337350 w 1904874"/>
                    <a:gd name="connsiteY5" fmla="*/ 183075 h 1020087"/>
                    <a:gd name="connsiteX6" fmla="*/ 1669393 w 1904874"/>
                    <a:gd name="connsiteY6" fmla="*/ 1306 h 1020087"/>
                    <a:gd name="connsiteX7" fmla="*/ 1827589 w 1904874"/>
                    <a:gd name="connsiteY7" fmla="*/ 121512 h 1020087"/>
                    <a:gd name="connsiteX8" fmla="*/ 1903568 w 1904874"/>
                    <a:gd name="connsiteY8" fmla="*/ 678297 h 1020087"/>
                    <a:gd name="connsiteX9" fmla="*/ 1783362 w 1904874"/>
                    <a:gd name="connsiteY9" fmla="*/ 836494 h 1020087"/>
                    <a:gd name="connsiteX10" fmla="*/ 451319 w 1904874"/>
                    <a:gd name="connsiteY10" fmla="*/ 1018263 h 1020087"/>
                    <a:gd name="connsiteX11" fmla="*/ 286679 w 1904874"/>
                    <a:gd name="connsiteY11" fmla="*/ 917000 h 1020087"/>
                    <a:gd name="connsiteX12" fmla="*/ 272332 w 1904874"/>
                    <a:gd name="connsiteY12" fmla="*/ 775984 h 1020087"/>
                    <a:gd name="connsiteX13" fmla="*/ 268351 w 1904874"/>
                    <a:gd name="connsiteY13" fmla="*/ 707450 h 1020087"/>
                    <a:gd name="connsiteX14" fmla="*/ 258269 w 1904874"/>
                    <a:gd name="connsiteY14" fmla="*/ 709618 h 1020087"/>
                    <a:gd name="connsiteX15" fmla="*/ 215456 w 1904874"/>
                    <a:gd name="connsiteY15" fmla="*/ 711984 h 1020087"/>
                    <a:gd name="connsiteX16" fmla="*/ 435 w 1904874"/>
                    <a:gd name="connsiteY16" fmla="*/ 632783 h 1020087"/>
                    <a:gd name="connsiteX17" fmla="*/ 3872 w 1904874"/>
                    <a:gd name="connsiteY17" fmla="*/ 597992 h 1020087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</a:cxnLst>
                  <a:rect l="l" t="t" r="r" b="b"/>
                  <a:pathLst>
                    <a:path w="1904874" h="1020087">
                      <a:moveTo>
                        <a:pt x="3872" y="597992"/>
                      </a:moveTo>
                      <a:cubicBezTo>
                        <a:pt x="14198" y="552232"/>
                        <a:pt x="46396" y="483710"/>
                        <a:pt x="111307" y="483689"/>
                      </a:cubicBezTo>
                      <a:cubicBezTo>
                        <a:pt x="138881" y="485357"/>
                        <a:pt x="169602" y="502718"/>
                        <a:pt x="211692" y="534120"/>
                      </a:cubicBezTo>
                      <a:lnTo>
                        <a:pt x="257330" y="528192"/>
                      </a:lnTo>
                      <a:lnTo>
                        <a:pt x="245599" y="344609"/>
                      </a:lnTo>
                      <a:cubicBezTo>
                        <a:pt x="235108" y="267730"/>
                        <a:pt x="260471" y="193566"/>
                        <a:pt x="337350" y="183075"/>
                      </a:cubicBezTo>
                      <a:lnTo>
                        <a:pt x="1669393" y="1306"/>
                      </a:lnTo>
                      <a:cubicBezTo>
                        <a:pt x="1746271" y="-9185"/>
                        <a:pt x="1817098" y="44633"/>
                        <a:pt x="1827589" y="121512"/>
                      </a:cubicBezTo>
                      <a:lnTo>
                        <a:pt x="1903568" y="678297"/>
                      </a:lnTo>
                      <a:cubicBezTo>
                        <a:pt x="1914059" y="755176"/>
                        <a:pt x="1860241" y="826003"/>
                        <a:pt x="1783362" y="836494"/>
                      </a:cubicBezTo>
                      <a:lnTo>
                        <a:pt x="451319" y="1018263"/>
                      </a:lnTo>
                      <a:cubicBezTo>
                        <a:pt x="374440" y="1028754"/>
                        <a:pt x="297169" y="993879"/>
                        <a:pt x="286679" y="917000"/>
                      </a:cubicBezTo>
                      <a:cubicBezTo>
                        <a:pt x="280347" y="870602"/>
                        <a:pt x="275839" y="823502"/>
                        <a:pt x="272332" y="775984"/>
                      </a:cubicBezTo>
                      <a:lnTo>
                        <a:pt x="268351" y="707450"/>
                      </a:lnTo>
                      <a:lnTo>
                        <a:pt x="258269" y="709618"/>
                      </a:lnTo>
                      <a:cubicBezTo>
                        <a:pt x="242670" y="710082"/>
                        <a:pt x="218740" y="705984"/>
                        <a:pt x="215456" y="711984"/>
                      </a:cubicBezTo>
                      <a:cubicBezTo>
                        <a:pt x="77508" y="872475"/>
                        <a:pt x="-6828" y="676006"/>
                        <a:pt x="435" y="632783"/>
                      </a:cubicBezTo>
                      <a:cubicBezTo>
                        <a:pt x="-581" y="625969"/>
                        <a:pt x="430" y="613245"/>
                        <a:pt x="3872" y="597992"/>
                      </a:cubicBezTo>
                      <a:close/>
                    </a:path>
                  </a:pathLst>
                </a:custGeom>
                <a:solidFill>
                  <a:srgbClr val="00B0F0">
                    <a:lumMod val="60000"/>
                    <a:lumOff val="40000"/>
                  </a:srgbClr>
                </a:solidFill>
                <a:ln w="38100" cap="flat" cmpd="sng" algn="ctr">
                  <a:solidFill>
                    <a:srgbClr val="FFFFFF"/>
                  </a:solidFill>
                  <a:prstDash val="solid"/>
                  <a:miter lim="800000"/>
                </a:ln>
                <a:effectLst/>
              </p:spPr>
              <p:txBody>
                <a:bodyPr wrap="square" rtlCol="0" anchor="ctr">
                  <a:noAutofit/>
                </a:bodyPr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  <p:sp>
              <p:nvSpPr>
                <p:cNvPr id="299" name="Freeform 194"/>
                <p:cNvSpPr/>
                <p:nvPr/>
              </p:nvSpPr>
              <p:spPr>
                <a:xfrm>
                  <a:off x="4976682" y="618858"/>
                  <a:ext cx="2255811" cy="3816391"/>
                </a:xfrm>
                <a:custGeom>
                  <a:avLst/>
                  <a:gdLst>
                    <a:gd name="connsiteX0" fmla="*/ 530613 w 2255811"/>
                    <a:gd name="connsiteY0" fmla="*/ 35 h 3816391"/>
                    <a:gd name="connsiteX1" fmla="*/ 719204 w 2255811"/>
                    <a:gd name="connsiteY1" fmla="*/ 120005 h 3816391"/>
                    <a:gd name="connsiteX2" fmla="*/ 2238280 w 2255811"/>
                    <a:gd name="connsiteY2" fmla="*/ 3531912 h 3816391"/>
                    <a:gd name="connsiteX3" fmla="*/ 2135808 w 2255811"/>
                    <a:gd name="connsiteY3" fmla="*/ 3798863 h 3816391"/>
                    <a:gd name="connsiteX4" fmla="*/ 2135808 w 2255811"/>
                    <a:gd name="connsiteY4" fmla="*/ 3798861 h 3816391"/>
                    <a:gd name="connsiteX5" fmla="*/ 1868858 w 2255811"/>
                    <a:gd name="connsiteY5" fmla="*/ 3696389 h 3816391"/>
                    <a:gd name="connsiteX6" fmla="*/ 1808752 w 2255811"/>
                    <a:gd name="connsiteY6" fmla="*/ 3561389 h 3816391"/>
                    <a:gd name="connsiteX7" fmla="*/ 1655575 w 2255811"/>
                    <a:gd name="connsiteY7" fmla="*/ 3525227 h 3816391"/>
                    <a:gd name="connsiteX8" fmla="*/ 1060314 w 2255811"/>
                    <a:gd name="connsiteY8" fmla="*/ 3424317 h 3816391"/>
                    <a:gd name="connsiteX9" fmla="*/ 821001 w 2255811"/>
                    <a:gd name="connsiteY9" fmla="*/ 2843067 h 3816391"/>
                    <a:gd name="connsiteX10" fmla="*/ 815825 w 2255811"/>
                    <a:gd name="connsiteY10" fmla="*/ 2847071 h 3816391"/>
                    <a:gd name="connsiteX11" fmla="*/ 777689 w 2255811"/>
                    <a:gd name="connsiteY11" fmla="*/ 2871619 h 3816391"/>
                    <a:gd name="connsiteX12" fmla="*/ 535801 w 2255811"/>
                    <a:gd name="connsiteY12" fmla="*/ 2880556 h 3816391"/>
                    <a:gd name="connsiteX13" fmla="*/ 596010 w 2255811"/>
                    <a:gd name="connsiteY13" fmla="*/ 2705926 h 3816391"/>
                    <a:gd name="connsiteX14" fmla="*/ 646585 w 2255811"/>
                    <a:gd name="connsiteY14" fmla="*/ 2701814 h 3816391"/>
                    <a:gd name="connsiteX15" fmla="*/ 715619 w 2255811"/>
                    <a:gd name="connsiteY15" fmla="*/ 2719682 h 3816391"/>
                    <a:gd name="connsiteX16" fmla="*/ 767645 w 2255811"/>
                    <a:gd name="connsiteY16" fmla="*/ 2721268 h 3816391"/>
                    <a:gd name="connsiteX17" fmla="*/ 546987 w 2255811"/>
                    <a:gd name="connsiteY17" fmla="*/ 2223597 h 3816391"/>
                    <a:gd name="connsiteX18" fmla="*/ 350758 w 2255811"/>
                    <a:gd name="connsiteY18" fmla="*/ 1795365 h 3816391"/>
                    <a:gd name="connsiteX19" fmla="*/ 348143 w 2255811"/>
                    <a:gd name="connsiteY19" fmla="*/ 1789659 h 3816391"/>
                    <a:gd name="connsiteX20" fmla="*/ 348562 w 2255811"/>
                    <a:gd name="connsiteY20" fmla="*/ 1790528 h 3816391"/>
                    <a:gd name="connsiteX21" fmla="*/ 364657 w 2255811"/>
                    <a:gd name="connsiteY21" fmla="*/ 1786360 h 3816391"/>
                    <a:gd name="connsiteX22" fmla="*/ 424446 w 2255811"/>
                    <a:gd name="connsiteY22" fmla="*/ 1770874 h 3816391"/>
                    <a:gd name="connsiteX23" fmla="*/ 544779 w 2255811"/>
                    <a:gd name="connsiteY23" fmla="*/ 1766934 h 3816391"/>
                    <a:gd name="connsiteX24" fmla="*/ 578717 w 2255811"/>
                    <a:gd name="connsiteY24" fmla="*/ 1585361 h 3816391"/>
                    <a:gd name="connsiteX25" fmla="*/ 340758 w 2255811"/>
                    <a:gd name="connsiteY25" fmla="*/ 1629685 h 3816391"/>
                    <a:gd name="connsiteX26" fmla="*/ 299985 w 2255811"/>
                    <a:gd name="connsiteY26" fmla="*/ 1652292 h 3816391"/>
                    <a:gd name="connsiteX27" fmla="*/ 292591 w 2255811"/>
                    <a:gd name="connsiteY27" fmla="*/ 1658076 h 3816391"/>
                    <a:gd name="connsiteX28" fmla="*/ 287849 w 2255811"/>
                    <a:gd name="connsiteY28" fmla="*/ 1658076 h 3816391"/>
                    <a:gd name="connsiteX29" fmla="*/ 272969 w 2255811"/>
                    <a:gd name="connsiteY29" fmla="*/ 1625603 h 3816391"/>
                    <a:gd name="connsiteX30" fmla="*/ 0 w 2255811"/>
                    <a:gd name="connsiteY30" fmla="*/ 1027083 h 3816391"/>
                    <a:gd name="connsiteX31" fmla="*/ 367289 w 2255811"/>
                    <a:gd name="connsiteY31" fmla="*/ 474600 h 3816391"/>
                    <a:gd name="connsiteX32" fmla="*/ 402902 w 2255811"/>
                    <a:gd name="connsiteY32" fmla="*/ 403794 h 3816391"/>
                    <a:gd name="connsiteX33" fmla="*/ 349779 w 2255811"/>
                    <a:gd name="connsiteY33" fmla="*/ 284482 h 3816391"/>
                    <a:gd name="connsiteX34" fmla="*/ 452252 w 2255811"/>
                    <a:gd name="connsiteY34" fmla="*/ 17532 h 3816391"/>
                    <a:gd name="connsiteX35" fmla="*/ 530613 w 2255811"/>
                    <a:gd name="connsiteY35" fmla="*/ 35 h 3816391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  <a:cxn ang="0">
                      <a:pos x="connsiteX24" y="connsiteY24"/>
                    </a:cxn>
                    <a:cxn ang="0">
                      <a:pos x="connsiteX25" y="connsiteY25"/>
                    </a:cxn>
                    <a:cxn ang="0">
                      <a:pos x="connsiteX26" y="connsiteY26"/>
                    </a:cxn>
                    <a:cxn ang="0">
                      <a:pos x="connsiteX27" y="connsiteY27"/>
                    </a:cxn>
                    <a:cxn ang="0">
                      <a:pos x="connsiteX28" y="connsiteY28"/>
                    </a:cxn>
                    <a:cxn ang="0">
                      <a:pos x="connsiteX29" y="connsiteY29"/>
                    </a:cxn>
                    <a:cxn ang="0">
                      <a:pos x="connsiteX30" y="connsiteY30"/>
                    </a:cxn>
                    <a:cxn ang="0">
                      <a:pos x="connsiteX31" y="connsiteY31"/>
                    </a:cxn>
                    <a:cxn ang="0">
                      <a:pos x="connsiteX32" y="connsiteY32"/>
                    </a:cxn>
                    <a:cxn ang="0">
                      <a:pos x="connsiteX33" y="connsiteY33"/>
                    </a:cxn>
                    <a:cxn ang="0">
                      <a:pos x="connsiteX34" y="connsiteY34"/>
                    </a:cxn>
                    <a:cxn ang="0">
                      <a:pos x="connsiteX35" y="connsiteY35"/>
                    </a:cxn>
                  </a:cxnLst>
                  <a:rect l="l" t="t" r="r" b="b"/>
                  <a:pathLst>
                    <a:path w="2255811" h="3816391">
                      <a:moveTo>
                        <a:pt x="530613" y="35"/>
                      </a:moveTo>
                      <a:cubicBezTo>
                        <a:pt x="609393" y="-1441"/>
                        <a:pt x="685138" y="43494"/>
                        <a:pt x="719204" y="120005"/>
                      </a:cubicBezTo>
                      <a:cubicBezTo>
                        <a:pt x="1225562" y="1257306"/>
                        <a:pt x="1731921" y="2394610"/>
                        <a:pt x="2238280" y="3531912"/>
                      </a:cubicBezTo>
                      <a:cubicBezTo>
                        <a:pt x="2283700" y="3633925"/>
                        <a:pt x="2237822" y="3753442"/>
                        <a:pt x="2135808" y="3798863"/>
                      </a:cubicBezTo>
                      <a:lnTo>
                        <a:pt x="2135808" y="3798861"/>
                      </a:lnTo>
                      <a:cubicBezTo>
                        <a:pt x="2033794" y="3844280"/>
                        <a:pt x="1914278" y="3798403"/>
                        <a:pt x="1868858" y="3696389"/>
                      </a:cubicBezTo>
                      <a:lnTo>
                        <a:pt x="1808752" y="3561389"/>
                      </a:lnTo>
                      <a:lnTo>
                        <a:pt x="1655575" y="3525227"/>
                      </a:lnTo>
                      <a:cubicBezTo>
                        <a:pt x="1466680" y="3485241"/>
                        <a:pt x="1271320" y="3452738"/>
                        <a:pt x="1060314" y="3424317"/>
                      </a:cubicBezTo>
                      <a:lnTo>
                        <a:pt x="821001" y="2843067"/>
                      </a:lnTo>
                      <a:lnTo>
                        <a:pt x="815825" y="2847071"/>
                      </a:lnTo>
                      <a:cubicBezTo>
                        <a:pt x="801674" y="2855458"/>
                        <a:pt x="778934" y="2864954"/>
                        <a:pt x="777689" y="2871619"/>
                      </a:cubicBezTo>
                      <a:cubicBezTo>
                        <a:pt x="694279" y="3068681"/>
                        <a:pt x="543221" y="2922417"/>
                        <a:pt x="535801" y="2880556"/>
                      </a:cubicBezTo>
                      <a:cubicBezTo>
                        <a:pt x="522475" y="2857400"/>
                        <a:pt x="511601" y="2732416"/>
                        <a:pt x="596010" y="2705926"/>
                      </a:cubicBezTo>
                      <a:cubicBezTo>
                        <a:pt x="610078" y="2701510"/>
                        <a:pt x="626793" y="2699830"/>
                        <a:pt x="646585" y="2701814"/>
                      </a:cubicBezTo>
                      <a:cubicBezTo>
                        <a:pt x="666377" y="2703797"/>
                        <a:pt x="689245" y="2709445"/>
                        <a:pt x="715619" y="2719682"/>
                      </a:cubicBezTo>
                      <a:lnTo>
                        <a:pt x="767645" y="2721268"/>
                      </a:lnTo>
                      <a:lnTo>
                        <a:pt x="546987" y="2223597"/>
                      </a:lnTo>
                      <a:lnTo>
                        <a:pt x="350758" y="1795365"/>
                      </a:lnTo>
                      <a:lnTo>
                        <a:pt x="348143" y="1789659"/>
                      </a:lnTo>
                      <a:lnTo>
                        <a:pt x="348562" y="1790528"/>
                      </a:lnTo>
                      <a:lnTo>
                        <a:pt x="364657" y="1786360"/>
                      </a:lnTo>
                      <a:lnTo>
                        <a:pt x="424446" y="1770874"/>
                      </a:lnTo>
                      <a:cubicBezTo>
                        <a:pt x="479627" y="1783388"/>
                        <a:pt x="518243" y="1779799"/>
                        <a:pt x="544779" y="1766934"/>
                      </a:cubicBezTo>
                      <a:cubicBezTo>
                        <a:pt x="624387" y="1728349"/>
                        <a:pt x="595296" y="1606310"/>
                        <a:pt x="578717" y="1585361"/>
                      </a:cubicBezTo>
                      <a:cubicBezTo>
                        <a:pt x="565237" y="1545042"/>
                        <a:pt x="394356" y="1422520"/>
                        <a:pt x="340758" y="1629685"/>
                      </a:cubicBezTo>
                      <a:cubicBezTo>
                        <a:pt x="340505" y="1636461"/>
                        <a:pt x="314970" y="1644344"/>
                        <a:pt x="299985" y="1652292"/>
                      </a:cubicBezTo>
                      <a:lnTo>
                        <a:pt x="292591" y="1658076"/>
                      </a:lnTo>
                      <a:lnTo>
                        <a:pt x="287849" y="1658076"/>
                      </a:lnTo>
                      <a:lnTo>
                        <a:pt x="272969" y="1625603"/>
                      </a:lnTo>
                      <a:cubicBezTo>
                        <a:pt x="181277" y="1426272"/>
                        <a:pt x="89762" y="1226853"/>
                        <a:pt x="0" y="1027083"/>
                      </a:cubicBezTo>
                      <a:cubicBezTo>
                        <a:pt x="132380" y="866650"/>
                        <a:pt x="260167" y="672539"/>
                        <a:pt x="367289" y="474600"/>
                      </a:cubicBezTo>
                      <a:lnTo>
                        <a:pt x="402902" y="403794"/>
                      </a:lnTo>
                      <a:lnTo>
                        <a:pt x="349779" y="284482"/>
                      </a:lnTo>
                      <a:cubicBezTo>
                        <a:pt x="304360" y="182468"/>
                        <a:pt x="350238" y="62951"/>
                        <a:pt x="452252" y="17532"/>
                      </a:cubicBezTo>
                      <a:cubicBezTo>
                        <a:pt x="477756" y="6176"/>
                        <a:pt x="504353" y="527"/>
                        <a:pt x="530613" y="35"/>
                      </a:cubicBezTo>
                      <a:close/>
                    </a:path>
                  </a:pathLst>
                </a:custGeom>
                <a:solidFill>
                  <a:srgbClr val="00B0F0"/>
                </a:solidFill>
                <a:ln w="38100" cap="flat" cmpd="sng" algn="ctr">
                  <a:solidFill>
                    <a:srgbClr val="FFFFFF"/>
                  </a:solidFill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  <p:sp>
              <p:nvSpPr>
                <p:cNvPr id="300" name="Freeform 190"/>
                <p:cNvSpPr/>
                <p:nvPr/>
              </p:nvSpPr>
              <p:spPr>
                <a:xfrm rot="19936611">
                  <a:off x="4296873" y="1747002"/>
                  <a:ext cx="1278311" cy="1303515"/>
                </a:xfrm>
                <a:custGeom>
                  <a:avLst/>
                  <a:gdLst>
                    <a:gd name="connsiteX0" fmla="*/ 1031330 w 1278155"/>
                    <a:gd name="connsiteY0" fmla="*/ 0 h 1303515"/>
                    <a:gd name="connsiteX1" fmla="*/ 989771 w 1278155"/>
                    <a:gd name="connsiteY1" fmla="*/ 698201 h 1303515"/>
                    <a:gd name="connsiteX2" fmla="*/ 991233 w 1278155"/>
                    <a:gd name="connsiteY2" fmla="*/ 697841 h 1303515"/>
                    <a:gd name="connsiteX3" fmla="*/ 1038332 w 1278155"/>
                    <a:gd name="connsiteY3" fmla="*/ 693772 h 1303515"/>
                    <a:gd name="connsiteX4" fmla="*/ 1174339 w 1278155"/>
                    <a:gd name="connsiteY4" fmla="*/ 626838 h 1303515"/>
                    <a:gd name="connsiteX5" fmla="*/ 1277077 w 1278155"/>
                    <a:gd name="connsiteY5" fmla="*/ 750066 h 1303515"/>
                    <a:gd name="connsiteX6" fmla="*/ 1170738 w 1278155"/>
                    <a:gd name="connsiteY6" fmla="*/ 902138 h 1303515"/>
                    <a:gd name="connsiteX7" fmla="*/ 1057629 w 1278155"/>
                    <a:gd name="connsiteY7" fmla="*/ 856793 h 1303515"/>
                    <a:gd name="connsiteX8" fmla="*/ 981081 w 1278155"/>
                    <a:gd name="connsiteY8" fmla="*/ 844190 h 1303515"/>
                    <a:gd name="connsiteX9" fmla="*/ 958515 w 1278155"/>
                    <a:gd name="connsiteY9" fmla="*/ 1223296 h 1303515"/>
                    <a:gd name="connsiteX10" fmla="*/ 0 w 1278155"/>
                    <a:gd name="connsiteY10" fmla="*/ 1303515 h 1303515"/>
                    <a:gd name="connsiteX11" fmla="*/ 39839 w 1278155"/>
                    <a:gd name="connsiteY11" fmla="*/ 817798 h 1303515"/>
                    <a:gd name="connsiteX12" fmla="*/ 40235 w 1278155"/>
                    <a:gd name="connsiteY12" fmla="*/ 811721 h 1303515"/>
                    <a:gd name="connsiteX13" fmla="*/ 101007 w 1278155"/>
                    <a:gd name="connsiteY13" fmla="*/ 831890 h 1303515"/>
                    <a:gd name="connsiteX14" fmla="*/ 199247 w 1278155"/>
                    <a:gd name="connsiteY14" fmla="*/ 893240 h 1303515"/>
                    <a:gd name="connsiteX15" fmla="*/ 320221 w 1278155"/>
                    <a:gd name="connsiteY15" fmla="*/ 758400 h 1303515"/>
                    <a:gd name="connsiteX16" fmla="*/ 107070 w 1278155"/>
                    <a:gd name="connsiteY16" fmla="*/ 667882 h 1303515"/>
                    <a:gd name="connsiteX17" fmla="*/ 58801 w 1278155"/>
                    <a:gd name="connsiteY17" fmla="*/ 673633 h 1303515"/>
                    <a:gd name="connsiteX18" fmla="*/ 49079 w 1278155"/>
                    <a:gd name="connsiteY18" fmla="*/ 675760 h 1303515"/>
                    <a:gd name="connsiteX19" fmla="*/ 71708 w 1278155"/>
                    <a:gd name="connsiteY19" fmla="*/ 327891 h 1303515"/>
                    <a:gd name="connsiteX20" fmla="*/ 1031330 w 1278155"/>
                    <a:gd name="connsiteY20" fmla="*/ 0 h 1303515"/>
                    <a:gd name="connsiteX0" fmla="*/ 1031330 w 1278310"/>
                    <a:gd name="connsiteY0" fmla="*/ 0 h 1303515"/>
                    <a:gd name="connsiteX1" fmla="*/ 989771 w 1278310"/>
                    <a:gd name="connsiteY1" fmla="*/ 698201 h 1303515"/>
                    <a:gd name="connsiteX2" fmla="*/ 991233 w 1278310"/>
                    <a:gd name="connsiteY2" fmla="*/ 697841 h 1303515"/>
                    <a:gd name="connsiteX3" fmla="*/ 1038332 w 1278310"/>
                    <a:gd name="connsiteY3" fmla="*/ 693772 h 1303515"/>
                    <a:gd name="connsiteX4" fmla="*/ 1174339 w 1278310"/>
                    <a:gd name="connsiteY4" fmla="*/ 626838 h 1303515"/>
                    <a:gd name="connsiteX5" fmla="*/ 1277077 w 1278310"/>
                    <a:gd name="connsiteY5" fmla="*/ 750066 h 1303515"/>
                    <a:gd name="connsiteX6" fmla="*/ 1175207 w 1278310"/>
                    <a:gd name="connsiteY6" fmla="*/ 910339 h 1303515"/>
                    <a:gd name="connsiteX7" fmla="*/ 1057629 w 1278310"/>
                    <a:gd name="connsiteY7" fmla="*/ 856793 h 1303515"/>
                    <a:gd name="connsiteX8" fmla="*/ 981081 w 1278310"/>
                    <a:gd name="connsiteY8" fmla="*/ 844190 h 1303515"/>
                    <a:gd name="connsiteX9" fmla="*/ 958515 w 1278310"/>
                    <a:gd name="connsiteY9" fmla="*/ 1223296 h 1303515"/>
                    <a:gd name="connsiteX10" fmla="*/ 0 w 1278310"/>
                    <a:gd name="connsiteY10" fmla="*/ 1303515 h 1303515"/>
                    <a:gd name="connsiteX11" fmla="*/ 39839 w 1278310"/>
                    <a:gd name="connsiteY11" fmla="*/ 817798 h 1303515"/>
                    <a:gd name="connsiteX12" fmla="*/ 40235 w 1278310"/>
                    <a:gd name="connsiteY12" fmla="*/ 811721 h 1303515"/>
                    <a:gd name="connsiteX13" fmla="*/ 101007 w 1278310"/>
                    <a:gd name="connsiteY13" fmla="*/ 831890 h 1303515"/>
                    <a:gd name="connsiteX14" fmla="*/ 199247 w 1278310"/>
                    <a:gd name="connsiteY14" fmla="*/ 893240 h 1303515"/>
                    <a:gd name="connsiteX15" fmla="*/ 320221 w 1278310"/>
                    <a:gd name="connsiteY15" fmla="*/ 758400 h 1303515"/>
                    <a:gd name="connsiteX16" fmla="*/ 107070 w 1278310"/>
                    <a:gd name="connsiteY16" fmla="*/ 667882 h 1303515"/>
                    <a:gd name="connsiteX17" fmla="*/ 58801 w 1278310"/>
                    <a:gd name="connsiteY17" fmla="*/ 673633 h 1303515"/>
                    <a:gd name="connsiteX18" fmla="*/ 49079 w 1278310"/>
                    <a:gd name="connsiteY18" fmla="*/ 675760 h 1303515"/>
                    <a:gd name="connsiteX19" fmla="*/ 71708 w 1278310"/>
                    <a:gd name="connsiteY19" fmla="*/ 327891 h 1303515"/>
                    <a:gd name="connsiteX20" fmla="*/ 1031330 w 1278310"/>
                    <a:gd name="connsiteY20" fmla="*/ 0 h 1303515"/>
                    <a:gd name="connsiteX0" fmla="*/ 1031330 w 1278311"/>
                    <a:gd name="connsiteY0" fmla="*/ 0 h 1303515"/>
                    <a:gd name="connsiteX1" fmla="*/ 989771 w 1278311"/>
                    <a:gd name="connsiteY1" fmla="*/ 698201 h 1303515"/>
                    <a:gd name="connsiteX2" fmla="*/ 991233 w 1278311"/>
                    <a:gd name="connsiteY2" fmla="*/ 697841 h 1303515"/>
                    <a:gd name="connsiteX3" fmla="*/ 1038332 w 1278311"/>
                    <a:gd name="connsiteY3" fmla="*/ 693772 h 1303515"/>
                    <a:gd name="connsiteX4" fmla="*/ 1174339 w 1278311"/>
                    <a:gd name="connsiteY4" fmla="*/ 626838 h 1303515"/>
                    <a:gd name="connsiteX5" fmla="*/ 1277077 w 1278311"/>
                    <a:gd name="connsiteY5" fmla="*/ 750066 h 1303515"/>
                    <a:gd name="connsiteX6" fmla="*/ 1175207 w 1278311"/>
                    <a:gd name="connsiteY6" fmla="*/ 910339 h 1303515"/>
                    <a:gd name="connsiteX7" fmla="*/ 1057629 w 1278311"/>
                    <a:gd name="connsiteY7" fmla="*/ 856793 h 1303515"/>
                    <a:gd name="connsiteX8" fmla="*/ 981081 w 1278311"/>
                    <a:gd name="connsiteY8" fmla="*/ 844190 h 1303515"/>
                    <a:gd name="connsiteX9" fmla="*/ 958515 w 1278311"/>
                    <a:gd name="connsiteY9" fmla="*/ 1223296 h 1303515"/>
                    <a:gd name="connsiteX10" fmla="*/ 0 w 1278311"/>
                    <a:gd name="connsiteY10" fmla="*/ 1303515 h 1303515"/>
                    <a:gd name="connsiteX11" fmla="*/ 39839 w 1278311"/>
                    <a:gd name="connsiteY11" fmla="*/ 817798 h 1303515"/>
                    <a:gd name="connsiteX12" fmla="*/ 40235 w 1278311"/>
                    <a:gd name="connsiteY12" fmla="*/ 811721 h 1303515"/>
                    <a:gd name="connsiteX13" fmla="*/ 101007 w 1278311"/>
                    <a:gd name="connsiteY13" fmla="*/ 831890 h 1303515"/>
                    <a:gd name="connsiteX14" fmla="*/ 199247 w 1278311"/>
                    <a:gd name="connsiteY14" fmla="*/ 893240 h 1303515"/>
                    <a:gd name="connsiteX15" fmla="*/ 320221 w 1278311"/>
                    <a:gd name="connsiteY15" fmla="*/ 758400 h 1303515"/>
                    <a:gd name="connsiteX16" fmla="*/ 107070 w 1278311"/>
                    <a:gd name="connsiteY16" fmla="*/ 667882 h 1303515"/>
                    <a:gd name="connsiteX17" fmla="*/ 58801 w 1278311"/>
                    <a:gd name="connsiteY17" fmla="*/ 673633 h 1303515"/>
                    <a:gd name="connsiteX18" fmla="*/ 49079 w 1278311"/>
                    <a:gd name="connsiteY18" fmla="*/ 675760 h 1303515"/>
                    <a:gd name="connsiteX19" fmla="*/ 71708 w 1278311"/>
                    <a:gd name="connsiteY19" fmla="*/ 327891 h 1303515"/>
                    <a:gd name="connsiteX20" fmla="*/ 1031330 w 1278311"/>
                    <a:gd name="connsiteY20" fmla="*/ 0 h 1303515"/>
                    <a:gd name="connsiteX0" fmla="*/ 1031330 w 1278311"/>
                    <a:gd name="connsiteY0" fmla="*/ 0 h 1303515"/>
                    <a:gd name="connsiteX1" fmla="*/ 989771 w 1278311"/>
                    <a:gd name="connsiteY1" fmla="*/ 698201 h 1303515"/>
                    <a:gd name="connsiteX2" fmla="*/ 991233 w 1278311"/>
                    <a:gd name="connsiteY2" fmla="*/ 697841 h 1303515"/>
                    <a:gd name="connsiteX3" fmla="*/ 1038332 w 1278311"/>
                    <a:gd name="connsiteY3" fmla="*/ 693772 h 1303515"/>
                    <a:gd name="connsiteX4" fmla="*/ 1174339 w 1278311"/>
                    <a:gd name="connsiteY4" fmla="*/ 626838 h 1303515"/>
                    <a:gd name="connsiteX5" fmla="*/ 1277077 w 1278311"/>
                    <a:gd name="connsiteY5" fmla="*/ 750066 h 1303515"/>
                    <a:gd name="connsiteX6" fmla="*/ 1175207 w 1278311"/>
                    <a:gd name="connsiteY6" fmla="*/ 910339 h 1303515"/>
                    <a:gd name="connsiteX7" fmla="*/ 1057629 w 1278311"/>
                    <a:gd name="connsiteY7" fmla="*/ 856793 h 1303515"/>
                    <a:gd name="connsiteX8" fmla="*/ 981081 w 1278311"/>
                    <a:gd name="connsiteY8" fmla="*/ 844190 h 1303515"/>
                    <a:gd name="connsiteX9" fmla="*/ 958515 w 1278311"/>
                    <a:gd name="connsiteY9" fmla="*/ 1223296 h 1303515"/>
                    <a:gd name="connsiteX10" fmla="*/ 0 w 1278311"/>
                    <a:gd name="connsiteY10" fmla="*/ 1303515 h 1303515"/>
                    <a:gd name="connsiteX11" fmla="*/ 39839 w 1278311"/>
                    <a:gd name="connsiteY11" fmla="*/ 817798 h 1303515"/>
                    <a:gd name="connsiteX12" fmla="*/ 40235 w 1278311"/>
                    <a:gd name="connsiteY12" fmla="*/ 811721 h 1303515"/>
                    <a:gd name="connsiteX13" fmla="*/ 101007 w 1278311"/>
                    <a:gd name="connsiteY13" fmla="*/ 831890 h 1303515"/>
                    <a:gd name="connsiteX14" fmla="*/ 199247 w 1278311"/>
                    <a:gd name="connsiteY14" fmla="*/ 893240 h 1303515"/>
                    <a:gd name="connsiteX15" fmla="*/ 320221 w 1278311"/>
                    <a:gd name="connsiteY15" fmla="*/ 758400 h 1303515"/>
                    <a:gd name="connsiteX16" fmla="*/ 107070 w 1278311"/>
                    <a:gd name="connsiteY16" fmla="*/ 667882 h 1303515"/>
                    <a:gd name="connsiteX17" fmla="*/ 58801 w 1278311"/>
                    <a:gd name="connsiteY17" fmla="*/ 673633 h 1303515"/>
                    <a:gd name="connsiteX18" fmla="*/ 49079 w 1278311"/>
                    <a:gd name="connsiteY18" fmla="*/ 675760 h 1303515"/>
                    <a:gd name="connsiteX19" fmla="*/ 71708 w 1278311"/>
                    <a:gd name="connsiteY19" fmla="*/ 327891 h 1303515"/>
                    <a:gd name="connsiteX20" fmla="*/ 1031330 w 1278311"/>
                    <a:gd name="connsiteY20" fmla="*/ 0 h 130351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</a:cxnLst>
                  <a:rect l="l" t="t" r="r" b="b"/>
                  <a:pathLst>
                    <a:path w="1278311" h="1303515">
                      <a:moveTo>
                        <a:pt x="1031330" y="0"/>
                      </a:moveTo>
                      <a:lnTo>
                        <a:pt x="989771" y="698201"/>
                      </a:lnTo>
                      <a:lnTo>
                        <a:pt x="991233" y="697841"/>
                      </a:lnTo>
                      <a:cubicBezTo>
                        <a:pt x="1008394" y="696674"/>
                        <a:pt x="1035303" y="699859"/>
                        <a:pt x="1038332" y="693772"/>
                      </a:cubicBezTo>
                      <a:cubicBezTo>
                        <a:pt x="1088999" y="630977"/>
                        <a:pt x="1135822" y="617243"/>
                        <a:pt x="1174339" y="626838"/>
                      </a:cubicBezTo>
                      <a:cubicBezTo>
                        <a:pt x="1238536" y="642828"/>
                        <a:pt x="1279666" y="723618"/>
                        <a:pt x="1277077" y="750066"/>
                      </a:cubicBezTo>
                      <a:cubicBezTo>
                        <a:pt x="1283796" y="775948"/>
                        <a:pt x="1264915" y="911496"/>
                        <a:pt x="1175207" y="910339"/>
                      </a:cubicBezTo>
                      <a:cubicBezTo>
                        <a:pt x="1119858" y="909625"/>
                        <a:pt x="1094184" y="897432"/>
                        <a:pt x="1057629" y="856793"/>
                      </a:cubicBezTo>
                      <a:lnTo>
                        <a:pt x="981081" y="844190"/>
                      </a:lnTo>
                      <a:lnTo>
                        <a:pt x="958515" y="1223296"/>
                      </a:lnTo>
                      <a:lnTo>
                        <a:pt x="0" y="1303515"/>
                      </a:lnTo>
                      <a:cubicBezTo>
                        <a:pt x="15604" y="1144714"/>
                        <a:pt x="28386" y="981604"/>
                        <a:pt x="39839" y="817798"/>
                      </a:cubicBezTo>
                      <a:lnTo>
                        <a:pt x="40235" y="811721"/>
                      </a:lnTo>
                      <a:lnTo>
                        <a:pt x="101007" y="831890"/>
                      </a:lnTo>
                      <a:cubicBezTo>
                        <a:pt x="138655" y="872097"/>
                        <a:pt x="171384" y="889824"/>
                        <a:pt x="199247" y="893240"/>
                      </a:cubicBezTo>
                      <a:cubicBezTo>
                        <a:pt x="282834" y="903494"/>
                        <a:pt x="322649" y="784972"/>
                        <a:pt x="320221" y="758400"/>
                      </a:cubicBezTo>
                      <a:cubicBezTo>
                        <a:pt x="330282" y="717163"/>
                        <a:pt x="256988" y="522031"/>
                        <a:pt x="107070" y="667882"/>
                      </a:cubicBezTo>
                      <a:cubicBezTo>
                        <a:pt x="103366" y="673458"/>
                        <a:pt x="76218" y="672117"/>
                        <a:pt x="58801" y="673633"/>
                      </a:cubicBezTo>
                      <a:lnTo>
                        <a:pt x="49079" y="675760"/>
                      </a:lnTo>
                      <a:lnTo>
                        <a:pt x="71708" y="327891"/>
                      </a:lnTo>
                      <a:cubicBezTo>
                        <a:pt x="404248" y="238451"/>
                        <a:pt x="625231" y="172893"/>
                        <a:pt x="1031330" y="0"/>
                      </a:cubicBezTo>
                      <a:close/>
                    </a:path>
                  </a:pathLst>
                </a:custGeom>
                <a:solidFill>
                  <a:srgbClr val="FCD616"/>
                </a:solidFill>
                <a:ln w="38100" cap="flat" cmpd="sng" algn="ctr">
                  <a:solidFill>
                    <a:srgbClr val="FFFFFF"/>
                  </a:solidFill>
                  <a:prstDash val="solid"/>
                  <a:miter lim="800000"/>
                </a:ln>
                <a:effectLst/>
              </p:spPr>
              <p:txBody>
                <a:bodyPr wrap="square" rtlCol="0" anchor="ctr">
                  <a:noAutofit/>
                </a:bodyPr>
                <a:lstStyle>
                  <a:defPPr>
                    <a:defRPr lang="en-US"/>
                  </a:defPPr>
                  <a:lvl1pPr marL="0" algn="l" defTabSz="914400" rtl="0" eaLnBrk="1" latinLnBrk="0" hangingPunct="1">
                    <a:defRPr sz="1800" kern="12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1pPr>
                  <a:lvl2pPr marL="457200" algn="l" defTabSz="914400" rtl="0" eaLnBrk="1" latinLnBrk="0" hangingPunct="1">
                    <a:defRPr sz="1800" kern="12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2pPr>
                  <a:lvl3pPr marL="914400" algn="l" defTabSz="914400" rtl="0" eaLnBrk="1" latinLnBrk="0" hangingPunct="1">
                    <a:defRPr sz="1800" kern="12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3pPr>
                  <a:lvl4pPr marL="1371600" algn="l" defTabSz="914400" rtl="0" eaLnBrk="1" latinLnBrk="0" hangingPunct="1">
                    <a:defRPr sz="1800" kern="12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4pPr>
                  <a:lvl5pPr marL="1828800" algn="l" defTabSz="914400" rtl="0" eaLnBrk="1" latinLnBrk="0" hangingPunct="1">
                    <a:defRPr sz="1800" kern="12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5pPr>
                  <a:lvl6pPr marL="2286000" algn="l" defTabSz="914400" rtl="0" eaLnBrk="1" latinLnBrk="0" hangingPunct="1">
                    <a:defRPr sz="1800" kern="12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6pPr>
                  <a:lvl7pPr marL="2743200" algn="l" defTabSz="914400" rtl="0" eaLnBrk="1" latinLnBrk="0" hangingPunct="1">
                    <a:defRPr sz="1800" kern="12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7pPr>
                  <a:lvl8pPr marL="3200400" algn="l" defTabSz="914400" rtl="0" eaLnBrk="1" latinLnBrk="0" hangingPunct="1">
                    <a:defRPr sz="1800" kern="12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8pPr>
                  <a:lvl9pPr marL="3657600" algn="l" defTabSz="914400" rtl="0" eaLnBrk="1" latinLnBrk="0" hangingPunct="1">
                    <a:defRPr sz="1800" kern="1200">
                      <a:solidFill>
                        <a:schemeClr val="lt1"/>
                      </a:solidFill>
                      <a:latin typeface="+mn-lt"/>
                      <a:ea typeface="+mn-ea"/>
                      <a:cs typeface="+mn-cs"/>
                    </a:defRPr>
                  </a:lvl9pPr>
                </a:lstStyle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120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Futura Bk BT" panose="020B0502020204020303" pitchFamily="34" charset="0"/>
                  </a:endParaRPr>
                </a:p>
              </p:txBody>
            </p:sp>
          </p:grpSp>
          <p:grpSp>
            <p:nvGrpSpPr>
              <p:cNvPr id="256" name="Group 3"/>
              <p:cNvGrpSpPr/>
              <p:nvPr/>
            </p:nvGrpSpPr>
            <p:grpSpPr>
              <a:xfrm>
                <a:off x="4063892" y="1509381"/>
                <a:ext cx="2457056" cy="2390392"/>
                <a:chOff x="4063892" y="1509381"/>
                <a:chExt cx="2457056" cy="2390392"/>
              </a:xfrm>
            </p:grpSpPr>
            <p:sp>
              <p:nvSpPr>
                <p:cNvPr id="263" name="Freeform 675"/>
                <p:cNvSpPr>
                  <a:spLocks noEditPoints="1"/>
                </p:cNvSpPr>
                <p:nvPr/>
              </p:nvSpPr>
              <p:spPr bwMode="auto">
                <a:xfrm rot="20292747">
                  <a:off x="4915053" y="2386710"/>
                  <a:ext cx="225879" cy="377267"/>
                </a:xfrm>
                <a:custGeom>
                  <a:avLst/>
                  <a:gdLst>
                    <a:gd name="T0" fmla="*/ 81 w 188"/>
                    <a:gd name="T1" fmla="*/ 112 h 314"/>
                    <a:gd name="T2" fmla="*/ 73 w 188"/>
                    <a:gd name="T3" fmla="*/ 115 h 314"/>
                    <a:gd name="T4" fmla="*/ 115 w 188"/>
                    <a:gd name="T5" fmla="*/ 115 h 314"/>
                    <a:gd name="T6" fmla="*/ 106 w 188"/>
                    <a:gd name="T7" fmla="*/ 110 h 314"/>
                    <a:gd name="T8" fmla="*/ 101 w 188"/>
                    <a:gd name="T9" fmla="*/ 110 h 314"/>
                    <a:gd name="T10" fmla="*/ 94 w 188"/>
                    <a:gd name="T11" fmla="*/ 115 h 314"/>
                    <a:gd name="T12" fmla="*/ 86 w 188"/>
                    <a:gd name="T13" fmla="*/ 105 h 314"/>
                    <a:gd name="T14" fmla="*/ 48 w 188"/>
                    <a:gd name="T15" fmla="*/ 30 h 314"/>
                    <a:gd name="T16" fmla="*/ 18 w 188"/>
                    <a:gd name="T17" fmla="*/ 112 h 314"/>
                    <a:gd name="T18" fmla="*/ 42 w 188"/>
                    <a:gd name="T19" fmla="*/ 153 h 314"/>
                    <a:gd name="T20" fmla="*/ 61 w 188"/>
                    <a:gd name="T21" fmla="*/ 218 h 314"/>
                    <a:gd name="T22" fmla="*/ 63 w 188"/>
                    <a:gd name="T23" fmla="*/ 97 h 314"/>
                    <a:gd name="T24" fmla="*/ 64 w 188"/>
                    <a:gd name="T25" fmla="*/ 92 h 314"/>
                    <a:gd name="T26" fmla="*/ 73 w 188"/>
                    <a:gd name="T27" fmla="*/ 97 h 314"/>
                    <a:gd name="T28" fmla="*/ 78 w 188"/>
                    <a:gd name="T29" fmla="*/ 97 h 314"/>
                    <a:gd name="T30" fmla="*/ 88 w 188"/>
                    <a:gd name="T31" fmla="*/ 92 h 314"/>
                    <a:gd name="T32" fmla="*/ 94 w 188"/>
                    <a:gd name="T33" fmla="*/ 103 h 314"/>
                    <a:gd name="T34" fmla="*/ 101 w 188"/>
                    <a:gd name="T35" fmla="*/ 92 h 314"/>
                    <a:gd name="T36" fmla="*/ 110 w 188"/>
                    <a:gd name="T37" fmla="*/ 97 h 314"/>
                    <a:gd name="T38" fmla="*/ 115 w 188"/>
                    <a:gd name="T39" fmla="*/ 97 h 314"/>
                    <a:gd name="T40" fmla="*/ 124 w 188"/>
                    <a:gd name="T41" fmla="*/ 92 h 314"/>
                    <a:gd name="T42" fmla="*/ 111 w 188"/>
                    <a:gd name="T43" fmla="*/ 221 h 314"/>
                    <a:gd name="T44" fmla="*/ 128 w 188"/>
                    <a:gd name="T45" fmla="*/ 213 h 314"/>
                    <a:gd name="T46" fmla="*/ 148 w 188"/>
                    <a:gd name="T47" fmla="*/ 153 h 314"/>
                    <a:gd name="T48" fmla="*/ 170 w 188"/>
                    <a:gd name="T49" fmla="*/ 112 h 314"/>
                    <a:gd name="T50" fmla="*/ 141 w 188"/>
                    <a:gd name="T51" fmla="*/ 30 h 314"/>
                    <a:gd name="T52" fmla="*/ 119 w 188"/>
                    <a:gd name="T53" fmla="*/ 2 h 314"/>
                    <a:gd name="T54" fmla="*/ 186 w 188"/>
                    <a:gd name="T55" fmla="*/ 69 h 314"/>
                    <a:gd name="T56" fmla="*/ 166 w 188"/>
                    <a:gd name="T57" fmla="*/ 154 h 314"/>
                    <a:gd name="T58" fmla="*/ 160 w 188"/>
                    <a:gd name="T59" fmla="*/ 164 h 314"/>
                    <a:gd name="T60" fmla="*/ 144 w 188"/>
                    <a:gd name="T61" fmla="*/ 213 h 314"/>
                    <a:gd name="T62" fmla="*/ 146 w 188"/>
                    <a:gd name="T63" fmla="*/ 222 h 314"/>
                    <a:gd name="T64" fmla="*/ 150 w 188"/>
                    <a:gd name="T65" fmla="*/ 234 h 314"/>
                    <a:gd name="T66" fmla="*/ 150 w 188"/>
                    <a:gd name="T67" fmla="*/ 243 h 314"/>
                    <a:gd name="T68" fmla="*/ 146 w 188"/>
                    <a:gd name="T69" fmla="*/ 256 h 314"/>
                    <a:gd name="T70" fmla="*/ 150 w 188"/>
                    <a:gd name="T71" fmla="*/ 268 h 314"/>
                    <a:gd name="T72" fmla="*/ 143 w 188"/>
                    <a:gd name="T73" fmla="*/ 273 h 314"/>
                    <a:gd name="T74" fmla="*/ 146 w 188"/>
                    <a:gd name="T75" fmla="*/ 285 h 314"/>
                    <a:gd name="T76" fmla="*/ 131 w 188"/>
                    <a:gd name="T77" fmla="*/ 290 h 314"/>
                    <a:gd name="T78" fmla="*/ 118 w 188"/>
                    <a:gd name="T79" fmla="*/ 301 h 314"/>
                    <a:gd name="T80" fmla="*/ 108 w 188"/>
                    <a:gd name="T81" fmla="*/ 309 h 314"/>
                    <a:gd name="T82" fmla="*/ 94 w 188"/>
                    <a:gd name="T83" fmla="*/ 314 h 314"/>
                    <a:gd name="T84" fmla="*/ 82 w 188"/>
                    <a:gd name="T85" fmla="*/ 311 h 314"/>
                    <a:gd name="T86" fmla="*/ 74 w 188"/>
                    <a:gd name="T87" fmla="*/ 302 h 314"/>
                    <a:gd name="T88" fmla="*/ 50 w 188"/>
                    <a:gd name="T89" fmla="*/ 290 h 314"/>
                    <a:gd name="T90" fmla="*/ 42 w 188"/>
                    <a:gd name="T91" fmla="*/ 281 h 314"/>
                    <a:gd name="T92" fmla="*/ 46 w 188"/>
                    <a:gd name="T93" fmla="*/ 273 h 314"/>
                    <a:gd name="T94" fmla="*/ 38 w 188"/>
                    <a:gd name="T95" fmla="*/ 264 h 314"/>
                    <a:gd name="T96" fmla="*/ 40 w 188"/>
                    <a:gd name="T97" fmla="*/ 254 h 314"/>
                    <a:gd name="T98" fmla="*/ 40 w 188"/>
                    <a:gd name="T99" fmla="*/ 241 h 314"/>
                    <a:gd name="T100" fmla="*/ 38 w 188"/>
                    <a:gd name="T101" fmla="*/ 230 h 314"/>
                    <a:gd name="T102" fmla="*/ 46 w 188"/>
                    <a:gd name="T103" fmla="*/ 221 h 314"/>
                    <a:gd name="T104" fmla="*/ 46 w 188"/>
                    <a:gd name="T105" fmla="*/ 212 h 314"/>
                    <a:gd name="T106" fmla="*/ 29 w 188"/>
                    <a:gd name="T107" fmla="*/ 164 h 314"/>
                    <a:gd name="T108" fmla="*/ 10 w 188"/>
                    <a:gd name="T109" fmla="*/ 137 h 314"/>
                    <a:gd name="T110" fmla="*/ 13 w 188"/>
                    <a:gd name="T111" fmla="*/ 46 h 314"/>
                    <a:gd name="T112" fmla="*/ 94 w 188"/>
                    <a:gd name="T113" fmla="*/ 0 h 314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  <a:cxn ang="0">
                      <a:pos x="T86" y="T87"/>
                    </a:cxn>
                    <a:cxn ang="0">
                      <a:pos x="T88" y="T89"/>
                    </a:cxn>
                    <a:cxn ang="0">
                      <a:pos x="T90" y="T91"/>
                    </a:cxn>
                    <a:cxn ang="0">
                      <a:pos x="T92" y="T93"/>
                    </a:cxn>
                    <a:cxn ang="0">
                      <a:pos x="T94" y="T95"/>
                    </a:cxn>
                    <a:cxn ang="0">
                      <a:pos x="T96" y="T97"/>
                    </a:cxn>
                    <a:cxn ang="0">
                      <a:pos x="T98" y="T99"/>
                    </a:cxn>
                    <a:cxn ang="0">
                      <a:pos x="T100" y="T101"/>
                    </a:cxn>
                    <a:cxn ang="0">
                      <a:pos x="T102" y="T103"/>
                    </a:cxn>
                    <a:cxn ang="0">
                      <a:pos x="T104" y="T105"/>
                    </a:cxn>
                    <a:cxn ang="0">
                      <a:pos x="T106" y="T107"/>
                    </a:cxn>
                    <a:cxn ang="0">
                      <a:pos x="T108" y="T109"/>
                    </a:cxn>
                    <a:cxn ang="0">
                      <a:pos x="T110" y="T111"/>
                    </a:cxn>
                    <a:cxn ang="0">
                      <a:pos x="T112" y="T113"/>
                    </a:cxn>
                  </a:cxnLst>
                  <a:rect l="0" t="0" r="r" b="b"/>
                  <a:pathLst>
                    <a:path w="188" h="314">
                      <a:moveTo>
                        <a:pt x="85" y="103"/>
                      </a:moveTo>
                      <a:lnTo>
                        <a:pt x="85" y="105"/>
                      </a:lnTo>
                      <a:lnTo>
                        <a:pt x="82" y="110"/>
                      </a:lnTo>
                      <a:lnTo>
                        <a:pt x="81" y="112"/>
                      </a:lnTo>
                      <a:lnTo>
                        <a:pt x="78" y="115"/>
                      </a:lnTo>
                      <a:lnTo>
                        <a:pt x="76" y="115"/>
                      </a:lnTo>
                      <a:lnTo>
                        <a:pt x="74" y="115"/>
                      </a:lnTo>
                      <a:lnTo>
                        <a:pt x="73" y="115"/>
                      </a:lnTo>
                      <a:lnTo>
                        <a:pt x="86" y="221"/>
                      </a:lnTo>
                      <a:lnTo>
                        <a:pt x="103" y="221"/>
                      </a:lnTo>
                      <a:lnTo>
                        <a:pt x="116" y="115"/>
                      </a:lnTo>
                      <a:lnTo>
                        <a:pt x="115" y="115"/>
                      </a:lnTo>
                      <a:lnTo>
                        <a:pt x="112" y="115"/>
                      </a:lnTo>
                      <a:lnTo>
                        <a:pt x="110" y="115"/>
                      </a:lnTo>
                      <a:lnTo>
                        <a:pt x="108" y="112"/>
                      </a:lnTo>
                      <a:lnTo>
                        <a:pt x="106" y="110"/>
                      </a:lnTo>
                      <a:lnTo>
                        <a:pt x="105" y="105"/>
                      </a:lnTo>
                      <a:lnTo>
                        <a:pt x="103" y="103"/>
                      </a:lnTo>
                      <a:lnTo>
                        <a:pt x="103" y="105"/>
                      </a:lnTo>
                      <a:lnTo>
                        <a:pt x="101" y="110"/>
                      </a:lnTo>
                      <a:lnTo>
                        <a:pt x="99" y="112"/>
                      </a:lnTo>
                      <a:lnTo>
                        <a:pt x="97" y="115"/>
                      </a:lnTo>
                      <a:lnTo>
                        <a:pt x="94" y="115"/>
                      </a:lnTo>
                      <a:lnTo>
                        <a:pt x="94" y="115"/>
                      </a:lnTo>
                      <a:lnTo>
                        <a:pt x="91" y="115"/>
                      </a:lnTo>
                      <a:lnTo>
                        <a:pt x="90" y="112"/>
                      </a:lnTo>
                      <a:lnTo>
                        <a:pt x="88" y="110"/>
                      </a:lnTo>
                      <a:lnTo>
                        <a:pt x="86" y="105"/>
                      </a:lnTo>
                      <a:lnTo>
                        <a:pt x="85" y="103"/>
                      </a:lnTo>
                      <a:close/>
                      <a:moveTo>
                        <a:pt x="94" y="16"/>
                      </a:moveTo>
                      <a:lnTo>
                        <a:pt x="69" y="20"/>
                      </a:lnTo>
                      <a:lnTo>
                        <a:pt x="48" y="30"/>
                      </a:lnTo>
                      <a:lnTo>
                        <a:pt x="31" y="47"/>
                      </a:lnTo>
                      <a:lnTo>
                        <a:pt x="21" y="69"/>
                      </a:lnTo>
                      <a:lnTo>
                        <a:pt x="17" y="94"/>
                      </a:lnTo>
                      <a:lnTo>
                        <a:pt x="18" y="112"/>
                      </a:lnTo>
                      <a:lnTo>
                        <a:pt x="25" y="129"/>
                      </a:lnTo>
                      <a:lnTo>
                        <a:pt x="35" y="145"/>
                      </a:lnTo>
                      <a:lnTo>
                        <a:pt x="42" y="153"/>
                      </a:lnTo>
                      <a:lnTo>
                        <a:pt x="42" y="153"/>
                      </a:lnTo>
                      <a:lnTo>
                        <a:pt x="50" y="169"/>
                      </a:lnTo>
                      <a:lnTo>
                        <a:pt x="57" y="188"/>
                      </a:lnTo>
                      <a:lnTo>
                        <a:pt x="61" y="212"/>
                      </a:lnTo>
                      <a:lnTo>
                        <a:pt x="61" y="218"/>
                      </a:lnTo>
                      <a:lnTo>
                        <a:pt x="61" y="220"/>
                      </a:lnTo>
                      <a:lnTo>
                        <a:pt x="63" y="221"/>
                      </a:lnTo>
                      <a:lnTo>
                        <a:pt x="77" y="221"/>
                      </a:lnTo>
                      <a:lnTo>
                        <a:pt x="63" y="97"/>
                      </a:lnTo>
                      <a:lnTo>
                        <a:pt x="63" y="95"/>
                      </a:lnTo>
                      <a:lnTo>
                        <a:pt x="63" y="95"/>
                      </a:lnTo>
                      <a:lnTo>
                        <a:pt x="63" y="93"/>
                      </a:lnTo>
                      <a:lnTo>
                        <a:pt x="64" y="92"/>
                      </a:lnTo>
                      <a:lnTo>
                        <a:pt x="67" y="92"/>
                      </a:lnTo>
                      <a:lnTo>
                        <a:pt x="69" y="92"/>
                      </a:lnTo>
                      <a:lnTo>
                        <a:pt x="72" y="94"/>
                      </a:lnTo>
                      <a:lnTo>
                        <a:pt x="73" y="97"/>
                      </a:lnTo>
                      <a:lnTo>
                        <a:pt x="76" y="102"/>
                      </a:lnTo>
                      <a:lnTo>
                        <a:pt x="76" y="103"/>
                      </a:lnTo>
                      <a:lnTo>
                        <a:pt x="77" y="102"/>
                      </a:lnTo>
                      <a:lnTo>
                        <a:pt x="78" y="97"/>
                      </a:lnTo>
                      <a:lnTo>
                        <a:pt x="81" y="94"/>
                      </a:lnTo>
                      <a:lnTo>
                        <a:pt x="82" y="92"/>
                      </a:lnTo>
                      <a:lnTo>
                        <a:pt x="85" y="92"/>
                      </a:lnTo>
                      <a:lnTo>
                        <a:pt x="88" y="92"/>
                      </a:lnTo>
                      <a:lnTo>
                        <a:pt x="90" y="94"/>
                      </a:lnTo>
                      <a:lnTo>
                        <a:pt x="91" y="97"/>
                      </a:lnTo>
                      <a:lnTo>
                        <a:pt x="94" y="102"/>
                      </a:lnTo>
                      <a:lnTo>
                        <a:pt x="94" y="103"/>
                      </a:lnTo>
                      <a:lnTo>
                        <a:pt x="95" y="102"/>
                      </a:lnTo>
                      <a:lnTo>
                        <a:pt x="97" y="97"/>
                      </a:lnTo>
                      <a:lnTo>
                        <a:pt x="99" y="94"/>
                      </a:lnTo>
                      <a:lnTo>
                        <a:pt x="101" y="92"/>
                      </a:lnTo>
                      <a:lnTo>
                        <a:pt x="103" y="92"/>
                      </a:lnTo>
                      <a:lnTo>
                        <a:pt x="106" y="92"/>
                      </a:lnTo>
                      <a:lnTo>
                        <a:pt x="108" y="94"/>
                      </a:lnTo>
                      <a:lnTo>
                        <a:pt x="110" y="97"/>
                      </a:lnTo>
                      <a:lnTo>
                        <a:pt x="112" y="102"/>
                      </a:lnTo>
                      <a:lnTo>
                        <a:pt x="112" y="103"/>
                      </a:lnTo>
                      <a:lnTo>
                        <a:pt x="114" y="102"/>
                      </a:lnTo>
                      <a:lnTo>
                        <a:pt x="115" y="97"/>
                      </a:lnTo>
                      <a:lnTo>
                        <a:pt x="118" y="94"/>
                      </a:lnTo>
                      <a:lnTo>
                        <a:pt x="119" y="92"/>
                      </a:lnTo>
                      <a:lnTo>
                        <a:pt x="122" y="92"/>
                      </a:lnTo>
                      <a:lnTo>
                        <a:pt x="124" y="92"/>
                      </a:lnTo>
                      <a:lnTo>
                        <a:pt x="126" y="93"/>
                      </a:lnTo>
                      <a:lnTo>
                        <a:pt x="127" y="95"/>
                      </a:lnTo>
                      <a:lnTo>
                        <a:pt x="127" y="97"/>
                      </a:lnTo>
                      <a:lnTo>
                        <a:pt x="111" y="221"/>
                      </a:lnTo>
                      <a:lnTo>
                        <a:pt x="126" y="221"/>
                      </a:lnTo>
                      <a:lnTo>
                        <a:pt x="127" y="220"/>
                      </a:lnTo>
                      <a:lnTo>
                        <a:pt x="128" y="218"/>
                      </a:lnTo>
                      <a:lnTo>
                        <a:pt x="128" y="213"/>
                      </a:lnTo>
                      <a:lnTo>
                        <a:pt x="128" y="212"/>
                      </a:lnTo>
                      <a:lnTo>
                        <a:pt x="131" y="188"/>
                      </a:lnTo>
                      <a:lnTo>
                        <a:pt x="140" y="167"/>
                      </a:lnTo>
                      <a:lnTo>
                        <a:pt x="148" y="153"/>
                      </a:lnTo>
                      <a:lnTo>
                        <a:pt x="148" y="152"/>
                      </a:lnTo>
                      <a:lnTo>
                        <a:pt x="153" y="145"/>
                      </a:lnTo>
                      <a:lnTo>
                        <a:pt x="163" y="129"/>
                      </a:lnTo>
                      <a:lnTo>
                        <a:pt x="170" y="112"/>
                      </a:lnTo>
                      <a:lnTo>
                        <a:pt x="173" y="94"/>
                      </a:lnTo>
                      <a:lnTo>
                        <a:pt x="169" y="69"/>
                      </a:lnTo>
                      <a:lnTo>
                        <a:pt x="158" y="47"/>
                      </a:lnTo>
                      <a:lnTo>
                        <a:pt x="141" y="30"/>
                      </a:lnTo>
                      <a:lnTo>
                        <a:pt x="119" y="20"/>
                      </a:lnTo>
                      <a:lnTo>
                        <a:pt x="94" y="16"/>
                      </a:lnTo>
                      <a:close/>
                      <a:moveTo>
                        <a:pt x="94" y="0"/>
                      </a:moveTo>
                      <a:lnTo>
                        <a:pt x="119" y="2"/>
                      </a:lnTo>
                      <a:lnTo>
                        <a:pt x="143" y="13"/>
                      </a:lnTo>
                      <a:lnTo>
                        <a:pt x="161" y="27"/>
                      </a:lnTo>
                      <a:lnTo>
                        <a:pt x="175" y="46"/>
                      </a:lnTo>
                      <a:lnTo>
                        <a:pt x="186" y="69"/>
                      </a:lnTo>
                      <a:lnTo>
                        <a:pt x="188" y="94"/>
                      </a:lnTo>
                      <a:lnTo>
                        <a:pt x="186" y="115"/>
                      </a:lnTo>
                      <a:lnTo>
                        <a:pt x="178" y="136"/>
                      </a:lnTo>
                      <a:lnTo>
                        <a:pt x="166" y="154"/>
                      </a:lnTo>
                      <a:lnTo>
                        <a:pt x="166" y="154"/>
                      </a:lnTo>
                      <a:lnTo>
                        <a:pt x="166" y="156"/>
                      </a:lnTo>
                      <a:lnTo>
                        <a:pt x="163" y="158"/>
                      </a:lnTo>
                      <a:lnTo>
                        <a:pt x="160" y="164"/>
                      </a:lnTo>
                      <a:lnTo>
                        <a:pt x="154" y="173"/>
                      </a:lnTo>
                      <a:lnTo>
                        <a:pt x="149" y="184"/>
                      </a:lnTo>
                      <a:lnTo>
                        <a:pt x="145" y="198"/>
                      </a:lnTo>
                      <a:lnTo>
                        <a:pt x="144" y="213"/>
                      </a:lnTo>
                      <a:lnTo>
                        <a:pt x="144" y="218"/>
                      </a:lnTo>
                      <a:lnTo>
                        <a:pt x="144" y="221"/>
                      </a:lnTo>
                      <a:lnTo>
                        <a:pt x="144" y="221"/>
                      </a:lnTo>
                      <a:lnTo>
                        <a:pt x="146" y="222"/>
                      </a:lnTo>
                      <a:lnTo>
                        <a:pt x="149" y="224"/>
                      </a:lnTo>
                      <a:lnTo>
                        <a:pt x="150" y="226"/>
                      </a:lnTo>
                      <a:lnTo>
                        <a:pt x="152" y="230"/>
                      </a:lnTo>
                      <a:lnTo>
                        <a:pt x="150" y="234"/>
                      </a:lnTo>
                      <a:lnTo>
                        <a:pt x="149" y="237"/>
                      </a:lnTo>
                      <a:lnTo>
                        <a:pt x="146" y="239"/>
                      </a:lnTo>
                      <a:lnTo>
                        <a:pt x="149" y="241"/>
                      </a:lnTo>
                      <a:lnTo>
                        <a:pt x="150" y="243"/>
                      </a:lnTo>
                      <a:lnTo>
                        <a:pt x="152" y="247"/>
                      </a:lnTo>
                      <a:lnTo>
                        <a:pt x="150" y="251"/>
                      </a:lnTo>
                      <a:lnTo>
                        <a:pt x="149" y="254"/>
                      </a:lnTo>
                      <a:lnTo>
                        <a:pt x="146" y="256"/>
                      </a:lnTo>
                      <a:lnTo>
                        <a:pt x="149" y="258"/>
                      </a:lnTo>
                      <a:lnTo>
                        <a:pt x="150" y="260"/>
                      </a:lnTo>
                      <a:lnTo>
                        <a:pt x="152" y="264"/>
                      </a:lnTo>
                      <a:lnTo>
                        <a:pt x="150" y="268"/>
                      </a:lnTo>
                      <a:lnTo>
                        <a:pt x="149" y="271"/>
                      </a:lnTo>
                      <a:lnTo>
                        <a:pt x="146" y="273"/>
                      </a:lnTo>
                      <a:lnTo>
                        <a:pt x="144" y="273"/>
                      </a:lnTo>
                      <a:lnTo>
                        <a:pt x="143" y="273"/>
                      </a:lnTo>
                      <a:lnTo>
                        <a:pt x="145" y="276"/>
                      </a:lnTo>
                      <a:lnTo>
                        <a:pt x="146" y="279"/>
                      </a:lnTo>
                      <a:lnTo>
                        <a:pt x="146" y="281"/>
                      </a:lnTo>
                      <a:lnTo>
                        <a:pt x="146" y="285"/>
                      </a:lnTo>
                      <a:lnTo>
                        <a:pt x="145" y="288"/>
                      </a:lnTo>
                      <a:lnTo>
                        <a:pt x="143" y="290"/>
                      </a:lnTo>
                      <a:lnTo>
                        <a:pt x="140" y="290"/>
                      </a:lnTo>
                      <a:lnTo>
                        <a:pt x="131" y="290"/>
                      </a:lnTo>
                      <a:lnTo>
                        <a:pt x="127" y="293"/>
                      </a:lnTo>
                      <a:lnTo>
                        <a:pt x="124" y="296"/>
                      </a:lnTo>
                      <a:lnTo>
                        <a:pt x="120" y="298"/>
                      </a:lnTo>
                      <a:lnTo>
                        <a:pt x="118" y="301"/>
                      </a:lnTo>
                      <a:lnTo>
                        <a:pt x="115" y="302"/>
                      </a:lnTo>
                      <a:lnTo>
                        <a:pt x="115" y="304"/>
                      </a:lnTo>
                      <a:lnTo>
                        <a:pt x="112" y="306"/>
                      </a:lnTo>
                      <a:lnTo>
                        <a:pt x="108" y="309"/>
                      </a:lnTo>
                      <a:lnTo>
                        <a:pt x="106" y="311"/>
                      </a:lnTo>
                      <a:lnTo>
                        <a:pt x="105" y="313"/>
                      </a:lnTo>
                      <a:lnTo>
                        <a:pt x="101" y="314"/>
                      </a:lnTo>
                      <a:lnTo>
                        <a:pt x="94" y="314"/>
                      </a:lnTo>
                      <a:lnTo>
                        <a:pt x="90" y="314"/>
                      </a:lnTo>
                      <a:lnTo>
                        <a:pt x="86" y="313"/>
                      </a:lnTo>
                      <a:lnTo>
                        <a:pt x="84" y="313"/>
                      </a:lnTo>
                      <a:lnTo>
                        <a:pt x="82" y="311"/>
                      </a:lnTo>
                      <a:lnTo>
                        <a:pt x="80" y="309"/>
                      </a:lnTo>
                      <a:lnTo>
                        <a:pt x="77" y="306"/>
                      </a:lnTo>
                      <a:lnTo>
                        <a:pt x="74" y="304"/>
                      </a:lnTo>
                      <a:lnTo>
                        <a:pt x="74" y="302"/>
                      </a:lnTo>
                      <a:lnTo>
                        <a:pt x="68" y="298"/>
                      </a:lnTo>
                      <a:lnTo>
                        <a:pt x="63" y="294"/>
                      </a:lnTo>
                      <a:lnTo>
                        <a:pt x="59" y="290"/>
                      </a:lnTo>
                      <a:lnTo>
                        <a:pt x="50" y="290"/>
                      </a:lnTo>
                      <a:lnTo>
                        <a:pt x="47" y="290"/>
                      </a:lnTo>
                      <a:lnTo>
                        <a:pt x="44" y="288"/>
                      </a:lnTo>
                      <a:lnTo>
                        <a:pt x="43" y="285"/>
                      </a:lnTo>
                      <a:lnTo>
                        <a:pt x="42" y="281"/>
                      </a:lnTo>
                      <a:lnTo>
                        <a:pt x="43" y="279"/>
                      </a:lnTo>
                      <a:lnTo>
                        <a:pt x="44" y="276"/>
                      </a:lnTo>
                      <a:lnTo>
                        <a:pt x="46" y="273"/>
                      </a:lnTo>
                      <a:lnTo>
                        <a:pt x="46" y="273"/>
                      </a:lnTo>
                      <a:lnTo>
                        <a:pt x="42" y="273"/>
                      </a:lnTo>
                      <a:lnTo>
                        <a:pt x="40" y="271"/>
                      </a:lnTo>
                      <a:lnTo>
                        <a:pt x="38" y="268"/>
                      </a:lnTo>
                      <a:lnTo>
                        <a:pt x="38" y="264"/>
                      </a:lnTo>
                      <a:lnTo>
                        <a:pt x="38" y="260"/>
                      </a:lnTo>
                      <a:lnTo>
                        <a:pt x="40" y="258"/>
                      </a:lnTo>
                      <a:lnTo>
                        <a:pt x="43" y="256"/>
                      </a:lnTo>
                      <a:lnTo>
                        <a:pt x="40" y="254"/>
                      </a:lnTo>
                      <a:lnTo>
                        <a:pt x="38" y="251"/>
                      </a:lnTo>
                      <a:lnTo>
                        <a:pt x="38" y="247"/>
                      </a:lnTo>
                      <a:lnTo>
                        <a:pt x="38" y="243"/>
                      </a:lnTo>
                      <a:lnTo>
                        <a:pt x="40" y="241"/>
                      </a:lnTo>
                      <a:lnTo>
                        <a:pt x="43" y="239"/>
                      </a:lnTo>
                      <a:lnTo>
                        <a:pt x="40" y="237"/>
                      </a:lnTo>
                      <a:lnTo>
                        <a:pt x="38" y="234"/>
                      </a:lnTo>
                      <a:lnTo>
                        <a:pt x="38" y="230"/>
                      </a:lnTo>
                      <a:lnTo>
                        <a:pt x="38" y="226"/>
                      </a:lnTo>
                      <a:lnTo>
                        <a:pt x="40" y="224"/>
                      </a:lnTo>
                      <a:lnTo>
                        <a:pt x="42" y="222"/>
                      </a:lnTo>
                      <a:lnTo>
                        <a:pt x="46" y="221"/>
                      </a:lnTo>
                      <a:lnTo>
                        <a:pt x="46" y="221"/>
                      </a:lnTo>
                      <a:lnTo>
                        <a:pt x="46" y="218"/>
                      </a:lnTo>
                      <a:lnTo>
                        <a:pt x="46" y="213"/>
                      </a:lnTo>
                      <a:lnTo>
                        <a:pt x="46" y="212"/>
                      </a:lnTo>
                      <a:lnTo>
                        <a:pt x="43" y="198"/>
                      </a:lnTo>
                      <a:lnTo>
                        <a:pt x="39" y="184"/>
                      </a:lnTo>
                      <a:lnTo>
                        <a:pt x="34" y="173"/>
                      </a:lnTo>
                      <a:lnTo>
                        <a:pt x="29" y="164"/>
                      </a:lnTo>
                      <a:lnTo>
                        <a:pt x="25" y="158"/>
                      </a:lnTo>
                      <a:lnTo>
                        <a:pt x="23" y="156"/>
                      </a:lnTo>
                      <a:lnTo>
                        <a:pt x="23" y="156"/>
                      </a:lnTo>
                      <a:lnTo>
                        <a:pt x="10" y="137"/>
                      </a:lnTo>
                      <a:lnTo>
                        <a:pt x="2" y="116"/>
                      </a:lnTo>
                      <a:lnTo>
                        <a:pt x="0" y="94"/>
                      </a:lnTo>
                      <a:lnTo>
                        <a:pt x="4" y="69"/>
                      </a:lnTo>
                      <a:lnTo>
                        <a:pt x="13" y="46"/>
                      </a:lnTo>
                      <a:lnTo>
                        <a:pt x="27" y="27"/>
                      </a:lnTo>
                      <a:lnTo>
                        <a:pt x="47" y="13"/>
                      </a:lnTo>
                      <a:lnTo>
                        <a:pt x="69" y="2"/>
                      </a:lnTo>
                      <a:lnTo>
                        <a:pt x="94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0">
                  <a:solidFill>
                    <a:srgbClr val="FFFFFF"/>
                  </a:solidFill>
                  <a:prstDash val="solid"/>
                  <a:round/>
                  <a:headEnd/>
                  <a:tailEnd/>
                </a:ln>
                <a:effectLst>
                  <a:reflection blurRad="6350" stA="52000" endA="300" endPos="35000" dir="5400000" sy="-100000" algn="bl" rotWithShape="0"/>
                </a:effec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  <p:grpSp>
              <p:nvGrpSpPr>
                <p:cNvPr id="264" name="Group 28"/>
                <p:cNvGrpSpPr/>
                <p:nvPr/>
              </p:nvGrpSpPr>
              <p:grpSpPr>
                <a:xfrm rot="20266699">
                  <a:off x="4848973" y="3204022"/>
                  <a:ext cx="465069" cy="307935"/>
                  <a:chOff x="3225432" y="3786377"/>
                  <a:chExt cx="742427" cy="491585"/>
                </a:xfrm>
                <a:solidFill>
                  <a:srgbClr val="FFFFFF"/>
                </a:solidFill>
                <a:effectLst>
                  <a:reflection blurRad="6350" stA="52000" endA="300" endPos="35000" dir="5400000" sy="-100000" algn="bl" rotWithShape="0"/>
                </a:effectLst>
              </p:grpSpPr>
              <p:sp>
                <p:nvSpPr>
                  <p:cNvPr id="290" name="Rectangle 93"/>
                  <p:cNvSpPr>
                    <a:spLocks noChangeArrowheads="1"/>
                  </p:cNvSpPr>
                  <p:nvPr/>
                </p:nvSpPr>
                <p:spPr bwMode="auto">
                  <a:xfrm>
                    <a:off x="3251268" y="4231342"/>
                    <a:ext cx="647511" cy="46620"/>
                  </a:xfrm>
                  <a:prstGeom prst="rect">
                    <a:avLst/>
                  </a:prstGeom>
                  <a:grpFill/>
                  <a:ln w="0">
                    <a:solidFill>
                      <a:srgbClr val="FFFFFF"/>
                    </a:solidFill>
                    <a:prstDash val="solid"/>
                    <a:miter lim="800000"/>
                    <a:headEnd/>
                    <a:tailEnd/>
                  </a:ln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800" b="0" i="0" u="none" strike="noStrike" kern="0" cap="none" spc="0" normalizeH="0" baseline="0" noProof="0" smtClean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Futura Bk BT" panose="020B0502020204020303" pitchFamily="34" charset="0"/>
                      <a:ea typeface="+mn-ea"/>
                    </a:endParaRPr>
                  </a:p>
                </p:txBody>
              </p:sp>
              <p:grpSp>
                <p:nvGrpSpPr>
                  <p:cNvPr id="291" name="Group 30"/>
                  <p:cNvGrpSpPr/>
                  <p:nvPr/>
                </p:nvGrpSpPr>
                <p:grpSpPr>
                  <a:xfrm>
                    <a:off x="3225432" y="3786377"/>
                    <a:ext cx="742427" cy="446590"/>
                    <a:chOff x="3225432" y="3786377"/>
                    <a:chExt cx="742427" cy="446590"/>
                  </a:xfrm>
                  <a:grpFill/>
                </p:grpSpPr>
                <p:sp>
                  <p:nvSpPr>
                    <p:cNvPr id="292" name="Freeform 94"/>
                    <p:cNvSpPr>
                      <a:spLocks/>
                    </p:cNvSpPr>
                    <p:nvPr/>
                  </p:nvSpPr>
                  <p:spPr bwMode="auto">
                    <a:xfrm>
                      <a:off x="3225432" y="3870363"/>
                      <a:ext cx="670823" cy="362604"/>
                    </a:xfrm>
                    <a:custGeom>
                      <a:avLst/>
                      <a:gdLst>
                        <a:gd name="T0" fmla="*/ 245 w 259"/>
                        <a:gd name="T1" fmla="*/ 0 h 140"/>
                        <a:gd name="T2" fmla="*/ 259 w 259"/>
                        <a:gd name="T3" fmla="*/ 13 h 140"/>
                        <a:gd name="T4" fmla="*/ 151 w 259"/>
                        <a:gd name="T5" fmla="*/ 123 h 140"/>
                        <a:gd name="T6" fmla="*/ 72 w 259"/>
                        <a:gd name="T7" fmla="*/ 73 h 140"/>
                        <a:gd name="T8" fmla="*/ 14 w 259"/>
                        <a:gd name="T9" fmla="*/ 140 h 140"/>
                        <a:gd name="T10" fmla="*/ 0 w 259"/>
                        <a:gd name="T11" fmla="*/ 127 h 140"/>
                        <a:gd name="T12" fmla="*/ 69 w 259"/>
                        <a:gd name="T13" fmla="*/ 48 h 140"/>
                        <a:gd name="T14" fmla="*/ 149 w 259"/>
                        <a:gd name="T15" fmla="*/ 100 h 140"/>
                        <a:gd name="T16" fmla="*/ 245 w 259"/>
                        <a:gd name="T17" fmla="*/ 0 h 140"/>
                      </a:gdLst>
                      <a:ahLst/>
                      <a:cxnLst>
                        <a:cxn ang="0">
                          <a:pos x="T0" y="T1"/>
                        </a:cxn>
                        <a:cxn ang="0">
                          <a:pos x="T2" y="T3"/>
                        </a:cxn>
                        <a:cxn ang="0">
                          <a:pos x="T4" y="T5"/>
                        </a:cxn>
                        <a:cxn ang="0">
                          <a:pos x="T6" y="T7"/>
                        </a:cxn>
                        <a:cxn ang="0">
                          <a:pos x="T8" y="T9"/>
                        </a:cxn>
                        <a:cxn ang="0">
                          <a:pos x="T10" y="T11"/>
                        </a:cxn>
                        <a:cxn ang="0">
                          <a:pos x="T12" y="T13"/>
                        </a:cxn>
                        <a:cxn ang="0">
                          <a:pos x="T14" y="T15"/>
                        </a:cxn>
                        <a:cxn ang="0">
                          <a:pos x="T16" y="T17"/>
                        </a:cxn>
                      </a:cxnLst>
                      <a:rect l="0" t="0" r="r" b="b"/>
                      <a:pathLst>
                        <a:path w="259" h="140">
                          <a:moveTo>
                            <a:pt x="245" y="0"/>
                          </a:moveTo>
                          <a:lnTo>
                            <a:pt x="259" y="13"/>
                          </a:lnTo>
                          <a:lnTo>
                            <a:pt x="151" y="123"/>
                          </a:lnTo>
                          <a:lnTo>
                            <a:pt x="72" y="73"/>
                          </a:lnTo>
                          <a:lnTo>
                            <a:pt x="14" y="140"/>
                          </a:lnTo>
                          <a:lnTo>
                            <a:pt x="0" y="127"/>
                          </a:lnTo>
                          <a:lnTo>
                            <a:pt x="69" y="48"/>
                          </a:lnTo>
                          <a:lnTo>
                            <a:pt x="149" y="100"/>
                          </a:lnTo>
                          <a:lnTo>
                            <a:pt x="245" y="0"/>
                          </a:lnTo>
                          <a:close/>
                        </a:path>
                      </a:pathLst>
                    </a:custGeom>
                    <a:grpFill/>
                    <a:ln w="0">
                      <a:solidFill>
                        <a:srgbClr val="FFFFFF"/>
                      </a:solidFill>
                      <a:prstDash val="solid"/>
                      <a:round/>
                      <a:headEnd/>
                      <a:tailEnd/>
                    </a:ln>
                  </p:spPr>
                  <p:txBody>
                    <a:bodyPr vert="horz" wrap="square" lIns="91440" tIns="45720" rIns="91440" bIns="45720" numCol="1" anchor="t" anchorCtr="0" compatLnSpc="1">
                      <a:prstTxWarp prst="textNoShape">
                        <a:avLst/>
                      </a:prstTxWarp>
                    </a:bodyPr>
                    <a:lstStyle/>
                    <a:p>
                      <a:pPr marL="0" marR="0" lvl="0" indent="0" defTabSz="91440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US" sz="1800" b="0" i="0" u="none" strike="noStrike" kern="0" cap="none" spc="0" normalizeH="0" baseline="0" noProof="0" smtClean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uLnTx/>
                        <a:uFillTx/>
                        <a:latin typeface="Futura Bk BT" panose="020B0502020204020303" pitchFamily="34" charset="0"/>
                        <a:ea typeface="+mn-ea"/>
                      </a:endParaRPr>
                    </a:p>
                  </p:txBody>
                </p:sp>
                <p:sp>
                  <p:nvSpPr>
                    <p:cNvPr id="293" name="Isosceles Triangle 32"/>
                    <p:cNvSpPr/>
                    <p:nvPr/>
                  </p:nvSpPr>
                  <p:spPr>
                    <a:xfrm rot="2580000">
                      <a:off x="3784979" y="3786377"/>
                      <a:ext cx="182880" cy="182880"/>
                    </a:xfrm>
                    <a:prstGeom prst="triangle">
                      <a:avLst/>
                    </a:prstGeom>
                    <a:grpFill/>
                    <a:ln w="12700" cap="flat" cmpd="sng" algn="ctr">
                      <a:solidFill>
                        <a:srgbClr val="FFFFFF"/>
                      </a:solidFill>
                      <a:prstDash val="solid"/>
                      <a:miter lim="800000"/>
                    </a:ln>
                    <a:effectLst/>
                  </p:spPr>
                  <p:txBody>
                    <a:bodyPr rtlCol="0" anchor="ctr"/>
                    <a:lstStyle/>
                    <a:p>
                      <a:pPr marL="0" marR="0" lvl="0" indent="0" algn="ctr" defTabSz="91440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US" sz="1800" b="0" i="0" u="none" strike="noStrike" kern="0" cap="none" spc="0" normalizeH="0" baseline="0" noProof="0" smtClean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Futura Bk BT" panose="020B0502020204020303" pitchFamily="34" charset="0"/>
                        <a:ea typeface="+mn-ea"/>
                      </a:endParaRPr>
                    </a:p>
                  </p:txBody>
                </p:sp>
              </p:grpSp>
            </p:grpSp>
            <p:grpSp>
              <p:nvGrpSpPr>
                <p:cNvPr id="265" name="Group 33"/>
                <p:cNvGrpSpPr/>
                <p:nvPr/>
              </p:nvGrpSpPr>
              <p:grpSpPr>
                <a:xfrm>
                  <a:off x="6109130" y="3228109"/>
                  <a:ext cx="411818" cy="425112"/>
                  <a:chOff x="2174745" y="5319772"/>
                  <a:chExt cx="476630" cy="503994"/>
                </a:xfrm>
                <a:solidFill>
                  <a:srgbClr val="FFFFFF"/>
                </a:solidFill>
                <a:effectLst>
                  <a:reflection blurRad="6350" stA="52000" endA="300" endPos="35000" dir="5400000" sy="-100000" algn="bl" rotWithShape="0"/>
                </a:effectLst>
              </p:grpSpPr>
              <p:sp>
                <p:nvSpPr>
                  <p:cNvPr id="285" name="Rectangle 78"/>
                  <p:cNvSpPr>
                    <a:spLocks noChangeArrowheads="1"/>
                  </p:cNvSpPr>
                  <p:nvPr/>
                </p:nvSpPr>
                <p:spPr bwMode="auto">
                  <a:xfrm>
                    <a:off x="2174745" y="5787278"/>
                    <a:ext cx="476630" cy="36488"/>
                  </a:xfrm>
                  <a:prstGeom prst="rect">
                    <a:avLst/>
                  </a:prstGeom>
                  <a:grpFill/>
                  <a:ln w="0">
                    <a:solidFill>
                      <a:srgbClr val="FFFFFF"/>
                    </a:solidFill>
                    <a:prstDash val="solid"/>
                    <a:miter lim="800000"/>
                    <a:headEnd/>
                    <a:tailEnd/>
                  </a:ln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800" b="0" i="0" u="none" strike="noStrike" kern="0" cap="none" spc="0" normalizeH="0" baseline="0" noProof="0" smtClean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Futura Bk BT" panose="020B0502020204020303" pitchFamily="34" charset="0"/>
                      <a:ea typeface="+mn-ea"/>
                    </a:endParaRPr>
                  </a:p>
                </p:txBody>
              </p:sp>
              <p:sp>
                <p:nvSpPr>
                  <p:cNvPr id="286" name="Rectangle 79"/>
                  <p:cNvSpPr>
                    <a:spLocks noChangeArrowheads="1"/>
                  </p:cNvSpPr>
                  <p:nvPr/>
                </p:nvSpPr>
                <p:spPr bwMode="auto">
                  <a:xfrm>
                    <a:off x="2174745" y="5388188"/>
                    <a:ext cx="98063" cy="360322"/>
                  </a:xfrm>
                  <a:prstGeom prst="rect">
                    <a:avLst/>
                  </a:prstGeom>
                  <a:grpFill/>
                  <a:ln w="0">
                    <a:solidFill>
                      <a:srgbClr val="FFFFFF"/>
                    </a:solidFill>
                    <a:prstDash val="solid"/>
                    <a:miter lim="800000"/>
                    <a:headEnd/>
                    <a:tailEnd/>
                  </a:ln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800" b="0" i="0" u="none" strike="noStrike" kern="0" cap="none" spc="0" normalizeH="0" baseline="0" noProof="0" smtClean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Futura Bk BT" panose="020B0502020204020303" pitchFamily="34" charset="0"/>
                      <a:ea typeface="+mn-ea"/>
                    </a:endParaRPr>
                  </a:p>
                </p:txBody>
              </p:sp>
              <p:sp>
                <p:nvSpPr>
                  <p:cNvPr id="287" name="Rectangle 80"/>
                  <p:cNvSpPr>
                    <a:spLocks noChangeArrowheads="1"/>
                  </p:cNvSpPr>
                  <p:nvPr/>
                </p:nvSpPr>
                <p:spPr bwMode="auto">
                  <a:xfrm>
                    <a:off x="2302453" y="5515897"/>
                    <a:ext cx="98063" cy="232613"/>
                  </a:xfrm>
                  <a:prstGeom prst="rect">
                    <a:avLst/>
                  </a:prstGeom>
                  <a:grpFill/>
                  <a:ln w="0">
                    <a:solidFill>
                      <a:srgbClr val="FFFFFF"/>
                    </a:solidFill>
                    <a:prstDash val="solid"/>
                    <a:miter lim="800000"/>
                    <a:headEnd/>
                    <a:tailEnd/>
                  </a:ln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800" b="0" i="0" u="none" strike="noStrike" kern="0" cap="none" spc="0" normalizeH="0" baseline="0" noProof="0" smtClean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Futura Bk BT" panose="020B0502020204020303" pitchFamily="34" charset="0"/>
                      <a:ea typeface="+mn-ea"/>
                    </a:endParaRPr>
                  </a:p>
                </p:txBody>
              </p:sp>
              <p:sp>
                <p:nvSpPr>
                  <p:cNvPr id="288" name="Rectangle 81"/>
                  <p:cNvSpPr>
                    <a:spLocks noChangeArrowheads="1"/>
                  </p:cNvSpPr>
                  <p:nvPr/>
                </p:nvSpPr>
                <p:spPr bwMode="auto">
                  <a:xfrm>
                    <a:off x="2425602" y="5319772"/>
                    <a:ext cx="98063" cy="428738"/>
                  </a:xfrm>
                  <a:prstGeom prst="rect">
                    <a:avLst/>
                  </a:prstGeom>
                  <a:grpFill/>
                  <a:ln w="0">
                    <a:solidFill>
                      <a:srgbClr val="FFFFFF"/>
                    </a:solidFill>
                    <a:prstDash val="solid"/>
                    <a:miter lim="800000"/>
                    <a:headEnd/>
                    <a:tailEnd/>
                  </a:ln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800" b="0" i="0" u="none" strike="noStrike" kern="0" cap="none" spc="0" normalizeH="0" baseline="0" noProof="0" smtClean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Futura Bk BT" panose="020B0502020204020303" pitchFamily="34" charset="0"/>
                      <a:ea typeface="+mn-ea"/>
                    </a:endParaRPr>
                  </a:p>
                </p:txBody>
              </p:sp>
              <p:sp>
                <p:nvSpPr>
                  <p:cNvPr id="289" name="Rectangle 82"/>
                  <p:cNvSpPr>
                    <a:spLocks noChangeArrowheads="1"/>
                  </p:cNvSpPr>
                  <p:nvPr/>
                </p:nvSpPr>
                <p:spPr bwMode="auto">
                  <a:xfrm>
                    <a:off x="2553310" y="5607117"/>
                    <a:ext cx="98063" cy="141392"/>
                  </a:xfrm>
                  <a:prstGeom prst="rect">
                    <a:avLst/>
                  </a:prstGeom>
                  <a:grpFill/>
                  <a:ln w="0">
                    <a:solidFill>
                      <a:srgbClr val="FFFFFF"/>
                    </a:solidFill>
                    <a:prstDash val="solid"/>
                    <a:miter lim="800000"/>
                    <a:headEnd/>
                    <a:tailEnd/>
                  </a:ln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pPr marL="0" marR="0" lvl="0" indent="0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800" b="0" i="0" u="none" strike="noStrike" kern="0" cap="none" spc="0" normalizeH="0" baseline="0" noProof="0" smtClean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Futura Bk BT" panose="020B0502020204020303" pitchFamily="34" charset="0"/>
                      <a:ea typeface="+mn-ea"/>
                    </a:endParaRPr>
                  </a:p>
                </p:txBody>
              </p:sp>
            </p:grpSp>
            <p:sp>
              <p:nvSpPr>
                <p:cNvPr id="267" name="Freeform 23"/>
                <p:cNvSpPr>
                  <a:spLocks noEditPoints="1"/>
                </p:cNvSpPr>
                <p:nvPr/>
              </p:nvSpPr>
              <p:spPr bwMode="auto">
                <a:xfrm flipH="1">
                  <a:off x="4063892" y="3576182"/>
                  <a:ext cx="323592" cy="323591"/>
                </a:xfrm>
                <a:custGeom>
                  <a:avLst/>
                  <a:gdLst>
                    <a:gd name="T0" fmla="*/ 317 w 768"/>
                    <a:gd name="T1" fmla="*/ 270 h 767"/>
                    <a:gd name="T2" fmla="*/ 256 w 768"/>
                    <a:gd name="T3" fmla="*/ 350 h 767"/>
                    <a:gd name="T4" fmla="*/ 270 w 768"/>
                    <a:gd name="T5" fmla="*/ 450 h 767"/>
                    <a:gd name="T6" fmla="*/ 348 w 768"/>
                    <a:gd name="T7" fmla="*/ 512 h 767"/>
                    <a:gd name="T8" fmla="*/ 450 w 768"/>
                    <a:gd name="T9" fmla="*/ 499 h 767"/>
                    <a:gd name="T10" fmla="*/ 510 w 768"/>
                    <a:gd name="T11" fmla="*/ 419 h 767"/>
                    <a:gd name="T12" fmla="*/ 497 w 768"/>
                    <a:gd name="T13" fmla="*/ 317 h 767"/>
                    <a:gd name="T14" fmla="*/ 419 w 768"/>
                    <a:gd name="T15" fmla="*/ 258 h 767"/>
                    <a:gd name="T16" fmla="*/ 416 w 768"/>
                    <a:gd name="T17" fmla="*/ 0 h 767"/>
                    <a:gd name="T18" fmla="*/ 444 w 768"/>
                    <a:gd name="T19" fmla="*/ 20 h 767"/>
                    <a:gd name="T20" fmla="*/ 492 w 768"/>
                    <a:gd name="T21" fmla="*/ 118 h 767"/>
                    <a:gd name="T22" fmla="*/ 609 w 768"/>
                    <a:gd name="T23" fmla="*/ 73 h 767"/>
                    <a:gd name="T24" fmla="*/ 645 w 768"/>
                    <a:gd name="T25" fmla="*/ 80 h 767"/>
                    <a:gd name="T26" fmla="*/ 698 w 768"/>
                    <a:gd name="T27" fmla="*/ 148 h 767"/>
                    <a:gd name="T28" fmla="*/ 638 w 768"/>
                    <a:gd name="T29" fmla="*/ 249 h 767"/>
                    <a:gd name="T30" fmla="*/ 735 w 768"/>
                    <a:gd name="T31" fmla="*/ 321 h 767"/>
                    <a:gd name="T32" fmla="*/ 764 w 768"/>
                    <a:gd name="T33" fmla="*/ 338 h 767"/>
                    <a:gd name="T34" fmla="*/ 764 w 768"/>
                    <a:gd name="T35" fmla="*/ 431 h 767"/>
                    <a:gd name="T36" fmla="*/ 735 w 768"/>
                    <a:gd name="T37" fmla="*/ 448 h 767"/>
                    <a:gd name="T38" fmla="*/ 638 w 768"/>
                    <a:gd name="T39" fmla="*/ 518 h 767"/>
                    <a:gd name="T40" fmla="*/ 698 w 768"/>
                    <a:gd name="T41" fmla="*/ 620 h 767"/>
                    <a:gd name="T42" fmla="*/ 645 w 768"/>
                    <a:gd name="T43" fmla="*/ 690 h 767"/>
                    <a:gd name="T44" fmla="*/ 609 w 768"/>
                    <a:gd name="T45" fmla="*/ 694 h 767"/>
                    <a:gd name="T46" fmla="*/ 492 w 768"/>
                    <a:gd name="T47" fmla="*/ 651 h 767"/>
                    <a:gd name="T48" fmla="*/ 444 w 768"/>
                    <a:gd name="T49" fmla="*/ 748 h 767"/>
                    <a:gd name="T50" fmla="*/ 416 w 768"/>
                    <a:gd name="T51" fmla="*/ 767 h 767"/>
                    <a:gd name="T52" fmla="*/ 329 w 768"/>
                    <a:gd name="T53" fmla="*/ 759 h 767"/>
                    <a:gd name="T54" fmla="*/ 301 w 768"/>
                    <a:gd name="T55" fmla="*/ 660 h 767"/>
                    <a:gd name="T56" fmla="*/ 170 w 768"/>
                    <a:gd name="T57" fmla="*/ 688 h 767"/>
                    <a:gd name="T58" fmla="*/ 136 w 768"/>
                    <a:gd name="T59" fmla="*/ 698 h 767"/>
                    <a:gd name="T60" fmla="*/ 70 w 768"/>
                    <a:gd name="T61" fmla="*/ 631 h 767"/>
                    <a:gd name="T62" fmla="*/ 79 w 768"/>
                    <a:gd name="T63" fmla="*/ 597 h 767"/>
                    <a:gd name="T64" fmla="*/ 109 w 768"/>
                    <a:gd name="T65" fmla="*/ 468 h 767"/>
                    <a:gd name="T66" fmla="*/ 10 w 768"/>
                    <a:gd name="T67" fmla="*/ 440 h 767"/>
                    <a:gd name="T68" fmla="*/ 0 w 768"/>
                    <a:gd name="T69" fmla="*/ 353 h 767"/>
                    <a:gd name="T70" fmla="*/ 19 w 768"/>
                    <a:gd name="T71" fmla="*/ 324 h 767"/>
                    <a:gd name="T72" fmla="*/ 117 w 768"/>
                    <a:gd name="T73" fmla="*/ 275 h 767"/>
                    <a:gd name="T74" fmla="*/ 73 w 768"/>
                    <a:gd name="T75" fmla="*/ 160 h 767"/>
                    <a:gd name="T76" fmla="*/ 78 w 768"/>
                    <a:gd name="T77" fmla="*/ 125 h 767"/>
                    <a:gd name="T78" fmla="*/ 147 w 768"/>
                    <a:gd name="T79" fmla="*/ 70 h 767"/>
                    <a:gd name="T80" fmla="*/ 249 w 768"/>
                    <a:gd name="T81" fmla="*/ 130 h 767"/>
                    <a:gd name="T82" fmla="*/ 319 w 768"/>
                    <a:gd name="T83" fmla="*/ 33 h 767"/>
                    <a:gd name="T84" fmla="*/ 337 w 768"/>
                    <a:gd name="T85" fmla="*/ 3 h 767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  <a:cxn ang="0">
                      <a:pos x="T74" y="T75"/>
                    </a:cxn>
                    <a:cxn ang="0">
                      <a:pos x="T76" y="T77"/>
                    </a:cxn>
                    <a:cxn ang="0">
                      <a:pos x="T78" y="T79"/>
                    </a:cxn>
                    <a:cxn ang="0">
                      <a:pos x="T80" y="T81"/>
                    </a:cxn>
                    <a:cxn ang="0">
                      <a:pos x="T82" y="T83"/>
                    </a:cxn>
                    <a:cxn ang="0">
                      <a:pos x="T84" y="T85"/>
                    </a:cxn>
                  </a:cxnLst>
                  <a:rect l="0" t="0" r="r" b="b"/>
                  <a:pathLst>
                    <a:path w="768" h="767">
                      <a:moveTo>
                        <a:pt x="384" y="253"/>
                      </a:moveTo>
                      <a:lnTo>
                        <a:pt x="348" y="258"/>
                      </a:lnTo>
                      <a:lnTo>
                        <a:pt x="317" y="270"/>
                      </a:lnTo>
                      <a:lnTo>
                        <a:pt x="290" y="292"/>
                      </a:lnTo>
                      <a:lnTo>
                        <a:pt x="270" y="317"/>
                      </a:lnTo>
                      <a:lnTo>
                        <a:pt x="256" y="350"/>
                      </a:lnTo>
                      <a:lnTo>
                        <a:pt x="251" y="384"/>
                      </a:lnTo>
                      <a:lnTo>
                        <a:pt x="256" y="419"/>
                      </a:lnTo>
                      <a:lnTo>
                        <a:pt x="270" y="450"/>
                      </a:lnTo>
                      <a:lnTo>
                        <a:pt x="290" y="478"/>
                      </a:lnTo>
                      <a:lnTo>
                        <a:pt x="317" y="499"/>
                      </a:lnTo>
                      <a:lnTo>
                        <a:pt x="348" y="512"/>
                      </a:lnTo>
                      <a:lnTo>
                        <a:pt x="384" y="516"/>
                      </a:lnTo>
                      <a:lnTo>
                        <a:pt x="419" y="512"/>
                      </a:lnTo>
                      <a:lnTo>
                        <a:pt x="450" y="499"/>
                      </a:lnTo>
                      <a:lnTo>
                        <a:pt x="478" y="478"/>
                      </a:lnTo>
                      <a:lnTo>
                        <a:pt x="497" y="450"/>
                      </a:lnTo>
                      <a:lnTo>
                        <a:pt x="510" y="419"/>
                      </a:lnTo>
                      <a:lnTo>
                        <a:pt x="515" y="384"/>
                      </a:lnTo>
                      <a:lnTo>
                        <a:pt x="510" y="350"/>
                      </a:lnTo>
                      <a:lnTo>
                        <a:pt x="497" y="317"/>
                      </a:lnTo>
                      <a:lnTo>
                        <a:pt x="478" y="292"/>
                      </a:lnTo>
                      <a:lnTo>
                        <a:pt x="450" y="270"/>
                      </a:lnTo>
                      <a:lnTo>
                        <a:pt x="419" y="258"/>
                      </a:lnTo>
                      <a:lnTo>
                        <a:pt x="384" y="253"/>
                      </a:lnTo>
                      <a:close/>
                      <a:moveTo>
                        <a:pt x="351" y="0"/>
                      </a:moveTo>
                      <a:lnTo>
                        <a:pt x="416" y="0"/>
                      </a:lnTo>
                      <a:lnTo>
                        <a:pt x="431" y="3"/>
                      </a:lnTo>
                      <a:lnTo>
                        <a:pt x="439" y="10"/>
                      </a:lnTo>
                      <a:lnTo>
                        <a:pt x="444" y="20"/>
                      </a:lnTo>
                      <a:lnTo>
                        <a:pt x="447" y="33"/>
                      </a:lnTo>
                      <a:lnTo>
                        <a:pt x="466" y="109"/>
                      </a:lnTo>
                      <a:lnTo>
                        <a:pt x="492" y="118"/>
                      </a:lnTo>
                      <a:lnTo>
                        <a:pt x="518" y="130"/>
                      </a:lnTo>
                      <a:lnTo>
                        <a:pt x="596" y="81"/>
                      </a:lnTo>
                      <a:lnTo>
                        <a:pt x="609" y="73"/>
                      </a:lnTo>
                      <a:lnTo>
                        <a:pt x="620" y="70"/>
                      </a:lnTo>
                      <a:lnTo>
                        <a:pt x="632" y="71"/>
                      </a:lnTo>
                      <a:lnTo>
                        <a:pt x="645" y="80"/>
                      </a:lnTo>
                      <a:lnTo>
                        <a:pt x="690" y="125"/>
                      </a:lnTo>
                      <a:lnTo>
                        <a:pt x="698" y="136"/>
                      </a:lnTo>
                      <a:lnTo>
                        <a:pt x="698" y="148"/>
                      </a:lnTo>
                      <a:lnTo>
                        <a:pt x="695" y="160"/>
                      </a:lnTo>
                      <a:lnTo>
                        <a:pt x="687" y="172"/>
                      </a:lnTo>
                      <a:lnTo>
                        <a:pt x="638" y="249"/>
                      </a:lnTo>
                      <a:lnTo>
                        <a:pt x="649" y="275"/>
                      </a:lnTo>
                      <a:lnTo>
                        <a:pt x="659" y="301"/>
                      </a:lnTo>
                      <a:lnTo>
                        <a:pt x="735" y="321"/>
                      </a:lnTo>
                      <a:lnTo>
                        <a:pt x="748" y="324"/>
                      </a:lnTo>
                      <a:lnTo>
                        <a:pt x="758" y="329"/>
                      </a:lnTo>
                      <a:lnTo>
                        <a:pt x="764" y="338"/>
                      </a:lnTo>
                      <a:lnTo>
                        <a:pt x="768" y="353"/>
                      </a:lnTo>
                      <a:lnTo>
                        <a:pt x="768" y="416"/>
                      </a:lnTo>
                      <a:lnTo>
                        <a:pt x="764" y="431"/>
                      </a:lnTo>
                      <a:lnTo>
                        <a:pt x="758" y="440"/>
                      </a:lnTo>
                      <a:lnTo>
                        <a:pt x="748" y="445"/>
                      </a:lnTo>
                      <a:lnTo>
                        <a:pt x="735" y="448"/>
                      </a:lnTo>
                      <a:lnTo>
                        <a:pt x="659" y="468"/>
                      </a:lnTo>
                      <a:lnTo>
                        <a:pt x="649" y="494"/>
                      </a:lnTo>
                      <a:lnTo>
                        <a:pt x="638" y="518"/>
                      </a:lnTo>
                      <a:lnTo>
                        <a:pt x="687" y="597"/>
                      </a:lnTo>
                      <a:lnTo>
                        <a:pt x="695" y="609"/>
                      </a:lnTo>
                      <a:lnTo>
                        <a:pt x="698" y="620"/>
                      </a:lnTo>
                      <a:lnTo>
                        <a:pt x="698" y="631"/>
                      </a:lnTo>
                      <a:lnTo>
                        <a:pt x="690" y="644"/>
                      </a:lnTo>
                      <a:lnTo>
                        <a:pt x="645" y="690"/>
                      </a:lnTo>
                      <a:lnTo>
                        <a:pt x="632" y="698"/>
                      </a:lnTo>
                      <a:lnTo>
                        <a:pt x="620" y="699"/>
                      </a:lnTo>
                      <a:lnTo>
                        <a:pt x="609" y="694"/>
                      </a:lnTo>
                      <a:lnTo>
                        <a:pt x="596" y="688"/>
                      </a:lnTo>
                      <a:lnTo>
                        <a:pt x="518" y="639"/>
                      </a:lnTo>
                      <a:lnTo>
                        <a:pt x="492" y="651"/>
                      </a:lnTo>
                      <a:lnTo>
                        <a:pt x="466" y="660"/>
                      </a:lnTo>
                      <a:lnTo>
                        <a:pt x="447" y="737"/>
                      </a:lnTo>
                      <a:lnTo>
                        <a:pt x="444" y="748"/>
                      </a:lnTo>
                      <a:lnTo>
                        <a:pt x="439" y="759"/>
                      </a:lnTo>
                      <a:lnTo>
                        <a:pt x="431" y="766"/>
                      </a:lnTo>
                      <a:lnTo>
                        <a:pt x="416" y="767"/>
                      </a:lnTo>
                      <a:lnTo>
                        <a:pt x="351" y="767"/>
                      </a:lnTo>
                      <a:lnTo>
                        <a:pt x="337" y="766"/>
                      </a:lnTo>
                      <a:lnTo>
                        <a:pt x="329" y="759"/>
                      </a:lnTo>
                      <a:lnTo>
                        <a:pt x="322" y="748"/>
                      </a:lnTo>
                      <a:lnTo>
                        <a:pt x="319" y="737"/>
                      </a:lnTo>
                      <a:lnTo>
                        <a:pt x="301" y="660"/>
                      </a:lnTo>
                      <a:lnTo>
                        <a:pt x="274" y="651"/>
                      </a:lnTo>
                      <a:lnTo>
                        <a:pt x="249" y="639"/>
                      </a:lnTo>
                      <a:lnTo>
                        <a:pt x="170" y="688"/>
                      </a:lnTo>
                      <a:lnTo>
                        <a:pt x="159" y="694"/>
                      </a:lnTo>
                      <a:lnTo>
                        <a:pt x="147" y="699"/>
                      </a:lnTo>
                      <a:lnTo>
                        <a:pt x="136" y="698"/>
                      </a:lnTo>
                      <a:lnTo>
                        <a:pt x="123" y="690"/>
                      </a:lnTo>
                      <a:lnTo>
                        <a:pt x="78" y="644"/>
                      </a:lnTo>
                      <a:lnTo>
                        <a:pt x="70" y="631"/>
                      </a:lnTo>
                      <a:lnTo>
                        <a:pt x="68" y="620"/>
                      </a:lnTo>
                      <a:lnTo>
                        <a:pt x="73" y="609"/>
                      </a:lnTo>
                      <a:lnTo>
                        <a:pt x="79" y="597"/>
                      </a:lnTo>
                      <a:lnTo>
                        <a:pt x="130" y="518"/>
                      </a:lnTo>
                      <a:lnTo>
                        <a:pt x="117" y="494"/>
                      </a:lnTo>
                      <a:lnTo>
                        <a:pt x="109" y="468"/>
                      </a:lnTo>
                      <a:lnTo>
                        <a:pt x="32" y="448"/>
                      </a:lnTo>
                      <a:lnTo>
                        <a:pt x="19" y="445"/>
                      </a:lnTo>
                      <a:lnTo>
                        <a:pt x="10" y="440"/>
                      </a:lnTo>
                      <a:lnTo>
                        <a:pt x="2" y="431"/>
                      </a:lnTo>
                      <a:lnTo>
                        <a:pt x="0" y="416"/>
                      </a:lnTo>
                      <a:lnTo>
                        <a:pt x="0" y="353"/>
                      </a:lnTo>
                      <a:lnTo>
                        <a:pt x="2" y="338"/>
                      </a:lnTo>
                      <a:lnTo>
                        <a:pt x="10" y="329"/>
                      </a:lnTo>
                      <a:lnTo>
                        <a:pt x="19" y="324"/>
                      </a:lnTo>
                      <a:lnTo>
                        <a:pt x="32" y="321"/>
                      </a:lnTo>
                      <a:lnTo>
                        <a:pt x="109" y="301"/>
                      </a:lnTo>
                      <a:lnTo>
                        <a:pt x="117" y="275"/>
                      </a:lnTo>
                      <a:lnTo>
                        <a:pt x="130" y="249"/>
                      </a:lnTo>
                      <a:lnTo>
                        <a:pt x="79" y="172"/>
                      </a:lnTo>
                      <a:lnTo>
                        <a:pt x="73" y="160"/>
                      </a:lnTo>
                      <a:lnTo>
                        <a:pt x="68" y="148"/>
                      </a:lnTo>
                      <a:lnTo>
                        <a:pt x="70" y="136"/>
                      </a:lnTo>
                      <a:lnTo>
                        <a:pt x="78" y="125"/>
                      </a:lnTo>
                      <a:lnTo>
                        <a:pt x="123" y="80"/>
                      </a:lnTo>
                      <a:lnTo>
                        <a:pt x="136" y="71"/>
                      </a:lnTo>
                      <a:lnTo>
                        <a:pt x="147" y="70"/>
                      </a:lnTo>
                      <a:lnTo>
                        <a:pt x="159" y="73"/>
                      </a:lnTo>
                      <a:lnTo>
                        <a:pt x="170" y="81"/>
                      </a:lnTo>
                      <a:lnTo>
                        <a:pt x="249" y="130"/>
                      </a:lnTo>
                      <a:lnTo>
                        <a:pt x="274" y="118"/>
                      </a:lnTo>
                      <a:lnTo>
                        <a:pt x="301" y="109"/>
                      </a:lnTo>
                      <a:lnTo>
                        <a:pt x="319" y="33"/>
                      </a:lnTo>
                      <a:lnTo>
                        <a:pt x="322" y="20"/>
                      </a:lnTo>
                      <a:lnTo>
                        <a:pt x="329" y="10"/>
                      </a:lnTo>
                      <a:lnTo>
                        <a:pt x="337" y="3"/>
                      </a:lnTo>
                      <a:lnTo>
                        <a:pt x="351" y="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0">
                  <a:noFill/>
                  <a:prstDash val="solid"/>
                  <a:round/>
                  <a:headEnd/>
                  <a:tailEnd/>
                </a:ln>
                <a:effectLst>
                  <a:reflection blurRad="6350" stA="52000" endA="300" endPos="35000" dir="5400000" sy="-100000" algn="bl" rotWithShape="0"/>
                </a:effec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  <p:grpSp>
              <p:nvGrpSpPr>
                <p:cNvPr id="268" name="Group 2"/>
                <p:cNvGrpSpPr/>
                <p:nvPr/>
              </p:nvGrpSpPr>
              <p:grpSpPr>
                <a:xfrm>
                  <a:off x="5221518" y="1509381"/>
                  <a:ext cx="743453" cy="421487"/>
                  <a:chOff x="9821227" y="4488107"/>
                  <a:chExt cx="743453" cy="421487"/>
                </a:xfrm>
                <a:effectLst>
                  <a:reflection blurRad="6350" stA="52000" endA="300" endPos="35000" dir="5400000" sy="-100000" algn="bl" rotWithShape="0"/>
                </a:effectLst>
              </p:grpSpPr>
              <p:grpSp>
                <p:nvGrpSpPr>
                  <p:cNvPr id="269" name="Group 44"/>
                  <p:cNvGrpSpPr/>
                  <p:nvPr/>
                </p:nvGrpSpPr>
                <p:grpSpPr>
                  <a:xfrm>
                    <a:off x="9821227" y="4488107"/>
                    <a:ext cx="743453" cy="418184"/>
                    <a:chOff x="394282" y="3505222"/>
                    <a:chExt cx="1663118" cy="935488"/>
                  </a:xfrm>
                  <a:solidFill>
                    <a:srgbClr val="FFFFFF">
                      <a:lumMod val="65000"/>
                    </a:srgbClr>
                  </a:solidFill>
                </p:grpSpPr>
                <p:grpSp>
                  <p:nvGrpSpPr>
                    <p:cNvPr id="271" name="Group 45"/>
                    <p:cNvGrpSpPr/>
                    <p:nvPr/>
                  </p:nvGrpSpPr>
                  <p:grpSpPr>
                    <a:xfrm>
                      <a:off x="1304338" y="3586032"/>
                      <a:ext cx="753062" cy="725714"/>
                      <a:chOff x="4498003" y="5335628"/>
                      <a:chExt cx="649566" cy="625977"/>
                    </a:xfrm>
                    <a:grpFill/>
                  </p:grpSpPr>
                  <p:sp>
                    <p:nvSpPr>
                      <p:cNvPr id="279" name="Flowchart: Process 23"/>
                      <p:cNvSpPr/>
                      <p:nvPr/>
                    </p:nvSpPr>
                    <p:spPr>
                      <a:xfrm>
                        <a:off x="4684200" y="5647605"/>
                        <a:ext cx="281919" cy="314000"/>
                      </a:xfrm>
                      <a:custGeom>
                        <a:avLst/>
                        <a:gdLst>
                          <a:gd name="connsiteX0" fmla="*/ 0 w 10000"/>
                          <a:gd name="connsiteY0" fmla="*/ 0 h 10000"/>
                          <a:gd name="connsiteX1" fmla="*/ 10000 w 10000"/>
                          <a:gd name="connsiteY1" fmla="*/ 0 h 10000"/>
                          <a:gd name="connsiteX2" fmla="*/ 10000 w 10000"/>
                          <a:gd name="connsiteY2" fmla="*/ 10000 h 10000"/>
                          <a:gd name="connsiteX3" fmla="*/ 0 w 10000"/>
                          <a:gd name="connsiteY3" fmla="*/ 10000 h 10000"/>
                          <a:gd name="connsiteX4" fmla="*/ 0 w 10000"/>
                          <a:gd name="connsiteY4" fmla="*/ 0 h 10000"/>
                          <a:gd name="connsiteX0" fmla="*/ 0 w 10000"/>
                          <a:gd name="connsiteY0" fmla="*/ 0 h 10000"/>
                          <a:gd name="connsiteX1" fmla="*/ 10000 w 10000"/>
                          <a:gd name="connsiteY1" fmla="*/ 0 h 10000"/>
                          <a:gd name="connsiteX2" fmla="*/ 5828 w 10000"/>
                          <a:gd name="connsiteY2" fmla="*/ 7476 h 10000"/>
                          <a:gd name="connsiteX3" fmla="*/ 0 w 10000"/>
                          <a:gd name="connsiteY3" fmla="*/ 10000 h 10000"/>
                          <a:gd name="connsiteX4" fmla="*/ 0 w 10000"/>
                          <a:gd name="connsiteY4" fmla="*/ 0 h 10000"/>
                          <a:gd name="connsiteX0" fmla="*/ 0 w 10000"/>
                          <a:gd name="connsiteY0" fmla="*/ 0 h 7547"/>
                          <a:gd name="connsiteX1" fmla="*/ 10000 w 10000"/>
                          <a:gd name="connsiteY1" fmla="*/ 0 h 7547"/>
                          <a:gd name="connsiteX2" fmla="*/ 5828 w 10000"/>
                          <a:gd name="connsiteY2" fmla="*/ 7476 h 7547"/>
                          <a:gd name="connsiteX3" fmla="*/ 3390 w 10000"/>
                          <a:gd name="connsiteY3" fmla="*/ 7547 h 7547"/>
                          <a:gd name="connsiteX4" fmla="*/ 0 w 10000"/>
                          <a:gd name="connsiteY4" fmla="*/ 0 h 7547"/>
                          <a:gd name="connsiteX0" fmla="*/ 1261 w 6610"/>
                          <a:gd name="connsiteY0" fmla="*/ 6311 h 10000"/>
                          <a:gd name="connsiteX1" fmla="*/ 6610 w 6610"/>
                          <a:gd name="connsiteY1" fmla="*/ 0 h 10000"/>
                          <a:gd name="connsiteX2" fmla="*/ 2438 w 6610"/>
                          <a:gd name="connsiteY2" fmla="*/ 9906 h 10000"/>
                          <a:gd name="connsiteX3" fmla="*/ 0 w 6610"/>
                          <a:gd name="connsiteY3" fmla="*/ 10000 h 10000"/>
                          <a:gd name="connsiteX4" fmla="*/ 1261 w 6610"/>
                          <a:gd name="connsiteY4" fmla="*/ 6311 h 10000"/>
                          <a:gd name="connsiteX0" fmla="*/ 0 w 11117"/>
                          <a:gd name="connsiteY0" fmla="*/ 3862 h 10000"/>
                          <a:gd name="connsiteX1" fmla="*/ 11117 w 11117"/>
                          <a:gd name="connsiteY1" fmla="*/ 0 h 10000"/>
                          <a:gd name="connsiteX2" fmla="*/ 4805 w 11117"/>
                          <a:gd name="connsiteY2" fmla="*/ 9906 h 10000"/>
                          <a:gd name="connsiteX3" fmla="*/ 1117 w 11117"/>
                          <a:gd name="connsiteY3" fmla="*/ 10000 h 10000"/>
                          <a:gd name="connsiteX4" fmla="*/ 0 w 11117"/>
                          <a:gd name="connsiteY4" fmla="*/ 3862 h 10000"/>
                          <a:gd name="connsiteX0" fmla="*/ 0 w 5265"/>
                          <a:gd name="connsiteY0" fmla="*/ 0 h 6138"/>
                          <a:gd name="connsiteX1" fmla="*/ 5265 w 5265"/>
                          <a:gd name="connsiteY1" fmla="*/ 330 h 6138"/>
                          <a:gd name="connsiteX2" fmla="*/ 4805 w 5265"/>
                          <a:gd name="connsiteY2" fmla="*/ 6044 h 6138"/>
                          <a:gd name="connsiteX3" fmla="*/ 1117 w 5265"/>
                          <a:gd name="connsiteY3" fmla="*/ 6138 h 6138"/>
                          <a:gd name="connsiteX4" fmla="*/ 0 w 5265"/>
                          <a:gd name="connsiteY4" fmla="*/ 0 h 6138"/>
                          <a:gd name="connsiteX0" fmla="*/ 0 w 15620"/>
                          <a:gd name="connsiteY0" fmla="*/ 0 h 12916"/>
                          <a:gd name="connsiteX1" fmla="*/ 15620 w 15620"/>
                          <a:gd name="connsiteY1" fmla="*/ 3454 h 12916"/>
                          <a:gd name="connsiteX2" fmla="*/ 14746 w 15620"/>
                          <a:gd name="connsiteY2" fmla="*/ 12763 h 12916"/>
                          <a:gd name="connsiteX3" fmla="*/ 7742 w 15620"/>
                          <a:gd name="connsiteY3" fmla="*/ 12916 h 12916"/>
                          <a:gd name="connsiteX4" fmla="*/ 0 w 15620"/>
                          <a:gd name="connsiteY4" fmla="*/ 0 h 12916"/>
                          <a:gd name="connsiteX0" fmla="*/ 0 w 22614"/>
                          <a:gd name="connsiteY0" fmla="*/ 0 h 12916"/>
                          <a:gd name="connsiteX1" fmla="*/ 22614 w 22614"/>
                          <a:gd name="connsiteY1" fmla="*/ 2073 h 12916"/>
                          <a:gd name="connsiteX2" fmla="*/ 14746 w 22614"/>
                          <a:gd name="connsiteY2" fmla="*/ 12763 h 12916"/>
                          <a:gd name="connsiteX3" fmla="*/ 7742 w 22614"/>
                          <a:gd name="connsiteY3" fmla="*/ 12916 h 12916"/>
                          <a:gd name="connsiteX4" fmla="*/ 0 w 22614"/>
                          <a:gd name="connsiteY4" fmla="*/ 0 h 12916"/>
                          <a:gd name="connsiteX0" fmla="*/ 0 w 22614"/>
                          <a:gd name="connsiteY0" fmla="*/ 2043 h 14959"/>
                          <a:gd name="connsiteX1" fmla="*/ 22614 w 22614"/>
                          <a:gd name="connsiteY1" fmla="*/ 4116 h 14959"/>
                          <a:gd name="connsiteX2" fmla="*/ 14746 w 22614"/>
                          <a:gd name="connsiteY2" fmla="*/ 14806 h 14959"/>
                          <a:gd name="connsiteX3" fmla="*/ 7742 w 22614"/>
                          <a:gd name="connsiteY3" fmla="*/ 14959 h 14959"/>
                          <a:gd name="connsiteX4" fmla="*/ 0 w 22614"/>
                          <a:gd name="connsiteY4" fmla="*/ 2043 h 14959"/>
                          <a:gd name="connsiteX0" fmla="*/ 0 w 22614"/>
                          <a:gd name="connsiteY0" fmla="*/ 2962 h 15878"/>
                          <a:gd name="connsiteX1" fmla="*/ 22614 w 22614"/>
                          <a:gd name="connsiteY1" fmla="*/ 5035 h 15878"/>
                          <a:gd name="connsiteX2" fmla="*/ 14746 w 22614"/>
                          <a:gd name="connsiteY2" fmla="*/ 15725 h 15878"/>
                          <a:gd name="connsiteX3" fmla="*/ 7742 w 22614"/>
                          <a:gd name="connsiteY3" fmla="*/ 15878 h 15878"/>
                          <a:gd name="connsiteX4" fmla="*/ 0 w 22614"/>
                          <a:gd name="connsiteY4" fmla="*/ 2962 h 15878"/>
                          <a:gd name="connsiteX0" fmla="*/ 0 w 22614"/>
                          <a:gd name="connsiteY0" fmla="*/ 2389 h 15305"/>
                          <a:gd name="connsiteX1" fmla="*/ 22614 w 22614"/>
                          <a:gd name="connsiteY1" fmla="*/ 4462 h 15305"/>
                          <a:gd name="connsiteX2" fmla="*/ 14746 w 22614"/>
                          <a:gd name="connsiteY2" fmla="*/ 15152 h 15305"/>
                          <a:gd name="connsiteX3" fmla="*/ 7742 w 22614"/>
                          <a:gd name="connsiteY3" fmla="*/ 15305 h 15305"/>
                          <a:gd name="connsiteX4" fmla="*/ 0 w 22614"/>
                          <a:gd name="connsiteY4" fmla="*/ 2389 h 15305"/>
                          <a:gd name="connsiteX0" fmla="*/ 0 w 22614"/>
                          <a:gd name="connsiteY0" fmla="*/ 2559 h 15475"/>
                          <a:gd name="connsiteX1" fmla="*/ 22614 w 22614"/>
                          <a:gd name="connsiteY1" fmla="*/ 4632 h 15475"/>
                          <a:gd name="connsiteX2" fmla="*/ 14746 w 22614"/>
                          <a:gd name="connsiteY2" fmla="*/ 15322 h 15475"/>
                          <a:gd name="connsiteX3" fmla="*/ 7742 w 22614"/>
                          <a:gd name="connsiteY3" fmla="*/ 15475 h 15475"/>
                          <a:gd name="connsiteX4" fmla="*/ 0 w 22614"/>
                          <a:gd name="connsiteY4" fmla="*/ 2559 h 15475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  <a:cxn ang="0">
                            <a:pos x="connsiteX4" y="connsiteY4"/>
                          </a:cxn>
                        </a:cxnLst>
                        <a:rect l="l" t="t" r="r" b="b"/>
                        <a:pathLst>
                          <a:path w="22614" h="15475">
                            <a:moveTo>
                              <a:pt x="0" y="2559"/>
                            </a:moveTo>
                            <a:cubicBezTo>
                              <a:pt x="5290" y="-202"/>
                              <a:pt x="20446" y="-2197"/>
                              <a:pt x="22614" y="4632"/>
                            </a:cubicBezTo>
                            <a:cubicBezTo>
                              <a:pt x="22323" y="7735"/>
                              <a:pt x="15037" y="12218"/>
                              <a:pt x="14746" y="15322"/>
                            </a:cubicBezTo>
                            <a:lnTo>
                              <a:pt x="7742" y="15475"/>
                            </a:lnTo>
                            <a:lnTo>
                              <a:pt x="0" y="2559"/>
                            </a:lnTo>
                            <a:close/>
                          </a:path>
                        </a:pathLst>
                      </a:custGeom>
                      <a:solidFill>
                        <a:srgbClr val="FFFFFF">
                          <a:lumMod val="65000"/>
                        </a:srgbClr>
                      </a:solidFill>
                      <a:ln w="12700" cap="flat" cmpd="sng" algn="ctr">
                        <a:noFill/>
                        <a:prstDash val="solid"/>
                        <a:miter lim="800000"/>
                      </a:ln>
                      <a:effectLst/>
                    </p:spPr>
                    <p:txBody>
                      <a:bodyPr rtlCol="0" anchor="ctr"/>
                      <a:lstStyle/>
                      <a:p>
                        <a:pPr marL="0" marR="0" lvl="0" indent="0" algn="ctr" defTabSz="91440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endParaRPr kumimoji="0" lang="en-US" sz="1800" b="0" i="0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uLnTx/>
                          <a:uFillTx/>
                          <a:latin typeface="Futura Bk BT" panose="020B0502020204020303" pitchFamily="34" charset="0"/>
                          <a:ea typeface="+mn-ea"/>
                        </a:endParaRPr>
                      </a:p>
                    </p:txBody>
                  </p:sp>
                  <p:sp>
                    <p:nvSpPr>
                      <p:cNvPr id="280" name="Oval Callout 54"/>
                      <p:cNvSpPr/>
                      <p:nvPr/>
                    </p:nvSpPr>
                    <p:spPr>
                      <a:xfrm>
                        <a:off x="4655558" y="5335628"/>
                        <a:ext cx="336545" cy="339956"/>
                      </a:xfrm>
                      <a:prstGeom prst="wedgeEllipseCallout">
                        <a:avLst>
                          <a:gd name="adj1" fmla="val -941"/>
                          <a:gd name="adj2" fmla="val 63927"/>
                        </a:avLst>
                      </a:prstGeom>
                      <a:solidFill>
                        <a:srgbClr val="FFFFFF"/>
                      </a:solidFill>
                      <a:ln w="12700" cap="flat" cmpd="sng" algn="ctr">
                        <a:noFill/>
                        <a:prstDash val="solid"/>
                        <a:miter lim="800000"/>
                      </a:ln>
                      <a:effectLst/>
                    </p:spPr>
                    <p:txBody>
                      <a:bodyPr rtlCol="0" anchor="ctr"/>
                      <a:lstStyle/>
                      <a:p>
                        <a:pPr marL="0" marR="0" lvl="0" indent="0" algn="ctr" defTabSz="91440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endParaRPr kumimoji="0" lang="en-US" sz="1800" b="0" i="0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uLnTx/>
                          <a:uFillTx/>
                          <a:latin typeface="Futura Bk BT" panose="020B0502020204020303" pitchFamily="34" charset="0"/>
                          <a:ea typeface="+mn-ea"/>
                        </a:endParaRPr>
                      </a:p>
                    </p:txBody>
                  </p:sp>
                  <p:sp>
                    <p:nvSpPr>
                      <p:cNvPr id="281" name="Flowchart: Process 22"/>
                      <p:cNvSpPr/>
                      <p:nvPr/>
                    </p:nvSpPr>
                    <p:spPr>
                      <a:xfrm>
                        <a:off x="4498003" y="5670941"/>
                        <a:ext cx="649566" cy="290397"/>
                      </a:xfrm>
                      <a:custGeom>
                        <a:avLst/>
                        <a:gdLst>
                          <a:gd name="connsiteX0" fmla="*/ 0 w 10000"/>
                          <a:gd name="connsiteY0" fmla="*/ 0 h 10000"/>
                          <a:gd name="connsiteX1" fmla="*/ 10000 w 10000"/>
                          <a:gd name="connsiteY1" fmla="*/ 0 h 10000"/>
                          <a:gd name="connsiteX2" fmla="*/ 10000 w 10000"/>
                          <a:gd name="connsiteY2" fmla="*/ 10000 h 10000"/>
                          <a:gd name="connsiteX3" fmla="*/ 0 w 10000"/>
                          <a:gd name="connsiteY3" fmla="*/ 10000 h 10000"/>
                          <a:gd name="connsiteX4" fmla="*/ 0 w 10000"/>
                          <a:gd name="connsiteY4" fmla="*/ 0 h 10000"/>
                          <a:gd name="connsiteX0" fmla="*/ 0 w 10000"/>
                          <a:gd name="connsiteY0" fmla="*/ 0 h 10000"/>
                          <a:gd name="connsiteX1" fmla="*/ 10000 w 10000"/>
                          <a:gd name="connsiteY1" fmla="*/ 0 h 10000"/>
                          <a:gd name="connsiteX2" fmla="*/ 10000 w 10000"/>
                          <a:gd name="connsiteY2" fmla="*/ 10000 h 10000"/>
                          <a:gd name="connsiteX3" fmla="*/ 794 w 10000"/>
                          <a:gd name="connsiteY3" fmla="*/ 7245 h 10000"/>
                          <a:gd name="connsiteX4" fmla="*/ 0 w 10000"/>
                          <a:gd name="connsiteY4" fmla="*/ 0 h 10000"/>
                          <a:gd name="connsiteX0" fmla="*/ 0 w 10698"/>
                          <a:gd name="connsiteY0" fmla="*/ 0 h 7317"/>
                          <a:gd name="connsiteX1" fmla="*/ 10000 w 10698"/>
                          <a:gd name="connsiteY1" fmla="*/ 0 h 7317"/>
                          <a:gd name="connsiteX2" fmla="*/ 10698 w 10698"/>
                          <a:gd name="connsiteY2" fmla="*/ 7317 h 7317"/>
                          <a:gd name="connsiteX3" fmla="*/ 794 w 10698"/>
                          <a:gd name="connsiteY3" fmla="*/ 7245 h 7317"/>
                          <a:gd name="connsiteX4" fmla="*/ 0 w 10698"/>
                          <a:gd name="connsiteY4" fmla="*/ 0 h 7317"/>
                          <a:gd name="connsiteX0" fmla="*/ 0 w 10000"/>
                          <a:gd name="connsiteY0" fmla="*/ 0 h 10195"/>
                          <a:gd name="connsiteX1" fmla="*/ 9348 w 10000"/>
                          <a:gd name="connsiteY1" fmla="*/ 0 h 10195"/>
                          <a:gd name="connsiteX2" fmla="*/ 10000 w 10000"/>
                          <a:gd name="connsiteY2" fmla="*/ 10000 h 10195"/>
                          <a:gd name="connsiteX3" fmla="*/ 697 w 10000"/>
                          <a:gd name="connsiteY3" fmla="*/ 10195 h 10195"/>
                          <a:gd name="connsiteX4" fmla="*/ 0 w 10000"/>
                          <a:gd name="connsiteY4" fmla="*/ 0 h 10195"/>
                          <a:gd name="connsiteX0" fmla="*/ 0 w 10045"/>
                          <a:gd name="connsiteY0" fmla="*/ 0 h 10342"/>
                          <a:gd name="connsiteX1" fmla="*/ 9348 w 10045"/>
                          <a:gd name="connsiteY1" fmla="*/ 0 h 10342"/>
                          <a:gd name="connsiteX2" fmla="*/ 10045 w 10045"/>
                          <a:gd name="connsiteY2" fmla="*/ 10342 h 10342"/>
                          <a:gd name="connsiteX3" fmla="*/ 697 w 10045"/>
                          <a:gd name="connsiteY3" fmla="*/ 10195 h 10342"/>
                          <a:gd name="connsiteX4" fmla="*/ 0 w 10045"/>
                          <a:gd name="connsiteY4" fmla="*/ 0 h 10342"/>
                          <a:gd name="connsiteX0" fmla="*/ 0 w 10045"/>
                          <a:gd name="connsiteY0" fmla="*/ 0 h 10342"/>
                          <a:gd name="connsiteX1" fmla="*/ 6964 w 10045"/>
                          <a:gd name="connsiteY1" fmla="*/ 1222 h 10342"/>
                          <a:gd name="connsiteX2" fmla="*/ 10045 w 10045"/>
                          <a:gd name="connsiteY2" fmla="*/ 10342 h 10342"/>
                          <a:gd name="connsiteX3" fmla="*/ 697 w 10045"/>
                          <a:gd name="connsiteY3" fmla="*/ 10195 h 10342"/>
                          <a:gd name="connsiteX4" fmla="*/ 0 w 10045"/>
                          <a:gd name="connsiteY4" fmla="*/ 0 h 10342"/>
                          <a:gd name="connsiteX0" fmla="*/ 0 w 10045"/>
                          <a:gd name="connsiteY0" fmla="*/ 0 h 10342"/>
                          <a:gd name="connsiteX1" fmla="*/ 5586 w 10045"/>
                          <a:gd name="connsiteY1" fmla="*/ 865 h 10342"/>
                          <a:gd name="connsiteX2" fmla="*/ 6964 w 10045"/>
                          <a:gd name="connsiteY2" fmla="*/ 1222 h 10342"/>
                          <a:gd name="connsiteX3" fmla="*/ 10045 w 10045"/>
                          <a:gd name="connsiteY3" fmla="*/ 10342 h 10342"/>
                          <a:gd name="connsiteX4" fmla="*/ 697 w 10045"/>
                          <a:gd name="connsiteY4" fmla="*/ 10195 h 10342"/>
                          <a:gd name="connsiteX5" fmla="*/ 0 w 10045"/>
                          <a:gd name="connsiteY5" fmla="*/ 0 h 10342"/>
                          <a:gd name="connsiteX0" fmla="*/ 0 w 10045"/>
                          <a:gd name="connsiteY0" fmla="*/ 0 h 10342"/>
                          <a:gd name="connsiteX1" fmla="*/ 6890 w 10045"/>
                          <a:gd name="connsiteY1" fmla="*/ 4385 h 10342"/>
                          <a:gd name="connsiteX2" fmla="*/ 6964 w 10045"/>
                          <a:gd name="connsiteY2" fmla="*/ 1222 h 10342"/>
                          <a:gd name="connsiteX3" fmla="*/ 10045 w 10045"/>
                          <a:gd name="connsiteY3" fmla="*/ 10342 h 10342"/>
                          <a:gd name="connsiteX4" fmla="*/ 697 w 10045"/>
                          <a:gd name="connsiteY4" fmla="*/ 10195 h 10342"/>
                          <a:gd name="connsiteX5" fmla="*/ 0 w 10045"/>
                          <a:gd name="connsiteY5" fmla="*/ 0 h 10342"/>
                          <a:gd name="connsiteX0" fmla="*/ 0 w 10045"/>
                          <a:gd name="connsiteY0" fmla="*/ 0 h 10342"/>
                          <a:gd name="connsiteX1" fmla="*/ 5316 w 10045"/>
                          <a:gd name="connsiteY1" fmla="*/ 3359 h 10342"/>
                          <a:gd name="connsiteX2" fmla="*/ 6890 w 10045"/>
                          <a:gd name="connsiteY2" fmla="*/ 4385 h 10342"/>
                          <a:gd name="connsiteX3" fmla="*/ 6964 w 10045"/>
                          <a:gd name="connsiteY3" fmla="*/ 1222 h 10342"/>
                          <a:gd name="connsiteX4" fmla="*/ 10045 w 10045"/>
                          <a:gd name="connsiteY4" fmla="*/ 10342 h 10342"/>
                          <a:gd name="connsiteX5" fmla="*/ 697 w 10045"/>
                          <a:gd name="connsiteY5" fmla="*/ 10195 h 10342"/>
                          <a:gd name="connsiteX6" fmla="*/ 0 w 10045"/>
                          <a:gd name="connsiteY6" fmla="*/ 0 h 10342"/>
                          <a:gd name="connsiteX0" fmla="*/ 0 w 10045"/>
                          <a:gd name="connsiteY0" fmla="*/ 0 h 10342"/>
                          <a:gd name="connsiteX1" fmla="*/ 5833 w 10045"/>
                          <a:gd name="connsiteY1" fmla="*/ 2137 h 10342"/>
                          <a:gd name="connsiteX2" fmla="*/ 6890 w 10045"/>
                          <a:gd name="connsiteY2" fmla="*/ 4385 h 10342"/>
                          <a:gd name="connsiteX3" fmla="*/ 6964 w 10045"/>
                          <a:gd name="connsiteY3" fmla="*/ 1222 h 10342"/>
                          <a:gd name="connsiteX4" fmla="*/ 10045 w 10045"/>
                          <a:gd name="connsiteY4" fmla="*/ 10342 h 10342"/>
                          <a:gd name="connsiteX5" fmla="*/ 697 w 10045"/>
                          <a:gd name="connsiteY5" fmla="*/ 10195 h 10342"/>
                          <a:gd name="connsiteX6" fmla="*/ 0 w 10045"/>
                          <a:gd name="connsiteY6" fmla="*/ 0 h 10342"/>
                          <a:gd name="connsiteX0" fmla="*/ 0 w 10045"/>
                          <a:gd name="connsiteY0" fmla="*/ 0 h 10342"/>
                          <a:gd name="connsiteX1" fmla="*/ 4911 w 10045"/>
                          <a:gd name="connsiteY1" fmla="*/ 1843 h 10342"/>
                          <a:gd name="connsiteX2" fmla="*/ 5833 w 10045"/>
                          <a:gd name="connsiteY2" fmla="*/ 2137 h 10342"/>
                          <a:gd name="connsiteX3" fmla="*/ 6890 w 10045"/>
                          <a:gd name="connsiteY3" fmla="*/ 4385 h 10342"/>
                          <a:gd name="connsiteX4" fmla="*/ 6964 w 10045"/>
                          <a:gd name="connsiteY4" fmla="*/ 1222 h 10342"/>
                          <a:gd name="connsiteX5" fmla="*/ 10045 w 10045"/>
                          <a:gd name="connsiteY5" fmla="*/ 10342 h 10342"/>
                          <a:gd name="connsiteX6" fmla="*/ 697 w 10045"/>
                          <a:gd name="connsiteY6" fmla="*/ 10195 h 10342"/>
                          <a:gd name="connsiteX7" fmla="*/ 0 w 10045"/>
                          <a:gd name="connsiteY7" fmla="*/ 0 h 10342"/>
                          <a:gd name="connsiteX0" fmla="*/ 0 w 10045"/>
                          <a:gd name="connsiteY0" fmla="*/ 0 h 10342"/>
                          <a:gd name="connsiteX1" fmla="*/ 5811 w 10045"/>
                          <a:gd name="connsiteY1" fmla="*/ 4728 h 10342"/>
                          <a:gd name="connsiteX2" fmla="*/ 5833 w 10045"/>
                          <a:gd name="connsiteY2" fmla="*/ 2137 h 10342"/>
                          <a:gd name="connsiteX3" fmla="*/ 6890 w 10045"/>
                          <a:gd name="connsiteY3" fmla="*/ 4385 h 10342"/>
                          <a:gd name="connsiteX4" fmla="*/ 6964 w 10045"/>
                          <a:gd name="connsiteY4" fmla="*/ 1222 h 10342"/>
                          <a:gd name="connsiteX5" fmla="*/ 10045 w 10045"/>
                          <a:gd name="connsiteY5" fmla="*/ 10342 h 10342"/>
                          <a:gd name="connsiteX6" fmla="*/ 697 w 10045"/>
                          <a:gd name="connsiteY6" fmla="*/ 10195 h 10342"/>
                          <a:gd name="connsiteX7" fmla="*/ 0 w 10045"/>
                          <a:gd name="connsiteY7" fmla="*/ 0 h 10342"/>
                          <a:gd name="connsiteX0" fmla="*/ 0 w 10045"/>
                          <a:gd name="connsiteY0" fmla="*/ 0 h 10342"/>
                          <a:gd name="connsiteX1" fmla="*/ 4754 w 10045"/>
                          <a:gd name="connsiteY1" fmla="*/ 3945 h 10342"/>
                          <a:gd name="connsiteX2" fmla="*/ 5811 w 10045"/>
                          <a:gd name="connsiteY2" fmla="*/ 4728 h 10342"/>
                          <a:gd name="connsiteX3" fmla="*/ 5833 w 10045"/>
                          <a:gd name="connsiteY3" fmla="*/ 2137 h 10342"/>
                          <a:gd name="connsiteX4" fmla="*/ 6890 w 10045"/>
                          <a:gd name="connsiteY4" fmla="*/ 4385 h 10342"/>
                          <a:gd name="connsiteX5" fmla="*/ 6964 w 10045"/>
                          <a:gd name="connsiteY5" fmla="*/ 1222 h 10342"/>
                          <a:gd name="connsiteX6" fmla="*/ 10045 w 10045"/>
                          <a:gd name="connsiteY6" fmla="*/ 10342 h 10342"/>
                          <a:gd name="connsiteX7" fmla="*/ 697 w 10045"/>
                          <a:gd name="connsiteY7" fmla="*/ 10195 h 10342"/>
                          <a:gd name="connsiteX8" fmla="*/ 0 w 10045"/>
                          <a:gd name="connsiteY8" fmla="*/ 0 h 10342"/>
                          <a:gd name="connsiteX0" fmla="*/ 0 w 10045"/>
                          <a:gd name="connsiteY0" fmla="*/ 0 h 10342"/>
                          <a:gd name="connsiteX1" fmla="*/ 5833 w 10045"/>
                          <a:gd name="connsiteY1" fmla="*/ 10106 h 10342"/>
                          <a:gd name="connsiteX2" fmla="*/ 5811 w 10045"/>
                          <a:gd name="connsiteY2" fmla="*/ 4728 h 10342"/>
                          <a:gd name="connsiteX3" fmla="*/ 5833 w 10045"/>
                          <a:gd name="connsiteY3" fmla="*/ 2137 h 10342"/>
                          <a:gd name="connsiteX4" fmla="*/ 6890 w 10045"/>
                          <a:gd name="connsiteY4" fmla="*/ 4385 h 10342"/>
                          <a:gd name="connsiteX5" fmla="*/ 6964 w 10045"/>
                          <a:gd name="connsiteY5" fmla="*/ 1222 h 10342"/>
                          <a:gd name="connsiteX6" fmla="*/ 10045 w 10045"/>
                          <a:gd name="connsiteY6" fmla="*/ 10342 h 10342"/>
                          <a:gd name="connsiteX7" fmla="*/ 697 w 10045"/>
                          <a:gd name="connsiteY7" fmla="*/ 10195 h 10342"/>
                          <a:gd name="connsiteX8" fmla="*/ 0 w 10045"/>
                          <a:gd name="connsiteY8" fmla="*/ 0 h 10342"/>
                          <a:gd name="connsiteX0" fmla="*/ 0 w 10045"/>
                          <a:gd name="connsiteY0" fmla="*/ 0 h 10342"/>
                          <a:gd name="connsiteX1" fmla="*/ 4551 w 10045"/>
                          <a:gd name="connsiteY1" fmla="*/ 7857 h 10342"/>
                          <a:gd name="connsiteX2" fmla="*/ 5833 w 10045"/>
                          <a:gd name="connsiteY2" fmla="*/ 10106 h 10342"/>
                          <a:gd name="connsiteX3" fmla="*/ 5811 w 10045"/>
                          <a:gd name="connsiteY3" fmla="*/ 4728 h 10342"/>
                          <a:gd name="connsiteX4" fmla="*/ 5833 w 10045"/>
                          <a:gd name="connsiteY4" fmla="*/ 2137 h 10342"/>
                          <a:gd name="connsiteX5" fmla="*/ 6890 w 10045"/>
                          <a:gd name="connsiteY5" fmla="*/ 4385 h 10342"/>
                          <a:gd name="connsiteX6" fmla="*/ 6964 w 10045"/>
                          <a:gd name="connsiteY6" fmla="*/ 1222 h 10342"/>
                          <a:gd name="connsiteX7" fmla="*/ 10045 w 10045"/>
                          <a:gd name="connsiteY7" fmla="*/ 10342 h 10342"/>
                          <a:gd name="connsiteX8" fmla="*/ 697 w 10045"/>
                          <a:gd name="connsiteY8" fmla="*/ 10195 h 10342"/>
                          <a:gd name="connsiteX9" fmla="*/ 0 w 10045"/>
                          <a:gd name="connsiteY9" fmla="*/ 0 h 10342"/>
                          <a:gd name="connsiteX0" fmla="*/ 0 w 10045"/>
                          <a:gd name="connsiteY0" fmla="*/ 0 h 10342"/>
                          <a:gd name="connsiteX1" fmla="*/ 4731 w 10045"/>
                          <a:gd name="connsiteY1" fmla="*/ 10057 h 10342"/>
                          <a:gd name="connsiteX2" fmla="*/ 5833 w 10045"/>
                          <a:gd name="connsiteY2" fmla="*/ 10106 h 10342"/>
                          <a:gd name="connsiteX3" fmla="*/ 5811 w 10045"/>
                          <a:gd name="connsiteY3" fmla="*/ 4728 h 10342"/>
                          <a:gd name="connsiteX4" fmla="*/ 5833 w 10045"/>
                          <a:gd name="connsiteY4" fmla="*/ 2137 h 10342"/>
                          <a:gd name="connsiteX5" fmla="*/ 6890 w 10045"/>
                          <a:gd name="connsiteY5" fmla="*/ 4385 h 10342"/>
                          <a:gd name="connsiteX6" fmla="*/ 6964 w 10045"/>
                          <a:gd name="connsiteY6" fmla="*/ 1222 h 10342"/>
                          <a:gd name="connsiteX7" fmla="*/ 10045 w 10045"/>
                          <a:gd name="connsiteY7" fmla="*/ 10342 h 10342"/>
                          <a:gd name="connsiteX8" fmla="*/ 697 w 10045"/>
                          <a:gd name="connsiteY8" fmla="*/ 10195 h 10342"/>
                          <a:gd name="connsiteX9" fmla="*/ 0 w 10045"/>
                          <a:gd name="connsiteY9" fmla="*/ 0 h 10342"/>
                          <a:gd name="connsiteX0" fmla="*/ 0 w 10045"/>
                          <a:gd name="connsiteY0" fmla="*/ 0 h 10342"/>
                          <a:gd name="connsiteX1" fmla="*/ 2955 w 10045"/>
                          <a:gd name="connsiteY1" fmla="*/ 6390 h 10342"/>
                          <a:gd name="connsiteX2" fmla="*/ 4731 w 10045"/>
                          <a:gd name="connsiteY2" fmla="*/ 10057 h 10342"/>
                          <a:gd name="connsiteX3" fmla="*/ 5833 w 10045"/>
                          <a:gd name="connsiteY3" fmla="*/ 10106 h 10342"/>
                          <a:gd name="connsiteX4" fmla="*/ 5811 w 10045"/>
                          <a:gd name="connsiteY4" fmla="*/ 4728 h 10342"/>
                          <a:gd name="connsiteX5" fmla="*/ 5833 w 10045"/>
                          <a:gd name="connsiteY5" fmla="*/ 2137 h 10342"/>
                          <a:gd name="connsiteX6" fmla="*/ 6890 w 10045"/>
                          <a:gd name="connsiteY6" fmla="*/ 4385 h 10342"/>
                          <a:gd name="connsiteX7" fmla="*/ 6964 w 10045"/>
                          <a:gd name="connsiteY7" fmla="*/ 1222 h 10342"/>
                          <a:gd name="connsiteX8" fmla="*/ 10045 w 10045"/>
                          <a:gd name="connsiteY8" fmla="*/ 10342 h 10342"/>
                          <a:gd name="connsiteX9" fmla="*/ 697 w 10045"/>
                          <a:gd name="connsiteY9" fmla="*/ 10195 h 10342"/>
                          <a:gd name="connsiteX10" fmla="*/ 0 w 10045"/>
                          <a:gd name="connsiteY10" fmla="*/ 0 h 10342"/>
                          <a:gd name="connsiteX0" fmla="*/ 0 w 10045"/>
                          <a:gd name="connsiteY0" fmla="*/ 0 h 10342"/>
                          <a:gd name="connsiteX1" fmla="*/ 4687 w 10045"/>
                          <a:gd name="connsiteY1" fmla="*/ 5119 h 10342"/>
                          <a:gd name="connsiteX2" fmla="*/ 4731 w 10045"/>
                          <a:gd name="connsiteY2" fmla="*/ 10057 h 10342"/>
                          <a:gd name="connsiteX3" fmla="*/ 5833 w 10045"/>
                          <a:gd name="connsiteY3" fmla="*/ 10106 h 10342"/>
                          <a:gd name="connsiteX4" fmla="*/ 5811 w 10045"/>
                          <a:gd name="connsiteY4" fmla="*/ 4728 h 10342"/>
                          <a:gd name="connsiteX5" fmla="*/ 5833 w 10045"/>
                          <a:gd name="connsiteY5" fmla="*/ 2137 h 10342"/>
                          <a:gd name="connsiteX6" fmla="*/ 6890 w 10045"/>
                          <a:gd name="connsiteY6" fmla="*/ 4385 h 10342"/>
                          <a:gd name="connsiteX7" fmla="*/ 6964 w 10045"/>
                          <a:gd name="connsiteY7" fmla="*/ 1222 h 10342"/>
                          <a:gd name="connsiteX8" fmla="*/ 10045 w 10045"/>
                          <a:gd name="connsiteY8" fmla="*/ 10342 h 10342"/>
                          <a:gd name="connsiteX9" fmla="*/ 697 w 10045"/>
                          <a:gd name="connsiteY9" fmla="*/ 10195 h 10342"/>
                          <a:gd name="connsiteX10" fmla="*/ 0 w 10045"/>
                          <a:gd name="connsiteY10" fmla="*/ 0 h 10342"/>
                          <a:gd name="connsiteX0" fmla="*/ 0 w 10045"/>
                          <a:gd name="connsiteY0" fmla="*/ 0 h 10342"/>
                          <a:gd name="connsiteX1" fmla="*/ 3584 w 10045"/>
                          <a:gd name="connsiteY1" fmla="*/ 3945 h 10342"/>
                          <a:gd name="connsiteX2" fmla="*/ 4687 w 10045"/>
                          <a:gd name="connsiteY2" fmla="*/ 5119 h 10342"/>
                          <a:gd name="connsiteX3" fmla="*/ 4731 w 10045"/>
                          <a:gd name="connsiteY3" fmla="*/ 10057 h 10342"/>
                          <a:gd name="connsiteX4" fmla="*/ 5833 w 10045"/>
                          <a:gd name="connsiteY4" fmla="*/ 10106 h 10342"/>
                          <a:gd name="connsiteX5" fmla="*/ 5811 w 10045"/>
                          <a:gd name="connsiteY5" fmla="*/ 4728 h 10342"/>
                          <a:gd name="connsiteX6" fmla="*/ 5833 w 10045"/>
                          <a:gd name="connsiteY6" fmla="*/ 2137 h 10342"/>
                          <a:gd name="connsiteX7" fmla="*/ 6890 w 10045"/>
                          <a:gd name="connsiteY7" fmla="*/ 4385 h 10342"/>
                          <a:gd name="connsiteX8" fmla="*/ 6964 w 10045"/>
                          <a:gd name="connsiteY8" fmla="*/ 1222 h 10342"/>
                          <a:gd name="connsiteX9" fmla="*/ 10045 w 10045"/>
                          <a:gd name="connsiteY9" fmla="*/ 10342 h 10342"/>
                          <a:gd name="connsiteX10" fmla="*/ 697 w 10045"/>
                          <a:gd name="connsiteY10" fmla="*/ 10195 h 10342"/>
                          <a:gd name="connsiteX11" fmla="*/ 0 w 10045"/>
                          <a:gd name="connsiteY11" fmla="*/ 0 h 10342"/>
                          <a:gd name="connsiteX0" fmla="*/ 0 w 10045"/>
                          <a:gd name="connsiteY0" fmla="*/ 0 h 10342"/>
                          <a:gd name="connsiteX1" fmla="*/ 5091 w 10045"/>
                          <a:gd name="connsiteY1" fmla="*/ 3701 h 10342"/>
                          <a:gd name="connsiteX2" fmla="*/ 4687 w 10045"/>
                          <a:gd name="connsiteY2" fmla="*/ 5119 h 10342"/>
                          <a:gd name="connsiteX3" fmla="*/ 4731 w 10045"/>
                          <a:gd name="connsiteY3" fmla="*/ 10057 h 10342"/>
                          <a:gd name="connsiteX4" fmla="*/ 5833 w 10045"/>
                          <a:gd name="connsiteY4" fmla="*/ 10106 h 10342"/>
                          <a:gd name="connsiteX5" fmla="*/ 5811 w 10045"/>
                          <a:gd name="connsiteY5" fmla="*/ 4728 h 10342"/>
                          <a:gd name="connsiteX6" fmla="*/ 5833 w 10045"/>
                          <a:gd name="connsiteY6" fmla="*/ 2137 h 10342"/>
                          <a:gd name="connsiteX7" fmla="*/ 6890 w 10045"/>
                          <a:gd name="connsiteY7" fmla="*/ 4385 h 10342"/>
                          <a:gd name="connsiteX8" fmla="*/ 6964 w 10045"/>
                          <a:gd name="connsiteY8" fmla="*/ 1222 h 10342"/>
                          <a:gd name="connsiteX9" fmla="*/ 10045 w 10045"/>
                          <a:gd name="connsiteY9" fmla="*/ 10342 h 10342"/>
                          <a:gd name="connsiteX10" fmla="*/ 697 w 10045"/>
                          <a:gd name="connsiteY10" fmla="*/ 10195 h 10342"/>
                          <a:gd name="connsiteX11" fmla="*/ 0 w 10045"/>
                          <a:gd name="connsiteY11" fmla="*/ 0 h 10342"/>
                          <a:gd name="connsiteX0" fmla="*/ 0 w 10045"/>
                          <a:gd name="connsiteY0" fmla="*/ 0 h 10342"/>
                          <a:gd name="connsiteX1" fmla="*/ 4192 w 10045"/>
                          <a:gd name="connsiteY1" fmla="*/ 3016 h 10342"/>
                          <a:gd name="connsiteX2" fmla="*/ 5091 w 10045"/>
                          <a:gd name="connsiteY2" fmla="*/ 3701 h 10342"/>
                          <a:gd name="connsiteX3" fmla="*/ 4687 w 10045"/>
                          <a:gd name="connsiteY3" fmla="*/ 5119 h 10342"/>
                          <a:gd name="connsiteX4" fmla="*/ 4731 w 10045"/>
                          <a:gd name="connsiteY4" fmla="*/ 10057 h 10342"/>
                          <a:gd name="connsiteX5" fmla="*/ 5833 w 10045"/>
                          <a:gd name="connsiteY5" fmla="*/ 10106 h 10342"/>
                          <a:gd name="connsiteX6" fmla="*/ 5811 w 10045"/>
                          <a:gd name="connsiteY6" fmla="*/ 4728 h 10342"/>
                          <a:gd name="connsiteX7" fmla="*/ 5833 w 10045"/>
                          <a:gd name="connsiteY7" fmla="*/ 2137 h 10342"/>
                          <a:gd name="connsiteX8" fmla="*/ 6890 w 10045"/>
                          <a:gd name="connsiteY8" fmla="*/ 4385 h 10342"/>
                          <a:gd name="connsiteX9" fmla="*/ 6964 w 10045"/>
                          <a:gd name="connsiteY9" fmla="*/ 1222 h 10342"/>
                          <a:gd name="connsiteX10" fmla="*/ 10045 w 10045"/>
                          <a:gd name="connsiteY10" fmla="*/ 10342 h 10342"/>
                          <a:gd name="connsiteX11" fmla="*/ 697 w 10045"/>
                          <a:gd name="connsiteY11" fmla="*/ 10195 h 10342"/>
                          <a:gd name="connsiteX12" fmla="*/ 0 w 10045"/>
                          <a:gd name="connsiteY12" fmla="*/ 0 h 10342"/>
                          <a:gd name="connsiteX0" fmla="*/ 0 w 10045"/>
                          <a:gd name="connsiteY0" fmla="*/ 0 h 10342"/>
                          <a:gd name="connsiteX1" fmla="*/ 4934 w 10045"/>
                          <a:gd name="connsiteY1" fmla="*/ 2234 h 10342"/>
                          <a:gd name="connsiteX2" fmla="*/ 5091 w 10045"/>
                          <a:gd name="connsiteY2" fmla="*/ 3701 h 10342"/>
                          <a:gd name="connsiteX3" fmla="*/ 4687 w 10045"/>
                          <a:gd name="connsiteY3" fmla="*/ 5119 h 10342"/>
                          <a:gd name="connsiteX4" fmla="*/ 4731 w 10045"/>
                          <a:gd name="connsiteY4" fmla="*/ 10057 h 10342"/>
                          <a:gd name="connsiteX5" fmla="*/ 5833 w 10045"/>
                          <a:gd name="connsiteY5" fmla="*/ 10106 h 10342"/>
                          <a:gd name="connsiteX6" fmla="*/ 5811 w 10045"/>
                          <a:gd name="connsiteY6" fmla="*/ 4728 h 10342"/>
                          <a:gd name="connsiteX7" fmla="*/ 5833 w 10045"/>
                          <a:gd name="connsiteY7" fmla="*/ 2137 h 10342"/>
                          <a:gd name="connsiteX8" fmla="*/ 6890 w 10045"/>
                          <a:gd name="connsiteY8" fmla="*/ 4385 h 10342"/>
                          <a:gd name="connsiteX9" fmla="*/ 6964 w 10045"/>
                          <a:gd name="connsiteY9" fmla="*/ 1222 h 10342"/>
                          <a:gd name="connsiteX10" fmla="*/ 10045 w 10045"/>
                          <a:gd name="connsiteY10" fmla="*/ 10342 h 10342"/>
                          <a:gd name="connsiteX11" fmla="*/ 697 w 10045"/>
                          <a:gd name="connsiteY11" fmla="*/ 10195 h 10342"/>
                          <a:gd name="connsiteX12" fmla="*/ 0 w 10045"/>
                          <a:gd name="connsiteY12" fmla="*/ 0 h 10342"/>
                          <a:gd name="connsiteX0" fmla="*/ 0 w 10045"/>
                          <a:gd name="connsiteY0" fmla="*/ 0 h 10342"/>
                          <a:gd name="connsiteX1" fmla="*/ 4934 w 10045"/>
                          <a:gd name="connsiteY1" fmla="*/ 2234 h 10342"/>
                          <a:gd name="connsiteX2" fmla="*/ 5181 w 10045"/>
                          <a:gd name="connsiteY2" fmla="*/ 3505 h 10342"/>
                          <a:gd name="connsiteX3" fmla="*/ 4687 w 10045"/>
                          <a:gd name="connsiteY3" fmla="*/ 5119 h 10342"/>
                          <a:gd name="connsiteX4" fmla="*/ 4731 w 10045"/>
                          <a:gd name="connsiteY4" fmla="*/ 10057 h 10342"/>
                          <a:gd name="connsiteX5" fmla="*/ 5833 w 10045"/>
                          <a:gd name="connsiteY5" fmla="*/ 10106 h 10342"/>
                          <a:gd name="connsiteX6" fmla="*/ 5811 w 10045"/>
                          <a:gd name="connsiteY6" fmla="*/ 4728 h 10342"/>
                          <a:gd name="connsiteX7" fmla="*/ 5833 w 10045"/>
                          <a:gd name="connsiteY7" fmla="*/ 2137 h 10342"/>
                          <a:gd name="connsiteX8" fmla="*/ 6890 w 10045"/>
                          <a:gd name="connsiteY8" fmla="*/ 4385 h 10342"/>
                          <a:gd name="connsiteX9" fmla="*/ 6964 w 10045"/>
                          <a:gd name="connsiteY9" fmla="*/ 1222 h 10342"/>
                          <a:gd name="connsiteX10" fmla="*/ 10045 w 10045"/>
                          <a:gd name="connsiteY10" fmla="*/ 10342 h 10342"/>
                          <a:gd name="connsiteX11" fmla="*/ 697 w 10045"/>
                          <a:gd name="connsiteY11" fmla="*/ 10195 h 10342"/>
                          <a:gd name="connsiteX12" fmla="*/ 0 w 10045"/>
                          <a:gd name="connsiteY12" fmla="*/ 0 h 10342"/>
                          <a:gd name="connsiteX0" fmla="*/ 0 w 10045"/>
                          <a:gd name="connsiteY0" fmla="*/ 0 h 10342"/>
                          <a:gd name="connsiteX1" fmla="*/ 4934 w 10045"/>
                          <a:gd name="connsiteY1" fmla="*/ 2234 h 10342"/>
                          <a:gd name="connsiteX2" fmla="*/ 4687 w 10045"/>
                          <a:gd name="connsiteY2" fmla="*/ 5119 h 10342"/>
                          <a:gd name="connsiteX3" fmla="*/ 4731 w 10045"/>
                          <a:gd name="connsiteY3" fmla="*/ 10057 h 10342"/>
                          <a:gd name="connsiteX4" fmla="*/ 5833 w 10045"/>
                          <a:gd name="connsiteY4" fmla="*/ 10106 h 10342"/>
                          <a:gd name="connsiteX5" fmla="*/ 5811 w 10045"/>
                          <a:gd name="connsiteY5" fmla="*/ 4728 h 10342"/>
                          <a:gd name="connsiteX6" fmla="*/ 5833 w 10045"/>
                          <a:gd name="connsiteY6" fmla="*/ 2137 h 10342"/>
                          <a:gd name="connsiteX7" fmla="*/ 6890 w 10045"/>
                          <a:gd name="connsiteY7" fmla="*/ 4385 h 10342"/>
                          <a:gd name="connsiteX8" fmla="*/ 6964 w 10045"/>
                          <a:gd name="connsiteY8" fmla="*/ 1222 h 10342"/>
                          <a:gd name="connsiteX9" fmla="*/ 10045 w 10045"/>
                          <a:gd name="connsiteY9" fmla="*/ 10342 h 10342"/>
                          <a:gd name="connsiteX10" fmla="*/ 697 w 10045"/>
                          <a:gd name="connsiteY10" fmla="*/ 10195 h 10342"/>
                          <a:gd name="connsiteX11" fmla="*/ 0 w 10045"/>
                          <a:gd name="connsiteY11" fmla="*/ 0 h 10342"/>
                          <a:gd name="connsiteX0" fmla="*/ 0 w 10045"/>
                          <a:gd name="connsiteY0" fmla="*/ 0 h 10342"/>
                          <a:gd name="connsiteX1" fmla="*/ 3764 w 10045"/>
                          <a:gd name="connsiteY1" fmla="*/ 1647 h 10342"/>
                          <a:gd name="connsiteX2" fmla="*/ 4934 w 10045"/>
                          <a:gd name="connsiteY2" fmla="*/ 2234 h 10342"/>
                          <a:gd name="connsiteX3" fmla="*/ 4687 w 10045"/>
                          <a:gd name="connsiteY3" fmla="*/ 5119 h 10342"/>
                          <a:gd name="connsiteX4" fmla="*/ 4731 w 10045"/>
                          <a:gd name="connsiteY4" fmla="*/ 10057 h 10342"/>
                          <a:gd name="connsiteX5" fmla="*/ 5833 w 10045"/>
                          <a:gd name="connsiteY5" fmla="*/ 10106 h 10342"/>
                          <a:gd name="connsiteX6" fmla="*/ 5811 w 10045"/>
                          <a:gd name="connsiteY6" fmla="*/ 4728 h 10342"/>
                          <a:gd name="connsiteX7" fmla="*/ 5833 w 10045"/>
                          <a:gd name="connsiteY7" fmla="*/ 2137 h 10342"/>
                          <a:gd name="connsiteX8" fmla="*/ 6890 w 10045"/>
                          <a:gd name="connsiteY8" fmla="*/ 4385 h 10342"/>
                          <a:gd name="connsiteX9" fmla="*/ 6964 w 10045"/>
                          <a:gd name="connsiteY9" fmla="*/ 1222 h 10342"/>
                          <a:gd name="connsiteX10" fmla="*/ 10045 w 10045"/>
                          <a:gd name="connsiteY10" fmla="*/ 10342 h 10342"/>
                          <a:gd name="connsiteX11" fmla="*/ 697 w 10045"/>
                          <a:gd name="connsiteY11" fmla="*/ 10195 h 10342"/>
                          <a:gd name="connsiteX12" fmla="*/ 0 w 10045"/>
                          <a:gd name="connsiteY12" fmla="*/ 0 h 10342"/>
                          <a:gd name="connsiteX0" fmla="*/ 0 w 10045"/>
                          <a:gd name="connsiteY0" fmla="*/ 0 h 10342"/>
                          <a:gd name="connsiteX1" fmla="*/ 3786 w 10045"/>
                          <a:gd name="connsiteY1" fmla="*/ 4287 h 10342"/>
                          <a:gd name="connsiteX2" fmla="*/ 4934 w 10045"/>
                          <a:gd name="connsiteY2" fmla="*/ 2234 h 10342"/>
                          <a:gd name="connsiteX3" fmla="*/ 4687 w 10045"/>
                          <a:gd name="connsiteY3" fmla="*/ 5119 h 10342"/>
                          <a:gd name="connsiteX4" fmla="*/ 4731 w 10045"/>
                          <a:gd name="connsiteY4" fmla="*/ 10057 h 10342"/>
                          <a:gd name="connsiteX5" fmla="*/ 5833 w 10045"/>
                          <a:gd name="connsiteY5" fmla="*/ 10106 h 10342"/>
                          <a:gd name="connsiteX6" fmla="*/ 5811 w 10045"/>
                          <a:gd name="connsiteY6" fmla="*/ 4728 h 10342"/>
                          <a:gd name="connsiteX7" fmla="*/ 5833 w 10045"/>
                          <a:gd name="connsiteY7" fmla="*/ 2137 h 10342"/>
                          <a:gd name="connsiteX8" fmla="*/ 6890 w 10045"/>
                          <a:gd name="connsiteY8" fmla="*/ 4385 h 10342"/>
                          <a:gd name="connsiteX9" fmla="*/ 6964 w 10045"/>
                          <a:gd name="connsiteY9" fmla="*/ 1222 h 10342"/>
                          <a:gd name="connsiteX10" fmla="*/ 10045 w 10045"/>
                          <a:gd name="connsiteY10" fmla="*/ 10342 h 10342"/>
                          <a:gd name="connsiteX11" fmla="*/ 697 w 10045"/>
                          <a:gd name="connsiteY11" fmla="*/ 10195 h 10342"/>
                          <a:gd name="connsiteX12" fmla="*/ 0 w 10045"/>
                          <a:gd name="connsiteY12" fmla="*/ 0 h 10342"/>
                          <a:gd name="connsiteX0" fmla="*/ 3027 w 9361"/>
                          <a:gd name="connsiteY0" fmla="*/ 0 h 9120"/>
                          <a:gd name="connsiteX1" fmla="*/ 3102 w 9361"/>
                          <a:gd name="connsiteY1" fmla="*/ 3065 h 9120"/>
                          <a:gd name="connsiteX2" fmla="*/ 4250 w 9361"/>
                          <a:gd name="connsiteY2" fmla="*/ 1012 h 9120"/>
                          <a:gd name="connsiteX3" fmla="*/ 4003 w 9361"/>
                          <a:gd name="connsiteY3" fmla="*/ 3897 h 9120"/>
                          <a:gd name="connsiteX4" fmla="*/ 4047 w 9361"/>
                          <a:gd name="connsiteY4" fmla="*/ 8835 h 9120"/>
                          <a:gd name="connsiteX5" fmla="*/ 5149 w 9361"/>
                          <a:gd name="connsiteY5" fmla="*/ 8884 h 9120"/>
                          <a:gd name="connsiteX6" fmla="*/ 5127 w 9361"/>
                          <a:gd name="connsiteY6" fmla="*/ 3506 h 9120"/>
                          <a:gd name="connsiteX7" fmla="*/ 5149 w 9361"/>
                          <a:gd name="connsiteY7" fmla="*/ 915 h 9120"/>
                          <a:gd name="connsiteX8" fmla="*/ 6206 w 9361"/>
                          <a:gd name="connsiteY8" fmla="*/ 3163 h 9120"/>
                          <a:gd name="connsiteX9" fmla="*/ 6280 w 9361"/>
                          <a:gd name="connsiteY9" fmla="*/ 0 h 9120"/>
                          <a:gd name="connsiteX10" fmla="*/ 9361 w 9361"/>
                          <a:gd name="connsiteY10" fmla="*/ 9120 h 9120"/>
                          <a:gd name="connsiteX11" fmla="*/ 13 w 9361"/>
                          <a:gd name="connsiteY11" fmla="*/ 8973 h 9120"/>
                          <a:gd name="connsiteX12" fmla="*/ 3027 w 9361"/>
                          <a:gd name="connsiteY12" fmla="*/ 0 h 9120"/>
                          <a:gd name="connsiteX0" fmla="*/ 3243 w 10009"/>
                          <a:gd name="connsiteY0" fmla="*/ 0 h 10000"/>
                          <a:gd name="connsiteX1" fmla="*/ 3323 w 10009"/>
                          <a:gd name="connsiteY1" fmla="*/ 3361 h 10000"/>
                          <a:gd name="connsiteX2" fmla="*/ 4549 w 10009"/>
                          <a:gd name="connsiteY2" fmla="*/ 1110 h 10000"/>
                          <a:gd name="connsiteX3" fmla="*/ 4285 w 10009"/>
                          <a:gd name="connsiteY3" fmla="*/ 4273 h 10000"/>
                          <a:gd name="connsiteX4" fmla="*/ 4332 w 10009"/>
                          <a:gd name="connsiteY4" fmla="*/ 9688 h 10000"/>
                          <a:gd name="connsiteX5" fmla="*/ 5509 w 10009"/>
                          <a:gd name="connsiteY5" fmla="*/ 9741 h 10000"/>
                          <a:gd name="connsiteX6" fmla="*/ 5486 w 10009"/>
                          <a:gd name="connsiteY6" fmla="*/ 3844 h 10000"/>
                          <a:gd name="connsiteX7" fmla="*/ 5509 w 10009"/>
                          <a:gd name="connsiteY7" fmla="*/ 1003 h 10000"/>
                          <a:gd name="connsiteX8" fmla="*/ 6639 w 10009"/>
                          <a:gd name="connsiteY8" fmla="*/ 3468 h 10000"/>
                          <a:gd name="connsiteX9" fmla="*/ 6718 w 10009"/>
                          <a:gd name="connsiteY9" fmla="*/ 0 h 10000"/>
                          <a:gd name="connsiteX10" fmla="*/ 10009 w 10009"/>
                          <a:gd name="connsiteY10" fmla="*/ 10000 h 10000"/>
                          <a:gd name="connsiteX11" fmla="*/ 23 w 10009"/>
                          <a:gd name="connsiteY11" fmla="*/ 9839 h 10000"/>
                          <a:gd name="connsiteX12" fmla="*/ 3243 w 10009"/>
                          <a:gd name="connsiteY12" fmla="*/ 0 h 10000"/>
                          <a:gd name="connsiteX0" fmla="*/ 3243 w 10009"/>
                          <a:gd name="connsiteY0" fmla="*/ 0 h 10000"/>
                          <a:gd name="connsiteX1" fmla="*/ 3323 w 10009"/>
                          <a:gd name="connsiteY1" fmla="*/ 3361 h 10000"/>
                          <a:gd name="connsiteX2" fmla="*/ 4549 w 10009"/>
                          <a:gd name="connsiteY2" fmla="*/ 1110 h 10000"/>
                          <a:gd name="connsiteX3" fmla="*/ 4285 w 10009"/>
                          <a:gd name="connsiteY3" fmla="*/ 4273 h 10000"/>
                          <a:gd name="connsiteX4" fmla="*/ 4332 w 10009"/>
                          <a:gd name="connsiteY4" fmla="*/ 9688 h 10000"/>
                          <a:gd name="connsiteX5" fmla="*/ 5509 w 10009"/>
                          <a:gd name="connsiteY5" fmla="*/ 9741 h 10000"/>
                          <a:gd name="connsiteX6" fmla="*/ 5486 w 10009"/>
                          <a:gd name="connsiteY6" fmla="*/ 3844 h 10000"/>
                          <a:gd name="connsiteX7" fmla="*/ 5509 w 10009"/>
                          <a:gd name="connsiteY7" fmla="*/ 1003 h 10000"/>
                          <a:gd name="connsiteX8" fmla="*/ 6639 w 10009"/>
                          <a:gd name="connsiteY8" fmla="*/ 3468 h 10000"/>
                          <a:gd name="connsiteX9" fmla="*/ 6718 w 10009"/>
                          <a:gd name="connsiteY9" fmla="*/ 0 h 10000"/>
                          <a:gd name="connsiteX10" fmla="*/ 10009 w 10009"/>
                          <a:gd name="connsiteY10" fmla="*/ 10000 h 10000"/>
                          <a:gd name="connsiteX11" fmla="*/ 23 w 10009"/>
                          <a:gd name="connsiteY11" fmla="*/ 9839 h 10000"/>
                          <a:gd name="connsiteX12" fmla="*/ 3243 w 10009"/>
                          <a:gd name="connsiteY12" fmla="*/ 0 h 10000"/>
                          <a:gd name="connsiteX0" fmla="*/ 3253 w 10019"/>
                          <a:gd name="connsiteY0" fmla="*/ 0 h 10000"/>
                          <a:gd name="connsiteX1" fmla="*/ 3333 w 10019"/>
                          <a:gd name="connsiteY1" fmla="*/ 3361 h 10000"/>
                          <a:gd name="connsiteX2" fmla="*/ 4559 w 10019"/>
                          <a:gd name="connsiteY2" fmla="*/ 1110 h 10000"/>
                          <a:gd name="connsiteX3" fmla="*/ 4295 w 10019"/>
                          <a:gd name="connsiteY3" fmla="*/ 4273 h 10000"/>
                          <a:gd name="connsiteX4" fmla="*/ 4342 w 10019"/>
                          <a:gd name="connsiteY4" fmla="*/ 9688 h 10000"/>
                          <a:gd name="connsiteX5" fmla="*/ 5519 w 10019"/>
                          <a:gd name="connsiteY5" fmla="*/ 9741 h 10000"/>
                          <a:gd name="connsiteX6" fmla="*/ 5496 w 10019"/>
                          <a:gd name="connsiteY6" fmla="*/ 3844 h 10000"/>
                          <a:gd name="connsiteX7" fmla="*/ 5519 w 10019"/>
                          <a:gd name="connsiteY7" fmla="*/ 1003 h 10000"/>
                          <a:gd name="connsiteX8" fmla="*/ 6649 w 10019"/>
                          <a:gd name="connsiteY8" fmla="*/ 3468 h 10000"/>
                          <a:gd name="connsiteX9" fmla="*/ 6728 w 10019"/>
                          <a:gd name="connsiteY9" fmla="*/ 0 h 10000"/>
                          <a:gd name="connsiteX10" fmla="*/ 10019 w 10019"/>
                          <a:gd name="connsiteY10" fmla="*/ 10000 h 10000"/>
                          <a:gd name="connsiteX11" fmla="*/ 33 w 10019"/>
                          <a:gd name="connsiteY11" fmla="*/ 9839 h 10000"/>
                          <a:gd name="connsiteX12" fmla="*/ 3253 w 10019"/>
                          <a:gd name="connsiteY12" fmla="*/ 0 h 10000"/>
                          <a:gd name="connsiteX0" fmla="*/ 3257 w 10023"/>
                          <a:gd name="connsiteY0" fmla="*/ 0 h 10000"/>
                          <a:gd name="connsiteX1" fmla="*/ 3337 w 10023"/>
                          <a:gd name="connsiteY1" fmla="*/ 3361 h 10000"/>
                          <a:gd name="connsiteX2" fmla="*/ 4563 w 10023"/>
                          <a:gd name="connsiteY2" fmla="*/ 1110 h 10000"/>
                          <a:gd name="connsiteX3" fmla="*/ 4299 w 10023"/>
                          <a:gd name="connsiteY3" fmla="*/ 4273 h 10000"/>
                          <a:gd name="connsiteX4" fmla="*/ 4346 w 10023"/>
                          <a:gd name="connsiteY4" fmla="*/ 9688 h 10000"/>
                          <a:gd name="connsiteX5" fmla="*/ 5523 w 10023"/>
                          <a:gd name="connsiteY5" fmla="*/ 9741 h 10000"/>
                          <a:gd name="connsiteX6" fmla="*/ 5500 w 10023"/>
                          <a:gd name="connsiteY6" fmla="*/ 3844 h 10000"/>
                          <a:gd name="connsiteX7" fmla="*/ 5523 w 10023"/>
                          <a:gd name="connsiteY7" fmla="*/ 1003 h 10000"/>
                          <a:gd name="connsiteX8" fmla="*/ 6653 w 10023"/>
                          <a:gd name="connsiteY8" fmla="*/ 3468 h 10000"/>
                          <a:gd name="connsiteX9" fmla="*/ 6732 w 10023"/>
                          <a:gd name="connsiteY9" fmla="*/ 0 h 10000"/>
                          <a:gd name="connsiteX10" fmla="*/ 10023 w 10023"/>
                          <a:gd name="connsiteY10" fmla="*/ 10000 h 10000"/>
                          <a:gd name="connsiteX11" fmla="*/ 37 w 10023"/>
                          <a:gd name="connsiteY11" fmla="*/ 9839 h 10000"/>
                          <a:gd name="connsiteX12" fmla="*/ 3257 w 10023"/>
                          <a:gd name="connsiteY12" fmla="*/ 0 h 10000"/>
                          <a:gd name="connsiteX0" fmla="*/ 3257 w 10023"/>
                          <a:gd name="connsiteY0" fmla="*/ 0 h 10000"/>
                          <a:gd name="connsiteX1" fmla="*/ 3337 w 10023"/>
                          <a:gd name="connsiteY1" fmla="*/ 3361 h 10000"/>
                          <a:gd name="connsiteX2" fmla="*/ 4563 w 10023"/>
                          <a:gd name="connsiteY2" fmla="*/ 1110 h 10000"/>
                          <a:gd name="connsiteX3" fmla="*/ 4299 w 10023"/>
                          <a:gd name="connsiteY3" fmla="*/ 4273 h 10000"/>
                          <a:gd name="connsiteX4" fmla="*/ 4346 w 10023"/>
                          <a:gd name="connsiteY4" fmla="*/ 9688 h 10000"/>
                          <a:gd name="connsiteX5" fmla="*/ 5523 w 10023"/>
                          <a:gd name="connsiteY5" fmla="*/ 9741 h 10000"/>
                          <a:gd name="connsiteX6" fmla="*/ 5500 w 10023"/>
                          <a:gd name="connsiteY6" fmla="*/ 3844 h 10000"/>
                          <a:gd name="connsiteX7" fmla="*/ 5523 w 10023"/>
                          <a:gd name="connsiteY7" fmla="*/ 1003 h 10000"/>
                          <a:gd name="connsiteX8" fmla="*/ 6653 w 10023"/>
                          <a:gd name="connsiteY8" fmla="*/ 3468 h 10000"/>
                          <a:gd name="connsiteX9" fmla="*/ 6732 w 10023"/>
                          <a:gd name="connsiteY9" fmla="*/ 0 h 10000"/>
                          <a:gd name="connsiteX10" fmla="*/ 10023 w 10023"/>
                          <a:gd name="connsiteY10" fmla="*/ 10000 h 10000"/>
                          <a:gd name="connsiteX11" fmla="*/ 37 w 10023"/>
                          <a:gd name="connsiteY11" fmla="*/ 9839 h 10000"/>
                          <a:gd name="connsiteX12" fmla="*/ 3257 w 10023"/>
                          <a:gd name="connsiteY12" fmla="*/ 0 h 10000"/>
                          <a:gd name="connsiteX0" fmla="*/ 3257 w 10023"/>
                          <a:gd name="connsiteY0" fmla="*/ 0 h 10000"/>
                          <a:gd name="connsiteX1" fmla="*/ 3337 w 10023"/>
                          <a:gd name="connsiteY1" fmla="*/ 3361 h 10000"/>
                          <a:gd name="connsiteX2" fmla="*/ 4563 w 10023"/>
                          <a:gd name="connsiteY2" fmla="*/ 1110 h 10000"/>
                          <a:gd name="connsiteX3" fmla="*/ 4299 w 10023"/>
                          <a:gd name="connsiteY3" fmla="*/ 4273 h 10000"/>
                          <a:gd name="connsiteX4" fmla="*/ 4346 w 10023"/>
                          <a:gd name="connsiteY4" fmla="*/ 9688 h 10000"/>
                          <a:gd name="connsiteX5" fmla="*/ 5523 w 10023"/>
                          <a:gd name="connsiteY5" fmla="*/ 9741 h 10000"/>
                          <a:gd name="connsiteX6" fmla="*/ 5500 w 10023"/>
                          <a:gd name="connsiteY6" fmla="*/ 3844 h 10000"/>
                          <a:gd name="connsiteX7" fmla="*/ 5523 w 10023"/>
                          <a:gd name="connsiteY7" fmla="*/ 1003 h 10000"/>
                          <a:gd name="connsiteX8" fmla="*/ 6653 w 10023"/>
                          <a:gd name="connsiteY8" fmla="*/ 3468 h 10000"/>
                          <a:gd name="connsiteX9" fmla="*/ 6732 w 10023"/>
                          <a:gd name="connsiteY9" fmla="*/ 0 h 10000"/>
                          <a:gd name="connsiteX10" fmla="*/ 10023 w 10023"/>
                          <a:gd name="connsiteY10" fmla="*/ 10000 h 10000"/>
                          <a:gd name="connsiteX11" fmla="*/ 37 w 10023"/>
                          <a:gd name="connsiteY11" fmla="*/ 9839 h 10000"/>
                          <a:gd name="connsiteX12" fmla="*/ 3257 w 10023"/>
                          <a:gd name="connsiteY12" fmla="*/ 0 h 10000"/>
                          <a:gd name="connsiteX0" fmla="*/ 3257 w 10023"/>
                          <a:gd name="connsiteY0" fmla="*/ 0 h 10000"/>
                          <a:gd name="connsiteX1" fmla="*/ 3337 w 10023"/>
                          <a:gd name="connsiteY1" fmla="*/ 3361 h 10000"/>
                          <a:gd name="connsiteX2" fmla="*/ 4563 w 10023"/>
                          <a:gd name="connsiteY2" fmla="*/ 1110 h 10000"/>
                          <a:gd name="connsiteX3" fmla="*/ 4299 w 10023"/>
                          <a:gd name="connsiteY3" fmla="*/ 4273 h 10000"/>
                          <a:gd name="connsiteX4" fmla="*/ 4346 w 10023"/>
                          <a:gd name="connsiteY4" fmla="*/ 9688 h 10000"/>
                          <a:gd name="connsiteX5" fmla="*/ 5523 w 10023"/>
                          <a:gd name="connsiteY5" fmla="*/ 9741 h 10000"/>
                          <a:gd name="connsiteX6" fmla="*/ 5500 w 10023"/>
                          <a:gd name="connsiteY6" fmla="*/ 3844 h 10000"/>
                          <a:gd name="connsiteX7" fmla="*/ 5523 w 10023"/>
                          <a:gd name="connsiteY7" fmla="*/ 1003 h 10000"/>
                          <a:gd name="connsiteX8" fmla="*/ 6653 w 10023"/>
                          <a:gd name="connsiteY8" fmla="*/ 3468 h 10000"/>
                          <a:gd name="connsiteX9" fmla="*/ 6732 w 10023"/>
                          <a:gd name="connsiteY9" fmla="*/ 0 h 10000"/>
                          <a:gd name="connsiteX10" fmla="*/ 10023 w 10023"/>
                          <a:gd name="connsiteY10" fmla="*/ 10000 h 10000"/>
                          <a:gd name="connsiteX11" fmla="*/ 37 w 10023"/>
                          <a:gd name="connsiteY11" fmla="*/ 9839 h 10000"/>
                          <a:gd name="connsiteX12" fmla="*/ 3257 w 10023"/>
                          <a:gd name="connsiteY12" fmla="*/ 0 h 10000"/>
                          <a:gd name="connsiteX0" fmla="*/ 3257 w 10023"/>
                          <a:gd name="connsiteY0" fmla="*/ 268 h 10268"/>
                          <a:gd name="connsiteX1" fmla="*/ 3337 w 10023"/>
                          <a:gd name="connsiteY1" fmla="*/ 3629 h 10268"/>
                          <a:gd name="connsiteX2" fmla="*/ 4563 w 10023"/>
                          <a:gd name="connsiteY2" fmla="*/ 1378 h 10268"/>
                          <a:gd name="connsiteX3" fmla="*/ 4299 w 10023"/>
                          <a:gd name="connsiteY3" fmla="*/ 4541 h 10268"/>
                          <a:gd name="connsiteX4" fmla="*/ 4346 w 10023"/>
                          <a:gd name="connsiteY4" fmla="*/ 9956 h 10268"/>
                          <a:gd name="connsiteX5" fmla="*/ 5523 w 10023"/>
                          <a:gd name="connsiteY5" fmla="*/ 10009 h 10268"/>
                          <a:gd name="connsiteX6" fmla="*/ 5500 w 10023"/>
                          <a:gd name="connsiteY6" fmla="*/ 4112 h 10268"/>
                          <a:gd name="connsiteX7" fmla="*/ 5523 w 10023"/>
                          <a:gd name="connsiteY7" fmla="*/ 1271 h 10268"/>
                          <a:gd name="connsiteX8" fmla="*/ 6653 w 10023"/>
                          <a:gd name="connsiteY8" fmla="*/ 3736 h 10268"/>
                          <a:gd name="connsiteX9" fmla="*/ 6540 w 10023"/>
                          <a:gd name="connsiteY9" fmla="*/ 0 h 10268"/>
                          <a:gd name="connsiteX10" fmla="*/ 10023 w 10023"/>
                          <a:gd name="connsiteY10" fmla="*/ 10268 h 10268"/>
                          <a:gd name="connsiteX11" fmla="*/ 37 w 10023"/>
                          <a:gd name="connsiteY11" fmla="*/ 10107 h 10268"/>
                          <a:gd name="connsiteX12" fmla="*/ 3257 w 10023"/>
                          <a:gd name="connsiteY12" fmla="*/ 268 h 10268"/>
                          <a:gd name="connsiteX0" fmla="*/ 3257 w 10023"/>
                          <a:gd name="connsiteY0" fmla="*/ 268 h 10268"/>
                          <a:gd name="connsiteX1" fmla="*/ 3337 w 10023"/>
                          <a:gd name="connsiteY1" fmla="*/ 3629 h 10268"/>
                          <a:gd name="connsiteX2" fmla="*/ 4563 w 10023"/>
                          <a:gd name="connsiteY2" fmla="*/ 1378 h 10268"/>
                          <a:gd name="connsiteX3" fmla="*/ 4299 w 10023"/>
                          <a:gd name="connsiteY3" fmla="*/ 4541 h 10268"/>
                          <a:gd name="connsiteX4" fmla="*/ 4346 w 10023"/>
                          <a:gd name="connsiteY4" fmla="*/ 9956 h 10268"/>
                          <a:gd name="connsiteX5" fmla="*/ 5523 w 10023"/>
                          <a:gd name="connsiteY5" fmla="*/ 10009 h 10268"/>
                          <a:gd name="connsiteX6" fmla="*/ 5500 w 10023"/>
                          <a:gd name="connsiteY6" fmla="*/ 4112 h 10268"/>
                          <a:gd name="connsiteX7" fmla="*/ 5523 w 10023"/>
                          <a:gd name="connsiteY7" fmla="*/ 1271 h 10268"/>
                          <a:gd name="connsiteX8" fmla="*/ 6653 w 10023"/>
                          <a:gd name="connsiteY8" fmla="*/ 3736 h 10268"/>
                          <a:gd name="connsiteX9" fmla="*/ 6540 w 10023"/>
                          <a:gd name="connsiteY9" fmla="*/ 0 h 10268"/>
                          <a:gd name="connsiteX10" fmla="*/ 10023 w 10023"/>
                          <a:gd name="connsiteY10" fmla="*/ 10268 h 10268"/>
                          <a:gd name="connsiteX11" fmla="*/ 37 w 10023"/>
                          <a:gd name="connsiteY11" fmla="*/ 10107 h 10268"/>
                          <a:gd name="connsiteX12" fmla="*/ 3257 w 10023"/>
                          <a:gd name="connsiteY12" fmla="*/ 268 h 10268"/>
                          <a:gd name="connsiteX0" fmla="*/ 3257 w 10023"/>
                          <a:gd name="connsiteY0" fmla="*/ 268 h 10268"/>
                          <a:gd name="connsiteX1" fmla="*/ 3337 w 10023"/>
                          <a:gd name="connsiteY1" fmla="*/ 3629 h 10268"/>
                          <a:gd name="connsiteX2" fmla="*/ 4563 w 10023"/>
                          <a:gd name="connsiteY2" fmla="*/ 1378 h 10268"/>
                          <a:gd name="connsiteX3" fmla="*/ 4299 w 10023"/>
                          <a:gd name="connsiteY3" fmla="*/ 4541 h 10268"/>
                          <a:gd name="connsiteX4" fmla="*/ 4346 w 10023"/>
                          <a:gd name="connsiteY4" fmla="*/ 9956 h 10268"/>
                          <a:gd name="connsiteX5" fmla="*/ 5523 w 10023"/>
                          <a:gd name="connsiteY5" fmla="*/ 10009 h 10268"/>
                          <a:gd name="connsiteX6" fmla="*/ 5500 w 10023"/>
                          <a:gd name="connsiteY6" fmla="*/ 4112 h 10268"/>
                          <a:gd name="connsiteX7" fmla="*/ 5523 w 10023"/>
                          <a:gd name="connsiteY7" fmla="*/ 1271 h 10268"/>
                          <a:gd name="connsiteX8" fmla="*/ 6653 w 10023"/>
                          <a:gd name="connsiteY8" fmla="*/ 3736 h 10268"/>
                          <a:gd name="connsiteX9" fmla="*/ 6540 w 10023"/>
                          <a:gd name="connsiteY9" fmla="*/ 0 h 10268"/>
                          <a:gd name="connsiteX10" fmla="*/ 10023 w 10023"/>
                          <a:gd name="connsiteY10" fmla="*/ 10268 h 10268"/>
                          <a:gd name="connsiteX11" fmla="*/ 37 w 10023"/>
                          <a:gd name="connsiteY11" fmla="*/ 10107 h 10268"/>
                          <a:gd name="connsiteX12" fmla="*/ 3257 w 10023"/>
                          <a:gd name="connsiteY12" fmla="*/ 268 h 10268"/>
                          <a:gd name="connsiteX0" fmla="*/ 3257 w 10023"/>
                          <a:gd name="connsiteY0" fmla="*/ 268 h 10268"/>
                          <a:gd name="connsiteX1" fmla="*/ 3337 w 10023"/>
                          <a:gd name="connsiteY1" fmla="*/ 3629 h 10268"/>
                          <a:gd name="connsiteX2" fmla="*/ 4563 w 10023"/>
                          <a:gd name="connsiteY2" fmla="*/ 1378 h 10268"/>
                          <a:gd name="connsiteX3" fmla="*/ 4299 w 10023"/>
                          <a:gd name="connsiteY3" fmla="*/ 4541 h 10268"/>
                          <a:gd name="connsiteX4" fmla="*/ 4346 w 10023"/>
                          <a:gd name="connsiteY4" fmla="*/ 9956 h 10268"/>
                          <a:gd name="connsiteX5" fmla="*/ 5523 w 10023"/>
                          <a:gd name="connsiteY5" fmla="*/ 10009 h 10268"/>
                          <a:gd name="connsiteX6" fmla="*/ 5500 w 10023"/>
                          <a:gd name="connsiteY6" fmla="*/ 4112 h 10268"/>
                          <a:gd name="connsiteX7" fmla="*/ 5523 w 10023"/>
                          <a:gd name="connsiteY7" fmla="*/ 1271 h 10268"/>
                          <a:gd name="connsiteX8" fmla="*/ 6653 w 10023"/>
                          <a:gd name="connsiteY8" fmla="*/ 3736 h 10268"/>
                          <a:gd name="connsiteX9" fmla="*/ 6540 w 10023"/>
                          <a:gd name="connsiteY9" fmla="*/ 0 h 10268"/>
                          <a:gd name="connsiteX10" fmla="*/ 10023 w 10023"/>
                          <a:gd name="connsiteY10" fmla="*/ 10268 h 10268"/>
                          <a:gd name="connsiteX11" fmla="*/ 37 w 10023"/>
                          <a:gd name="connsiteY11" fmla="*/ 10107 h 10268"/>
                          <a:gd name="connsiteX12" fmla="*/ 3257 w 10023"/>
                          <a:gd name="connsiteY12" fmla="*/ 268 h 10268"/>
                          <a:gd name="connsiteX0" fmla="*/ 3257 w 10023"/>
                          <a:gd name="connsiteY0" fmla="*/ 0 h 10000"/>
                          <a:gd name="connsiteX1" fmla="*/ 3337 w 10023"/>
                          <a:gd name="connsiteY1" fmla="*/ 3361 h 10000"/>
                          <a:gd name="connsiteX2" fmla="*/ 4563 w 10023"/>
                          <a:gd name="connsiteY2" fmla="*/ 1110 h 10000"/>
                          <a:gd name="connsiteX3" fmla="*/ 4299 w 10023"/>
                          <a:gd name="connsiteY3" fmla="*/ 4273 h 10000"/>
                          <a:gd name="connsiteX4" fmla="*/ 4346 w 10023"/>
                          <a:gd name="connsiteY4" fmla="*/ 9688 h 10000"/>
                          <a:gd name="connsiteX5" fmla="*/ 5523 w 10023"/>
                          <a:gd name="connsiteY5" fmla="*/ 9741 h 10000"/>
                          <a:gd name="connsiteX6" fmla="*/ 5500 w 10023"/>
                          <a:gd name="connsiteY6" fmla="*/ 3844 h 10000"/>
                          <a:gd name="connsiteX7" fmla="*/ 5523 w 10023"/>
                          <a:gd name="connsiteY7" fmla="*/ 1003 h 10000"/>
                          <a:gd name="connsiteX8" fmla="*/ 6653 w 10023"/>
                          <a:gd name="connsiteY8" fmla="*/ 3468 h 10000"/>
                          <a:gd name="connsiteX9" fmla="*/ 6225 w 10023"/>
                          <a:gd name="connsiteY9" fmla="*/ 83 h 10000"/>
                          <a:gd name="connsiteX10" fmla="*/ 10023 w 10023"/>
                          <a:gd name="connsiteY10" fmla="*/ 10000 h 10000"/>
                          <a:gd name="connsiteX11" fmla="*/ 37 w 10023"/>
                          <a:gd name="connsiteY11" fmla="*/ 9839 h 10000"/>
                          <a:gd name="connsiteX12" fmla="*/ 3257 w 10023"/>
                          <a:gd name="connsiteY12" fmla="*/ 0 h 10000"/>
                          <a:gd name="connsiteX0" fmla="*/ 3257 w 10023"/>
                          <a:gd name="connsiteY0" fmla="*/ 0 h 10000"/>
                          <a:gd name="connsiteX1" fmla="*/ 3337 w 10023"/>
                          <a:gd name="connsiteY1" fmla="*/ 3361 h 10000"/>
                          <a:gd name="connsiteX2" fmla="*/ 4563 w 10023"/>
                          <a:gd name="connsiteY2" fmla="*/ 1110 h 10000"/>
                          <a:gd name="connsiteX3" fmla="*/ 4299 w 10023"/>
                          <a:gd name="connsiteY3" fmla="*/ 4273 h 10000"/>
                          <a:gd name="connsiteX4" fmla="*/ 4346 w 10023"/>
                          <a:gd name="connsiteY4" fmla="*/ 9688 h 10000"/>
                          <a:gd name="connsiteX5" fmla="*/ 5523 w 10023"/>
                          <a:gd name="connsiteY5" fmla="*/ 9741 h 10000"/>
                          <a:gd name="connsiteX6" fmla="*/ 5500 w 10023"/>
                          <a:gd name="connsiteY6" fmla="*/ 3844 h 10000"/>
                          <a:gd name="connsiteX7" fmla="*/ 5523 w 10023"/>
                          <a:gd name="connsiteY7" fmla="*/ 1003 h 10000"/>
                          <a:gd name="connsiteX8" fmla="*/ 6653 w 10023"/>
                          <a:gd name="connsiteY8" fmla="*/ 3468 h 10000"/>
                          <a:gd name="connsiteX9" fmla="*/ 6225 w 10023"/>
                          <a:gd name="connsiteY9" fmla="*/ 83 h 10000"/>
                          <a:gd name="connsiteX10" fmla="*/ 10023 w 10023"/>
                          <a:gd name="connsiteY10" fmla="*/ 10000 h 10000"/>
                          <a:gd name="connsiteX11" fmla="*/ 37 w 10023"/>
                          <a:gd name="connsiteY11" fmla="*/ 9839 h 10000"/>
                          <a:gd name="connsiteX12" fmla="*/ 3257 w 10023"/>
                          <a:gd name="connsiteY12" fmla="*/ 0 h 10000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  <a:cxn ang="0">
                            <a:pos x="connsiteX4" y="connsiteY4"/>
                          </a:cxn>
                          <a:cxn ang="0">
                            <a:pos x="connsiteX5" y="connsiteY5"/>
                          </a:cxn>
                          <a:cxn ang="0">
                            <a:pos x="connsiteX6" y="connsiteY6"/>
                          </a:cxn>
                          <a:cxn ang="0">
                            <a:pos x="connsiteX7" y="connsiteY7"/>
                          </a:cxn>
                          <a:cxn ang="0">
                            <a:pos x="connsiteX8" y="connsiteY8"/>
                          </a:cxn>
                          <a:cxn ang="0">
                            <a:pos x="connsiteX9" y="connsiteY9"/>
                          </a:cxn>
                          <a:cxn ang="0">
                            <a:pos x="connsiteX10" y="connsiteY10"/>
                          </a:cxn>
                          <a:cxn ang="0">
                            <a:pos x="connsiteX11" y="connsiteY11"/>
                          </a:cxn>
                          <a:cxn ang="0">
                            <a:pos x="connsiteX12" y="connsiteY12"/>
                          </a:cxn>
                        </a:cxnLst>
                        <a:rect l="l" t="t" r="r" b="b"/>
                        <a:pathLst>
                          <a:path w="10023" h="10000">
                            <a:moveTo>
                              <a:pt x="3257" y="0"/>
                            </a:moveTo>
                            <a:cubicBezTo>
                              <a:pt x="3283" y="3212"/>
                              <a:pt x="3310" y="2240"/>
                              <a:pt x="3337" y="3361"/>
                            </a:cubicBezTo>
                            <a:lnTo>
                              <a:pt x="4563" y="1110"/>
                            </a:lnTo>
                            <a:cubicBezTo>
                              <a:pt x="5397" y="2045"/>
                              <a:pt x="4336" y="2843"/>
                              <a:pt x="4299" y="4273"/>
                            </a:cubicBezTo>
                            <a:cubicBezTo>
                              <a:pt x="4315" y="6078"/>
                              <a:pt x="4330" y="7883"/>
                              <a:pt x="4346" y="9688"/>
                            </a:cubicBezTo>
                            <a:lnTo>
                              <a:pt x="5523" y="9741"/>
                            </a:lnTo>
                            <a:cubicBezTo>
                              <a:pt x="5516" y="7775"/>
                              <a:pt x="5507" y="5810"/>
                              <a:pt x="5500" y="3844"/>
                            </a:cubicBezTo>
                            <a:cubicBezTo>
                              <a:pt x="4690" y="2039"/>
                              <a:pt x="5228" y="1576"/>
                              <a:pt x="5523" y="1003"/>
                            </a:cubicBezTo>
                            <a:lnTo>
                              <a:pt x="6653" y="3468"/>
                            </a:lnTo>
                            <a:cubicBezTo>
                              <a:pt x="6679" y="2313"/>
                              <a:pt x="6198" y="1239"/>
                              <a:pt x="6225" y="83"/>
                            </a:cubicBezTo>
                            <a:cubicBezTo>
                              <a:pt x="7777" y="1433"/>
                              <a:pt x="9529" y="1239"/>
                              <a:pt x="10023" y="10000"/>
                            </a:cubicBezTo>
                            <a:lnTo>
                              <a:pt x="37" y="9839"/>
                            </a:lnTo>
                            <a:cubicBezTo>
                              <a:pt x="-348" y="-965"/>
                              <a:pt x="2369" y="1583"/>
                              <a:pt x="3257" y="0"/>
                            </a:cubicBezTo>
                            <a:close/>
                          </a:path>
                        </a:pathLst>
                      </a:custGeom>
                      <a:solidFill>
                        <a:srgbClr val="FFFFFF"/>
                      </a:solidFill>
                      <a:ln w="12700" cap="flat" cmpd="sng" algn="ctr">
                        <a:noFill/>
                        <a:prstDash val="solid"/>
                        <a:miter lim="800000"/>
                      </a:ln>
                      <a:effectLst/>
                    </p:spPr>
                    <p:txBody>
                      <a:bodyPr rtlCol="0" anchor="ctr"/>
                      <a:lstStyle/>
                      <a:p>
                        <a:pPr marL="0" marR="0" lvl="0" indent="0" algn="ctr" defTabSz="91440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endParaRPr kumimoji="0" lang="en-US" sz="1800" b="0" i="0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uLnTx/>
                          <a:uFillTx/>
                          <a:latin typeface="Futura Bk BT" panose="020B0502020204020303" pitchFamily="34" charset="0"/>
                          <a:ea typeface="+mn-ea"/>
                        </a:endParaRPr>
                      </a:p>
                    </p:txBody>
                  </p:sp>
                </p:grpSp>
                <p:grpSp>
                  <p:nvGrpSpPr>
                    <p:cNvPr id="272" name="Group 46"/>
                    <p:cNvGrpSpPr/>
                    <p:nvPr/>
                  </p:nvGrpSpPr>
                  <p:grpSpPr>
                    <a:xfrm>
                      <a:off x="394282" y="3601481"/>
                      <a:ext cx="753062" cy="742758"/>
                      <a:chOff x="4498003" y="5335628"/>
                      <a:chExt cx="649566" cy="640679"/>
                    </a:xfrm>
                    <a:grpFill/>
                  </p:grpSpPr>
                  <p:sp>
                    <p:nvSpPr>
                      <p:cNvPr id="276" name="Flowchart: Process 23"/>
                      <p:cNvSpPr/>
                      <p:nvPr/>
                    </p:nvSpPr>
                    <p:spPr>
                      <a:xfrm>
                        <a:off x="4684200" y="5647605"/>
                        <a:ext cx="281919" cy="314000"/>
                      </a:xfrm>
                      <a:custGeom>
                        <a:avLst/>
                        <a:gdLst>
                          <a:gd name="connsiteX0" fmla="*/ 0 w 10000"/>
                          <a:gd name="connsiteY0" fmla="*/ 0 h 10000"/>
                          <a:gd name="connsiteX1" fmla="*/ 10000 w 10000"/>
                          <a:gd name="connsiteY1" fmla="*/ 0 h 10000"/>
                          <a:gd name="connsiteX2" fmla="*/ 10000 w 10000"/>
                          <a:gd name="connsiteY2" fmla="*/ 10000 h 10000"/>
                          <a:gd name="connsiteX3" fmla="*/ 0 w 10000"/>
                          <a:gd name="connsiteY3" fmla="*/ 10000 h 10000"/>
                          <a:gd name="connsiteX4" fmla="*/ 0 w 10000"/>
                          <a:gd name="connsiteY4" fmla="*/ 0 h 10000"/>
                          <a:gd name="connsiteX0" fmla="*/ 0 w 10000"/>
                          <a:gd name="connsiteY0" fmla="*/ 0 h 10000"/>
                          <a:gd name="connsiteX1" fmla="*/ 10000 w 10000"/>
                          <a:gd name="connsiteY1" fmla="*/ 0 h 10000"/>
                          <a:gd name="connsiteX2" fmla="*/ 5828 w 10000"/>
                          <a:gd name="connsiteY2" fmla="*/ 7476 h 10000"/>
                          <a:gd name="connsiteX3" fmla="*/ 0 w 10000"/>
                          <a:gd name="connsiteY3" fmla="*/ 10000 h 10000"/>
                          <a:gd name="connsiteX4" fmla="*/ 0 w 10000"/>
                          <a:gd name="connsiteY4" fmla="*/ 0 h 10000"/>
                          <a:gd name="connsiteX0" fmla="*/ 0 w 10000"/>
                          <a:gd name="connsiteY0" fmla="*/ 0 h 7547"/>
                          <a:gd name="connsiteX1" fmla="*/ 10000 w 10000"/>
                          <a:gd name="connsiteY1" fmla="*/ 0 h 7547"/>
                          <a:gd name="connsiteX2" fmla="*/ 5828 w 10000"/>
                          <a:gd name="connsiteY2" fmla="*/ 7476 h 7547"/>
                          <a:gd name="connsiteX3" fmla="*/ 3390 w 10000"/>
                          <a:gd name="connsiteY3" fmla="*/ 7547 h 7547"/>
                          <a:gd name="connsiteX4" fmla="*/ 0 w 10000"/>
                          <a:gd name="connsiteY4" fmla="*/ 0 h 7547"/>
                          <a:gd name="connsiteX0" fmla="*/ 1261 w 6610"/>
                          <a:gd name="connsiteY0" fmla="*/ 6311 h 10000"/>
                          <a:gd name="connsiteX1" fmla="*/ 6610 w 6610"/>
                          <a:gd name="connsiteY1" fmla="*/ 0 h 10000"/>
                          <a:gd name="connsiteX2" fmla="*/ 2438 w 6610"/>
                          <a:gd name="connsiteY2" fmla="*/ 9906 h 10000"/>
                          <a:gd name="connsiteX3" fmla="*/ 0 w 6610"/>
                          <a:gd name="connsiteY3" fmla="*/ 10000 h 10000"/>
                          <a:gd name="connsiteX4" fmla="*/ 1261 w 6610"/>
                          <a:gd name="connsiteY4" fmla="*/ 6311 h 10000"/>
                          <a:gd name="connsiteX0" fmla="*/ 0 w 11117"/>
                          <a:gd name="connsiteY0" fmla="*/ 3862 h 10000"/>
                          <a:gd name="connsiteX1" fmla="*/ 11117 w 11117"/>
                          <a:gd name="connsiteY1" fmla="*/ 0 h 10000"/>
                          <a:gd name="connsiteX2" fmla="*/ 4805 w 11117"/>
                          <a:gd name="connsiteY2" fmla="*/ 9906 h 10000"/>
                          <a:gd name="connsiteX3" fmla="*/ 1117 w 11117"/>
                          <a:gd name="connsiteY3" fmla="*/ 10000 h 10000"/>
                          <a:gd name="connsiteX4" fmla="*/ 0 w 11117"/>
                          <a:gd name="connsiteY4" fmla="*/ 3862 h 10000"/>
                          <a:gd name="connsiteX0" fmla="*/ 0 w 5265"/>
                          <a:gd name="connsiteY0" fmla="*/ 0 h 6138"/>
                          <a:gd name="connsiteX1" fmla="*/ 5265 w 5265"/>
                          <a:gd name="connsiteY1" fmla="*/ 330 h 6138"/>
                          <a:gd name="connsiteX2" fmla="*/ 4805 w 5265"/>
                          <a:gd name="connsiteY2" fmla="*/ 6044 h 6138"/>
                          <a:gd name="connsiteX3" fmla="*/ 1117 w 5265"/>
                          <a:gd name="connsiteY3" fmla="*/ 6138 h 6138"/>
                          <a:gd name="connsiteX4" fmla="*/ 0 w 5265"/>
                          <a:gd name="connsiteY4" fmla="*/ 0 h 6138"/>
                          <a:gd name="connsiteX0" fmla="*/ 0 w 15620"/>
                          <a:gd name="connsiteY0" fmla="*/ 0 h 12916"/>
                          <a:gd name="connsiteX1" fmla="*/ 15620 w 15620"/>
                          <a:gd name="connsiteY1" fmla="*/ 3454 h 12916"/>
                          <a:gd name="connsiteX2" fmla="*/ 14746 w 15620"/>
                          <a:gd name="connsiteY2" fmla="*/ 12763 h 12916"/>
                          <a:gd name="connsiteX3" fmla="*/ 7742 w 15620"/>
                          <a:gd name="connsiteY3" fmla="*/ 12916 h 12916"/>
                          <a:gd name="connsiteX4" fmla="*/ 0 w 15620"/>
                          <a:gd name="connsiteY4" fmla="*/ 0 h 12916"/>
                          <a:gd name="connsiteX0" fmla="*/ 0 w 22614"/>
                          <a:gd name="connsiteY0" fmla="*/ 0 h 12916"/>
                          <a:gd name="connsiteX1" fmla="*/ 22614 w 22614"/>
                          <a:gd name="connsiteY1" fmla="*/ 2073 h 12916"/>
                          <a:gd name="connsiteX2" fmla="*/ 14746 w 22614"/>
                          <a:gd name="connsiteY2" fmla="*/ 12763 h 12916"/>
                          <a:gd name="connsiteX3" fmla="*/ 7742 w 22614"/>
                          <a:gd name="connsiteY3" fmla="*/ 12916 h 12916"/>
                          <a:gd name="connsiteX4" fmla="*/ 0 w 22614"/>
                          <a:gd name="connsiteY4" fmla="*/ 0 h 12916"/>
                          <a:gd name="connsiteX0" fmla="*/ 0 w 22614"/>
                          <a:gd name="connsiteY0" fmla="*/ 2043 h 14959"/>
                          <a:gd name="connsiteX1" fmla="*/ 22614 w 22614"/>
                          <a:gd name="connsiteY1" fmla="*/ 4116 h 14959"/>
                          <a:gd name="connsiteX2" fmla="*/ 14746 w 22614"/>
                          <a:gd name="connsiteY2" fmla="*/ 14806 h 14959"/>
                          <a:gd name="connsiteX3" fmla="*/ 7742 w 22614"/>
                          <a:gd name="connsiteY3" fmla="*/ 14959 h 14959"/>
                          <a:gd name="connsiteX4" fmla="*/ 0 w 22614"/>
                          <a:gd name="connsiteY4" fmla="*/ 2043 h 14959"/>
                          <a:gd name="connsiteX0" fmla="*/ 0 w 22614"/>
                          <a:gd name="connsiteY0" fmla="*/ 2962 h 15878"/>
                          <a:gd name="connsiteX1" fmla="*/ 22614 w 22614"/>
                          <a:gd name="connsiteY1" fmla="*/ 5035 h 15878"/>
                          <a:gd name="connsiteX2" fmla="*/ 14746 w 22614"/>
                          <a:gd name="connsiteY2" fmla="*/ 15725 h 15878"/>
                          <a:gd name="connsiteX3" fmla="*/ 7742 w 22614"/>
                          <a:gd name="connsiteY3" fmla="*/ 15878 h 15878"/>
                          <a:gd name="connsiteX4" fmla="*/ 0 w 22614"/>
                          <a:gd name="connsiteY4" fmla="*/ 2962 h 15878"/>
                          <a:gd name="connsiteX0" fmla="*/ 0 w 22614"/>
                          <a:gd name="connsiteY0" fmla="*/ 2389 h 15305"/>
                          <a:gd name="connsiteX1" fmla="*/ 22614 w 22614"/>
                          <a:gd name="connsiteY1" fmla="*/ 4462 h 15305"/>
                          <a:gd name="connsiteX2" fmla="*/ 14746 w 22614"/>
                          <a:gd name="connsiteY2" fmla="*/ 15152 h 15305"/>
                          <a:gd name="connsiteX3" fmla="*/ 7742 w 22614"/>
                          <a:gd name="connsiteY3" fmla="*/ 15305 h 15305"/>
                          <a:gd name="connsiteX4" fmla="*/ 0 w 22614"/>
                          <a:gd name="connsiteY4" fmla="*/ 2389 h 15305"/>
                          <a:gd name="connsiteX0" fmla="*/ 0 w 22614"/>
                          <a:gd name="connsiteY0" fmla="*/ 2559 h 15475"/>
                          <a:gd name="connsiteX1" fmla="*/ 22614 w 22614"/>
                          <a:gd name="connsiteY1" fmla="*/ 4632 h 15475"/>
                          <a:gd name="connsiteX2" fmla="*/ 14746 w 22614"/>
                          <a:gd name="connsiteY2" fmla="*/ 15322 h 15475"/>
                          <a:gd name="connsiteX3" fmla="*/ 7742 w 22614"/>
                          <a:gd name="connsiteY3" fmla="*/ 15475 h 15475"/>
                          <a:gd name="connsiteX4" fmla="*/ 0 w 22614"/>
                          <a:gd name="connsiteY4" fmla="*/ 2559 h 15475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  <a:cxn ang="0">
                            <a:pos x="connsiteX4" y="connsiteY4"/>
                          </a:cxn>
                        </a:cxnLst>
                        <a:rect l="l" t="t" r="r" b="b"/>
                        <a:pathLst>
                          <a:path w="22614" h="15475">
                            <a:moveTo>
                              <a:pt x="0" y="2559"/>
                            </a:moveTo>
                            <a:cubicBezTo>
                              <a:pt x="5290" y="-202"/>
                              <a:pt x="20446" y="-2197"/>
                              <a:pt x="22614" y="4632"/>
                            </a:cubicBezTo>
                            <a:cubicBezTo>
                              <a:pt x="22323" y="7735"/>
                              <a:pt x="15037" y="12218"/>
                              <a:pt x="14746" y="15322"/>
                            </a:cubicBezTo>
                            <a:lnTo>
                              <a:pt x="7742" y="15475"/>
                            </a:lnTo>
                            <a:lnTo>
                              <a:pt x="0" y="2559"/>
                            </a:lnTo>
                            <a:close/>
                          </a:path>
                        </a:pathLst>
                      </a:custGeom>
                      <a:solidFill>
                        <a:srgbClr val="FFFFFF">
                          <a:lumMod val="65000"/>
                        </a:srgbClr>
                      </a:solidFill>
                      <a:ln w="12700" cap="flat" cmpd="sng" algn="ctr">
                        <a:noFill/>
                        <a:prstDash val="solid"/>
                        <a:miter lim="800000"/>
                      </a:ln>
                      <a:effectLst/>
                    </p:spPr>
                    <p:txBody>
                      <a:bodyPr rtlCol="0" anchor="ctr"/>
                      <a:lstStyle/>
                      <a:p>
                        <a:pPr marL="0" marR="0" lvl="0" indent="0" algn="ctr" defTabSz="91440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endParaRPr kumimoji="0" lang="en-US" sz="1800" b="0" i="0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uLnTx/>
                          <a:uFillTx/>
                          <a:latin typeface="Futura Bk BT" panose="020B0502020204020303" pitchFamily="34" charset="0"/>
                          <a:ea typeface="+mn-ea"/>
                        </a:endParaRPr>
                      </a:p>
                    </p:txBody>
                  </p:sp>
                  <p:sp>
                    <p:nvSpPr>
                      <p:cNvPr id="277" name="Oval Callout 51"/>
                      <p:cNvSpPr/>
                      <p:nvPr/>
                    </p:nvSpPr>
                    <p:spPr>
                      <a:xfrm>
                        <a:off x="4655558" y="5335628"/>
                        <a:ext cx="336545" cy="339956"/>
                      </a:xfrm>
                      <a:prstGeom prst="wedgeEllipseCallout">
                        <a:avLst>
                          <a:gd name="adj1" fmla="val -941"/>
                          <a:gd name="adj2" fmla="val 63927"/>
                        </a:avLst>
                      </a:prstGeom>
                      <a:solidFill>
                        <a:srgbClr val="FFFFFF"/>
                      </a:solidFill>
                      <a:ln w="12700" cap="flat" cmpd="sng" algn="ctr">
                        <a:noFill/>
                        <a:prstDash val="solid"/>
                        <a:miter lim="800000"/>
                      </a:ln>
                      <a:effectLst/>
                    </p:spPr>
                    <p:txBody>
                      <a:bodyPr rtlCol="0" anchor="ctr"/>
                      <a:lstStyle/>
                      <a:p>
                        <a:pPr marL="0" marR="0" lvl="0" indent="0" algn="ctr" defTabSz="91440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endParaRPr kumimoji="0" lang="en-US" sz="1800" b="0" i="0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uLnTx/>
                          <a:uFillTx/>
                          <a:latin typeface="Futura Bk BT" panose="020B0502020204020303" pitchFamily="34" charset="0"/>
                          <a:ea typeface="+mn-ea"/>
                        </a:endParaRPr>
                      </a:p>
                    </p:txBody>
                  </p:sp>
                  <p:sp>
                    <p:nvSpPr>
                      <p:cNvPr id="278" name="Flowchart: Process 22"/>
                      <p:cNvSpPr/>
                      <p:nvPr/>
                    </p:nvSpPr>
                    <p:spPr>
                      <a:xfrm>
                        <a:off x="4498003" y="5685910"/>
                        <a:ext cx="649566" cy="290397"/>
                      </a:xfrm>
                      <a:custGeom>
                        <a:avLst/>
                        <a:gdLst>
                          <a:gd name="connsiteX0" fmla="*/ 0 w 10000"/>
                          <a:gd name="connsiteY0" fmla="*/ 0 h 10000"/>
                          <a:gd name="connsiteX1" fmla="*/ 10000 w 10000"/>
                          <a:gd name="connsiteY1" fmla="*/ 0 h 10000"/>
                          <a:gd name="connsiteX2" fmla="*/ 10000 w 10000"/>
                          <a:gd name="connsiteY2" fmla="*/ 10000 h 10000"/>
                          <a:gd name="connsiteX3" fmla="*/ 0 w 10000"/>
                          <a:gd name="connsiteY3" fmla="*/ 10000 h 10000"/>
                          <a:gd name="connsiteX4" fmla="*/ 0 w 10000"/>
                          <a:gd name="connsiteY4" fmla="*/ 0 h 10000"/>
                          <a:gd name="connsiteX0" fmla="*/ 0 w 10000"/>
                          <a:gd name="connsiteY0" fmla="*/ 0 h 10000"/>
                          <a:gd name="connsiteX1" fmla="*/ 10000 w 10000"/>
                          <a:gd name="connsiteY1" fmla="*/ 0 h 10000"/>
                          <a:gd name="connsiteX2" fmla="*/ 10000 w 10000"/>
                          <a:gd name="connsiteY2" fmla="*/ 10000 h 10000"/>
                          <a:gd name="connsiteX3" fmla="*/ 794 w 10000"/>
                          <a:gd name="connsiteY3" fmla="*/ 7245 h 10000"/>
                          <a:gd name="connsiteX4" fmla="*/ 0 w 10000"/>
                          <a:gd name="connsiteY4" fmla="*/ 0 h 10000"/>
                          <a:gd name="connsiteX0" fmla="*/ 0 w 10698"/>
                          <a:gd name="connsiteY0" fmla="*/ 0 h 7317"/>
                          <a:gd name="connsiteX1" fmla="*/ 10000 w 10698"/>
                          <a:gd name="connsiteY1" fmla="*/ 0 h 7317"/>
                          <a:gd name="connsiteX2" fmla="*/ 10698 w 10698"/>
                          <a:gd name="connsiteY2" fmla="*/ 7317 h 7317"/>
                          <a:gd name="connsiteX3" fmla="*/ 794 w 10698"/>
                          <a:gd name="connsiteY3" fmla="*/ 7245 h 7317"/>
                          <a:gd name="connsiteX4" fmla="*/ 0 w 10698"/>
                          <a:gd name="connsiteY4" fmla="*/ 0 h 7317"/>
                          <a:gd name="connsiteX0" fmla="*/ 0 w 10000"/>
                          <a:gd name="connsiteY0" fmla="*/ 0 h 10195"/>
                          <a:gd name="connsiteX1" fmla="*/ 9348 w 10000"/>
                          <a:gd name="connsiteY1" fmla="*/ 0 h 10195"/>
                          <a:gd name="connsiteX2" fmla="*/ 10000 w 10000"/>
                          <a:gd name="connsiteY2" fmla="*/ 10000 h 10195"/>
                          <a:gd name="connsiteX3" fmla="*/ 697 w 10000"/>
                          <a:gd name="connsiteY3" fmla="*/ 10195 h 10195"/>
                          <a:gd name="connsiteX4" fmla="*/ 0 w 10000"/>
                          <a:gd name="connsiteY4" fmla="*/ 0 h 10195"/>
                          <a:gd name="connsiteX0" fmla="*/ 0 w 10045"/>
                          <a:gd name="connsiteY0" fmla="*/ 0 h 10342"/>
                          <a:gd name="connsiteX1" fmla="*/ 9348 w 10045"/>
                          <a:gd name="connsiteY1" fmla="*/ 0 h 10342"/>
                          <a:gd name="connsiteX2" fmla="*/ 10045 w 10045"/>
                          <a:gd name="connsiteY2" fmla="*/ 10342 h 10342"/>
                          <a:gd name="connsiteX3" fmla="*/ 697 w 10045"/>
                          <a:gd name="connsiteY3" fmla="*/ 10195 h 10342"/>
                          <a:gd name="connsiteX4" fmla="*/ 0 w 10045"/>
                          <a:gd name="connsiteY4" fmla="*/ 0 h 10342"/>
                          <a:gd name="connsiteX0" fmla="*/ 0 w 10045"/>
                          <a:gd name="connsiteY0" fmla="*/ 0 h 10342"/>
                          <a:gd name="connsiteX1" fmla="*/ 6964 w 10045"/>
                          <a:gd name="connsiteY1" fmla="*/ 1222 h 10342"/>
                          <a:gd name="connsiteX2" fmla="*/ 10045 w 10045"/>
                          <a:gd name="connsiteY2" fmla="*/ 10342 h 10342"/>
                          <a:gd name="connsiteX3" fmla="*/ 697 w 10045"/>
                          <a:gd name="connsiteY3" fmla="*/ 10195 h 10342"/>
                          <a:gd name="connsiteX4" fmla="*/ 0 w 10045"/>
                          <a:gd name="connsiteY4" fmla="*/ 0 h 10342"/>
                          <a:gd name="connsiteX0" fmla="*/ 0 w 10045"/>
                          <a:gd name="connsiteY0" fmla="*/ 0 h 10342"/>
                          <a:gd name="connsiteX1" fmla="*/ 5586 w 10045"/>
                          <a:gd name="connsiteY1" fmla="*/ 865 h 10342"/>
                          <a:gd name="connsiteX2" fmla="*/ 6964 w 10045"/>
                          <a:gd name="connsiteY2" fmla="*/ 1222 h 10342"/>
                          <a:gd name="connsiteX3" fmla="*/ 10045 w 10045"/>
                          <a:gd name="connsiteY3" fmla="*/ 10342 h 10342"/>
                          <a:gd name="connsiteX4" fmla="*/ 697 w 10045"/>
                          <a:gd name="connsiteY4" fmla="*/ 10195 h 10342"/>
                          <a:gd name="connsiteX5" fmla="*/ 0 w 10045"/>
                          <a:gd name="connsiteY5" fmla="*/ 0 h 10342"/>
                          <a:gd name="connsiteX0" fmla="*/ 0 w 10045"/>
                          <a:gd name="connsiteY0" fmla="*/ 0 h 10342"/>
                          <a:gd name="connsiteX1" fmla="*/ 6890 w 10045"/>
                          <a:gd name="connsiteY1" fmla="*/ 4385 h 10342"/>
                          <a:gd name="connsiteX2" fmla="*/ 6964 w 10045"/>
                          <a:gd name="connsiteY2" fmla="*/ 1222 h 10342"/>
                          <a:gd name="connsiteX3" fmla="*/ 10045 w 10045"/>
                          <a:gd name="connsiteY3" fmla="*/ 10342 h 10342"/>
                          <a:gd name="connsiteX4" fmla="*/ 697 w 10045"/>
                          <a:gd name="connsiteY4" fmla="*/ 10195 h 10342"/>
                          <a:gd name="connsiteX5" fmla="*/ 0 w 10045"/>
                          <a:gd name="connsiteY5" fmla="*/ 0 h 10342"/>
                          <a:gd name="connsiteX0" fmla="*/ 0 w 10045"/>
                          <a:gd name="connsiteY0" fmla="*/ 0 h 10342"/>
                          <a:gd name="connsiteX1" fmla="*/ 5316 w 10045"/>
                          <a:gd name="connsiteY1" fmla="*/ 3359 h 10342"/>
                          <a:gd name="connsiteX2" fmla="*/ 6890 w 10045"/>
                          <a:gd name="connsiteY2" fmla="*/ 4385 h 10342"/>
                          <a:gd name="connsiteX3" fmla="*/ 6964 w 10045"/>
                          <a:gd name="connsiteY3" fmla="*/ 1222 h 10342"/>
                          <a:gd name="connsiteX4" fmla="*/ 10045 w 10045"/>
                          <a:gd name="connsiteY4" fmla="*/ 10342 h 10342"/>
                          <a:gd name="connsiteX5" fmla="*/ 697 w 10045"/>
                          <a:gd name="connsiteY5" fmla="*/ 10195 h 10342"/>
                          <a:gd name="connsiteX6" fmla="*/ 0 w 10045"/>
                          <a:gd name="connsiteY6" fmla="*/ 0 h 10342"/>
                          <a:gd name="connsiteX0" fmla="*/ 0 w 10045"/>
                          <a:gd name="connsiteY0" fmla="*/ 0 h 10342"/>
                          <a:gd name="connsiteX1" fmla="*/ 5833 w 10045"/>
                          <a:gd name="connsiteY1" fmla="*/ 2137 h 10342"/>
                          <a:gd name="connsiteX2" fmla="*/ 6890 w 10045"/>
                          <a:gd name="connsiteY2" fmla="*/ 4385 h 10342"/>
                          <a:gd name="connsiteX3" fmla="*/ 6964 w 10045"/>
                          <a:gd name="connsiteY3" fmla="*/ 1222 h 10342"/>
                          <a:gd name="connsiteX4" fmla="*/ 10045 w 10045"/>
                          <a:gd name="connsiteY4" fmla="*/ 10342 h 10342"/>
                          <a:gd name="connsiteX5" fmla="*/ 697 w 10045"/>
                          <a:gd name="connsiteY5" fmla="*/ 10195 h 10342"/>
                          <a:gd name="connsiteX6" fmla="*/ 0 w 10045"/>
                          <a:gd name="connsiteY6" fmla="*/ 0 h 10342"/>
                          <a:gd name="connsiteX0" fmla="*/ 0 w 10045"/>
                          <a:gd name="connsiteY0" fmla="*/ 0 h 10342"/>
                          <a:gd name="connsiteX1" fmla="*/ 4911 w 10045"/>
                          <a:gd name="connsiteY1" fmla="*/ 1843 h 10342"/>
                          <a:gd name="connsiteX2" fmla="*/ 5833 w 10045"/>
                          <a:gd name="connsiteY2" fmla="*/ 2137 h 10342"/>
                          <a:gd name="connsiteX3" fmla="*/ 6890 w 10045"/>
                          <a:gd name="connsiteY3" fmla="*/ 4385 h 10342"/>
                          <a:gd name="connsiteX4" fmla="*/ 6964 w 10045"/>
                          <a:gd name="connsiteY4" fmla="*/ 1222 h 10342"/>
                          <a:gd name="connsiteX5" fmla="*/ 10045 w 10045"/>
                          <a:gd name="connsiteY5" fmla="*/ 10342 h 10342"/>
                          <a:gd name="connsiteX6" fmla="*/ 697 w 10045"/>
                          <a:gd name="connsiteY6" fmla="*/ 10195 h 10342"/>
                          <a:gd name="connsiteX7" fmla="*/ 0 w 10045"/>
                          <a:gd name="connsiteY7" fmla="*/ 0 h 10342"/>
                          <a:gd name="connsiteX0" fmla="*/ 0 w 10045"/>
                          <a:gd name="connsiteY0" fmla="*/ 0 h 10342"/>
                          <a:gd name="connsiteX1" fmla="*/ 5811 w 10045"/>
                          <a:gd name="connsiteY1" fmla="*/ 4728 h 10342"/>
                          <a:gd name="connsiteX2" fmla="*/ 5833 w 10045"/>
                          <a:gd name="connsiteY2" fmla="*/ 2137 h 10342"/>
                          <a:gd name="connsiteX3" fmla="*/ 6890 w 10045"/>
                          <a:gd name="connsiteY3" fmla="*/ 4385 h 10342"/>
                          <a:gd name="connsiteX4" fmla="*/ 6964 w 10045"/>
                          <a:gd name="connsiteY4" fmla="*/ 1222 h 10342"/>
                          <a:gd name="connsiteX5" fmla="*/ 10045 w 10045"/>
                          <a:gd name="connsiteY5" fmla="*/ 10342 h 10342"/>
                          <a:gd name="connsiteX6" fmla="*/ 697 w 10045"/>
                          <a:gd name="connsiteY6" fmla="*/ 10195 h 10342"/>
                          <a:gd name="connsiteX7" fmla="*/ 0 w 10045"/>
                          <a:gd name="connsiteY7" fmla="*/ 0 h 10342"/>
                          <a:gd name="connsiteX0" fmla="*/ 0 w 10045"/>
                          <a:gd name="connsiteY0" fmla="*/ 0 h 10342"/>
                          <a:gd name="connsiteX1" fmla="*/ 4754 w 10045"/>
                          <a:gd name="connsiteY1" fmla="*/ 3945 h 10342"/>
                          <a:gd name="connsiteX2" fmla="*/ 5811 w 10045"/>
                          <a:gd name="connsiteY2" fmla="*/ 4728 h 10342"/>
                          <a:gd name="connsiteX3" fmla="*/ 5833 w 10045"/>
                          <a:gd name="connsiteY3" fmla="*/ 2137 h 10342"/>
                          <a:gd name="connsiteX4" fmla="*/ 6890 w 10045"/>
                          <a:gd name="connsiteY4" fmla="*/ 4385 h 10342"/>
                          <a:gd name="connsiteX5" fmla="*/ 6964 w 10045"/>
                          <a:gd name="connsiteY5" fmla="*/ 1222 h 10342"/>
                          <a:gd name="connsiteX6" fmla="*/ 10045 w 10045"/>
                          <a:gd name="connsiteY6" fmla="*/ 10342 h 10342"/>
                          <a:gd name="connsiteX7" fmla="*/ 697 w 10045"/>
                          <a:gd name="connsiteY7" fmla="*/ 10195 h 10342"/>
                          <a:gd name="connsiteX8" fmla="*/ 0 w 10045"/>
                          <a:gd name="connsiteY8" fmla="*/ 0 h 10342"/>
                          <a:gd name="connsiteX0" fmla="*/ 0 w 10045"/>
                          <a:gd name="connsiteY0" fmla="*/ 0 h 10342"/>
                          <a:gd name="connsiteX1" fmla="*/ 5833 w 10045"/>
                          <a:gd name="connsiteY1" fmla="*/ 10106 h 10342"/>
                          <a:gd name="connsiteX2" fmla="*/ 5811 w 10045"/>
                          <a:gd name="connsiteY2" fmla="*/ 4728 h 10342"/>
                          <a:gd name="connsiteX3" fmla="*/ 5833 w 10045"/>
                          <a:gd name="connsiteY3" fmla="*/ 2137 h 10342"/>
                          <a:gd name="connsiteX4" fmla="*/ 6890 w 10045"/>
                          <a:gd name="connsiteY4" fmla="*/ 4385 h 10342"/>
                          <a:gd name="connsiteX5" fmla="*/ 6964 w 10045"/>
                          <a:gd name="connsiteY5" fmla="*/ 1222 h 10342"/>
                          <a:gd name="connsiteX6" fmla="*/ 10045 w 10045"/>
                          <a:gd name="connsiteY6" fmla="*/ 10342 h 10342"/>
                          <a:gd name="connsiteX7" fmla="*/ 697 w 10045"/>
                          <a:gd name="connsiteY7" fmla="*/ 10195 h 10342"/>
                          <a:gd name="connsiteX8" fmla="*/ 0 w 10045"/>
                          <a:gd name="connsiteY8" fmla="*/ 0 h 10342"/>
                          <a:gd name="connsiteX0" fmla="*/ 0 w 10045"/>
                          <a:gd name="connsiteY0" fmla="*/ 0 h 10342"/>
                          <a:gd name="connsiteX1" fmla="*/ 4551 w 10045"/>
                          <a:gd name="connsiteY1" fmla="*/ 7857 h 10342"/>
                          <a:gd name="connsiteX2" fmla="*/ 5833 w 10045"/>
                          <a:gd name="connsiteY2" fmla="*/ 10106 h 10342"/>
                          <a:gd name="connsiteX3" fmla="*/ 5811 w 10045"/>
                          <a:gd name="connsiteY3" fmla="*/ 4728 h 10342"/>
                          <a:gd name="connsiteX4" fmla="*/ 5833 w 10045"/>
                          <a:gd name="connsiteY4" fmla="*/ 2137 h 10342"/>
                          <a:gd name="connsiteX5" fmla="*/ 6890 w 10045"/>
                          <a:gd name="connsiteY5" fmla="*/ 4385 h 10342"/>
                          <a:gd name="connsiteX6" fmla="*/ 6964 w 10045"/>
                          <a:gd name="connsiteY6" fmla="*/ 1222 h 10342"/>
                          <a:gd name="connsiteX7" fmla="*/ 10045 w 10045"/>
                          <a:gd name="connsiteY7" fmla="*/ 10342 h 10342"/>
                          <a:gd name="connsiteX8" fmla="*/ 697 w 10045"/>
                          <a:gd name="connsiteY8" fmla="*/ 10195 h 10342"/>
                          <a:gd name="connsiteX9" fmla="*/ 0 w 10045"/>
                          <a:gd name="connsiteY9" fmla="*/ 0 h 10342"/>
                          <a:gd name="connsiteX0" fmla="*/ 0 w 10045"/>
                          <a:gd name="connsiteY0" fmla="*/ 0 h 10342"/>
                          <a:gd name="connsiteX1" fmla="*/ 4731 w 10045"/>
                          <a:gd name="connsiteY1" fmla="*/ 10057 h 10342"/>
                          <a:gd name="connsiteX2" fmla="*/ 5833 w 10045"/>
                          <a:gd name="connsiteY2" fmla="*/ 10106 h 10342"/>
                          <a:gd name="connsiteX3" fmla="*/ 5811 w 10045"/>
                          <a:gd name="connsiteY3" fmla="*/ 4728 h 10342"/>
                          <a:gd name="connsiteX4" fmla="*/ 5833 w 10045"/>
                          <a:gd name="connsiteY4" fmla="*/ 2137 h 10342"/>
                          <a:gd name="connsiteX5" fmla="*/ 6890 w 10045"/>
                          <a:gd name="connsiteY5" fmla="*/ 4385 h 10342"/>
                          <a:gd name="connsiteX6" fmla="*/ 6964 w 10045"/>
                          <a:gd name="connsiteY6" fmla="*/ 1222 h 10342"/>
                          <a:gd name="connsiteX7" fmla="*/ 10045 w 10045"/>
                          <a:gd name="connsiteY7" fmla="*/ 10342 h 10342"/>
                          <a:gd name="connsiteX8" fmla="*/ 697 w 10045"/>
                          <a:gd name="connsiteY8" fmla="*/ 10195 h 10342"/>
                          <a:gd name="connsiteX9" fmla="*/ 0 w 10045"/>
                          <a:gd name="connsiteY9" fmla="*/ 0 h 10342"/>
                          <a:gd name="connsiteX0" fmla="*/ 0 w 10045"/>
                          <a:gd name="connsiteY0" fmla="*/ 0 h 10342"/>
                          <a:gd name="connsiteX1" fmla="*/ 2955 w 10045"/>
                          <a:gd name="connsiteY1" fmla="*/ 6390 h 10342"/>
                          <a:gd name="connsiteX2" fmla="*/ 4731 w 10045"/>
                          <a:gd name="connsiteY2" fmla="*/ 10057 h 10342"/>
                          <a:gd name="connsiteX3" fmla="*/ 5833 w 10045"/>
                          <a:gd name="connsiteY3" fmla="*/ 10106 h 10342"/>
                          <a:gd name="connsiteX4" fmla="*/ 5811 w 10045"/>
                          <a:gd name="connsiteY4" fmla="*/ 4728 h 10342"/>
                          <a:gd name="connsiteX5" fmla="*/ 5833 w 10045"/>
                          <a:gd name="connsiteY5" fmla="*/ 2137 h 10342"/>
                          <a:gd name="connsiteX6" fmla="*/ 6890 w 10045"/>
                          <a:gd name="connsiteY6" fmla="*/ 4385 h 10342"/>
                          <a:gd name="connsiteX7" fmla="*/ 6964 w 10045"/>
                          <a:gd name="connsiteY7" fmla="*/ 1222 h 10342"/>
                          <a:gd name="connsiteX8" fmla="*/ 10045 w 10045"/>
                          <a:gd name="connsiteY8" fmla="*/ 10342 h 10342"/>
                          <a:gd name="connsiteX9" fmla="*/ 697 w 10045"/>
                          <a:gd name="connsiteY9" fmla="*/ 10195 h 10342"/>
                          <a:gd name="connsiteX10" fmla="*/ 0 w 10045"/>
                          <a:gd name="connsiteY10" fmla="*/ 0 h 10342"/>
                          <a:gd name="connsiteX0" fmla="*/ 0 w 10045"/>
                          <a:gd name="connsiteY0" fmla="*/ 0 h 10342"/>
                          <a:gd name="connsiteX1" fmla="*/ 4687 w 10045"/>
                          <a:gd name="connsiteY1" fmla="*/ 5119 h 10342"/>
                          <a:gd name="connsiteX2" fmla="*/ 4731 w 10045"/>
                          <a:gd name="connsiteY2" fmla="*/ 10057 h 10342"/>
                          <a:gd name="connsiteX3" fmla="*/ 5833 w 10045"/>
                          <a:gd name="connsiteY3" fmla="*/ 10106 h 10342"/>
                          <a:gd name="connsiteX4" fmla="*/ 5811 w 10045"/>
                          <a:gd name="connsiteY4" fmla="*/ 4728 h 10342"/>
                          <a:gd name="connsiteX5" fmla="*/ 5833 w 10045"/>
                          <a:gd name="connsiteY5" fmla="*/ 2137 h 10342"/>
                          <a:gd name="connsiteX6" fmla="*/ 6890 w 10045"/>
                          <a:gd name="connsiteY6" fmla="*/ 4385 h 10342"/>
                          <a:gd name="connsiteX7" fmla="*/ 6964 w 10045"/>
                          <a:gd name="connsiteY7" fmla="*/ 1222 h 10342"/>
                          <a:gd name="connsiteX8" fmla="*/ 10045 w 10045"/>
                          <a:gd name="connsiteY8" fmla="*/ 10342 h 10342"/>
                          <a:gd name="connsiteX9" fmla="*/ 697 w 10045"/>
                          <a:gd name="connsiteY9" fmla="*/ 10195 h 10342"/>
                          <a:gd name="connsiteX10" fmla="*/ 0 w 10045"/>
                          <a:gd name="connsiteY10" fmla="*/ 0 h 10342"/>
                          <a:gd name="connsiteX0" fmla="*/ 0 w 10045"/>
                          <a:gd name="connsiteY0" fmla="*/ 0 h 10342"/>
                          <a:gd name="connsiteX1" fmla="*/ 3584 w 10045"/>
                          <a:gd name="connsiteY1" fmla="*/ 3945 h 10342"/>
                          <a:gd name="connsiteX2" fmla="*/ 4687 w 10045"/>
                          <a:gd name="connsiteY2" fmla="*/ 5119 h 10342"/>
                          <a:gd name="connsiteX3" fmla="*/ 4731 w 10045"/>
                          <a:gd name="connsiteY3" fmla="*/ 10057 h 10342"/>
                          <a:gd name="connsiteX4" fmla="*/ 5833 w 10045"/>
                          <a:gd name="connsiteY4" fmla="*/ 10106 h 10342"/>
                          <a:gd name="connsiteX5" fmla="*/ 5811 w 10045"/>
                          <a:gd name="connsiteY5" fmla="*/ 4728 h 10342"/>
                          <a:gd name="connsiteX6" fmla="*/ 5833 w 10045"/>
                          <a:gd name="connsiteY6" fmla="*/ 2137 h 10342"/>
                          <a:gd name="connsiteX7" fmla="*/ 6890 w 10045"/>
                          <a:gd name="connsiteY7" fmla="*/ 4385 h 10342"/>
                          <a:gd name="connsiteX8" fmla="*/ 6964 w 10045"/>
                          <a:gd name="connsiteY8" fmla="*/ 1222 h 10342"/>
                          <a:gd name="connsiteX9" fmla="*/ 10045 w 10045"/>
                          <a:gd name="connsiteY9" fmla="*/ 10342 h 10342"/>
                          <a:gd name="connsiteX10" fmla="*/ 697 w 10045"/>
                          <a:gd name="connsiteY10" fmla="*/ 10195 h 10342"/>
                          <a:gd name="connsiteX11" fmla="*/ 0 w 10045"/>
                          <a:gd name="connsiteY11" fmla="*/ 0 h 10342"/>
                          <a:gd name="connsiteX0" fmla="*/ 0 w 10045"/>
                          <a:gd name="connsiteY0" fmla="*/ 0 h 10342"/>
                          <a:gd name="connsiteX1" fmla="*/ 5091 w 10045"/>
                          <a:gd name="connsiteY1" fmla="*/ 3701 h 10342"/>
                          <a:gd name="connsiteX2" fmla="*/ 4687 w 10045"/>
                          <a:gd name="connsiteY2" fmla="*/ 5119 h 10342"/>
                          <a:gd name="connsiteX3" fmla="*/ 4731 w 10045"/>
                          <a:gd name="connsiteY3" fmla="*/ 10057 h 10342"/>
                          <a:gd name="connsiteX4" fmla="*/ 5833 w 10045"/>
                          <a:gd name="connsiteY4" fmla="*/ 10106 h 10342"/>
                          <a:gd name="connsiteX5" fmla="*/ 5811 w 10045"/>
                          <a:gd name="connsiteY5" fmla="*/ 4728 h 10342"/>
                          <a:gd name="connsiteX6" fmla="*/ 5833 w 10045"/>
                          <a:gd name="connsiteY6" fmla="*/ 2137 h 10342"/>
                          <a:gd name="connsiteX7" fmla="*/ 6890 w 10045"/>
                          <a:gd name="connsiteY7" fmla="*/ 4385 h 10342"/>
                          <a:gd name="connsiteX8" fmla="*/ 6964 w 10045"/>
                          <a:gd name="connsiteY8" fmla="*/ 1222 h 10342"/>
                          <a:gd name="connsiteX9" fmla="*/ 10045 w 10045"/>
                          <a:gd name="connsiteY9" fmla="*/ 10342 h 10342"/>
                          <a:gd name="connsiteX10" fmla="*/ 697 w 10045"/>
                          <a:gd name="connsiteY10" fmla="*/ 10195 h 10342"/>
                          <a:gd name="connsiteX11" fmla="*/ 0 w 10045"/>
                          <a:gd name="connsiteY11" fmla="*/ 0 h 10342"/>
                          <a:gd name="connsiteX0" fmla="*/ 0 w 10045"/>
                          <a:gd name="connsiteY0" fmla="*/ 0 h 10342"/>
                          <a:gd name="connsiteX1" fmla="*/ 4192 w 10045"/>
                          <a:gd name="connsiteY1" fmla="*/ 3016 h 10342"/>
                          <a:gd name="connsiteX2" fmla="*/ 5091 w 10045"/>
                          <a:gd name="connsiteY2" fmla="*/ 3701 h 10342"/>
                          <a:gd name="connsiteX3" fmla="*/ 4687 w 10045"/>
                          <a:gd name="connsiteY3" fmla="*/ 5119 h 10342"/>
                          <a:gd name="connsiteX4" fmla="*/ 4731 w 10045"/>
                          <a:gd name="connsiteY4" fmla="*/ 10057 h 10342"/>
                          <a:gd name="connsiteX5" fmla="*/ 5833 w 10045"/>
                          <a:gd name="connsiteY5" fmla="*/ 10106 h 10342"/>
                          <a:gd name="connsiteX6" fmla="*/ 5811 w 10045"/>
                          <a:gd name="connsiteY6" fmla="*/ 4728 h 10342"/>
                          <a:gd name="connsiteX7" fmla="*/ 5833 w 10045"/>
                          <a:gd name="connsiteY7" fmla="*/ 2137 h 10342"/>
                          <a:gd name="connsiteX8" fmla="*/ 6890 w 10045"/>
                          <a:gd name="connsiteY8" fmla="*/ 4385 h 10342"/>
                          <a:gd name="connsiteX9" fmla="*/ 6964 w 10045"/>
                          <a:gd name="connsiteY9" fmla="*/ 1222 h 10342"/>
                          <a:gd name="connsiteX10" fmla="*/ 10045 w 10045"/>
                          <a:gd name="connsiteY10" fmla="*/ 10342 h 10342"/>
                          <a:gd name="connsiteX11" fmla="*/ 697 w 10045"/>
                          <a:gd name="connsiteY11" fmla="*/ 10195 h 10342"/>
                          <a:gd name="connsiteX12" fmla="*/ 0 w 10045"/>
                          <a:gd name="connsiteY12" fmla="*/ 0 h 10342"/>
                          <a:gd name="connsiteX0" fmla="*/ 0 w 10045"/>
                          <a:gd name="connsiteY0" fmla="*/ 0 h 10342"/>
                          <a:gd name="connsiteX1" fmla="*/ 4934 w 10045"/>
                          <a:gd name="connsiteY1" fmla="*/ 2234 h 10342"/>
                          <a:gd name="connsiteX2" fmla="*/ 5091 w 10045"/>
                          <a:gd name="connsiteY2" fmla="*/ 3701 h 10342"/>
                          <a:gd name="connsiteX3" fmla="*/ 4687 w 10045"/>
                          <a:gd name="connsiteY3" fmla="*/ 5119 h 10342"/>
                          <a:gd name="connsiteX4" fmla="*/ 4731 w 10045"/>
                          <a:gd name="connsiteY4" fmla="*/ 10057 h 10342"/>
                          <a:gd name="connsiteX5" fmla="*/ 5833 w 10045"/>
                          <a:gd name="connsiteY5" fmla="*/ 10106 h 10342"/>
                          <a:gd name="connsiteX6" fmla="*/ 5811 w 10045"/>
                          <a:gd name="connsiteY6" fmla="*/ 4728 h 10342"/>
                          <a:gd name="connsiteX7" fmla="*/ 5833 w 10045"/>
                          <a:gd name="connsiteY7" fmla="*/ 2137 h 10342"/>
                          <a:gd name="connsiteX8" fmla="*/ 6890 w 10045"/>
                          <a:gd name="connsiteY8" fmla="*/ 4385 h 10342"/>
                          <a:gd name="connsiteX9" fmla="*/ 6964 w 10045"/>
                          <a:gd name="connsiteY9" fmla="*/ 1222 h 10342"/>
                          <a:gd name="connsiteX10" fmla="*/ 10045 w 10045"/>
                          <a:gd name="connsiteY10" fmla="*/ 10342 h 10342"/>
                          <a:gd name="connsiteX11" fmla="*/ 697 w 10045"/>
                          <a:gd name="connsiteY11" fmla="*/ 10195 h 10342"/>
                          <a:gd name="connsiteX12" fmla="*/ 0 w 10045"/>
                          <a:gd name="connsiteY12" fmla="*/ 0 h 10342"/>
                          <a:gd name="connsiteX0" fmla="*/ 0 w 10045"/>
                          <a:gd name="connsiteY0" fmla="*/ 0 h 10342"/>
                          <a:gd name="connsiteX1" fmla="*/ 4934 w 10045"/>
                          <a:gd name="connsiteY1" fmla="*/ 2234 h 10342"/>
                          <a:gd name="connsiteX2" fmla="*/ 5181 w 10045"/>
                          <a:gd name="connsiteY2" fmla="*/ 3505 h 10342"/>
                          <a:gd name="connsiteX3" fmla="*/ 4687 w 10045"/>
                          <a:gd name="connsiteY3" fmla="*/ 5119 h 10342"/>
                          <a:gd name="connsiteX4" fmla="*/ 4731 w 10045"/>
                          <a:gd name="connsiteY4" fmla="*/ 10057 h 10342"/>
                          <a:gd name="connsiteX5" fmla="*/ 5833 w 10045"/>
                          <a:gd name="connsiteY5" fmla="*/ 10106 h 10342"/>
                          <a:gd name="connsiteX6" fmla="*/ 5811 w 10045"/>
                          <a:gd name="connsiteY6" fmla="*/ 4728 h 10342"/>
                          <a:gd name="connsiteX7" fmla="*/ 5833 w 10045"/>
                          <a:gd name="connsiteY7" fmla="*/ 2137 h 10342"/>
                          <a:gd name="connsiteX8" fmla="*/ 6890 w 10045"/>
                          <a:gd name="connsiteY8" fmla="*/ 4385 h 10342"/>
                          <a:gd name="connsiteX9" fmla="*/ 6964 w 10045"/>
                          <a:gd name="connsiteY9" fmla="*/ 1222 h 10342"/>
                          <a:gd name="connsiteX10" fmla="*/ 10045 w 10045"/>
                          <a:gd name="connsiteY10" fmla="*/ 10342 h 10342"/>
                          <a:gd name="connsiteX11" fmla="*/ 697 w 10045"/>
                          <a:gd name="connsiteY11" fmla="*/ 10195 h 10342"/>
                          <a:gd name="connsiteX12" fmla="*/ 0 w 10045"/>
                          <a:gd name="connsiteY12" fmla="*/ 0 h 10342"/>
                          <a:gd name="connsiteX0" fmla="*/ 0 w 10045"/>
                          <a:gd name="connsiteY0" fmla="*/ 0 h 10342"/>
                          <a:gd name="connsiteX1" fmla="*/ 4934 w 10045"/>
                          <a:gd name="connsiteY1" fmla="*/ 2234 h 10342"/>
                          <a:gd name="connsiteX2" fmla="*/ 4687 w 10045"/>
                          <a:gd name="connsiteY2" fmla="*/ 5119 h 10342"/>
                          <a:gd name="connsiteX3" fmla="*/ 4731 w 10045"/>
                          <a:gd name="connsiteY3" fmla="*/ 10057 h 10342"/>
                          <a:gd name="connsiteX4" fmla="*/ 5833 w 10045"/>
                          <a:gd name="connsiteY4" fmla="*/ 10106 h 10342"/>
                          <a:gd name="connsiteX5" fmla="*/ 5811 w 10045"/>
                          <a:gd name="connsiteY5" fmla="*/ 4728 h 10342"/>
                          <a:gd name="connsiteX6" fmla="*/ 5833 w 10045"/>
                          <a:gd name="connsiteY6" fmla="*/ 2137 h 10342"/>
                          <a:gd name="connsiteX7" fmla="*/ 6890 w 10045"/>
                          <a:gd name="connsiteY7" fmla="*/ 4385 h 10342"/>
                          <a:gd name="connsiteX8" fmla="*/ 6964 w 10045"/>
                          <a:gd name="connsiteY8" fmla="*/ 1222 h 10342"/>
                          <a:gd name="connsiteX9" fmla="*/ 10045 w 10045"/>
                          <a:gd name="connsiteY9" fmla="*/ 10342 h 10342"/>
                          <a:gd name="connsiteX10" fmla="*/ 697 w 10045"/>
                          <a:gd name="connsiteY10" fmla="*/ 10195 h 10342"/>
                          <a:gd name="connsiteX11" fmla="*/ 0 w 10045"/>
                          <a:gd name="connsiteY11" fmla="*/ 0 h 10342"/>
                          <a:gd name="connsiteX0" fmla="*/ 0 w 10045"/>
                          <a:gd name="connsiteY0" fmla="*/ 0 h 10342"/>
                          <a:gd name="connsiteX1" fmla="*/ 3764 w 10045"/>
                          <a:gd name="connsiteY1" fmla="*/ 1647 h 10342"/>
                          <a:gd name="connsiteX2" fmla="*/ 4934 w 10045"/>
                          <a:gd name="connsiteY2" fmla="*/ 2234 h 10342"/>
                          <a:gd name="connsiteX3" fmla="*/ 4687 w 10045"/>
                          <a:gd name="connsiteY3" fmla="*/ 5119 h 10342"/>
                          <a:gd name="connsiteX4" fmla="*/ 4731 w 10045"/>
                          <a:gd name="connsiteY4" fmla="*/ 10057 h 10342"/>
                          <a:gd name="connsiteX5" fmla="*/ 5833 w 10045"/>
                          <a:gd name="connsiteY5" fmla="*/ 10106 h 10342"/>
                          <a:gd name="connsiteX6" fmla="*/ 5811 w 10045"/>
                          <a:gd name="connsiteY6" fmla="*/ 4728 h 10342"/>
                          <a:gd name="connsiteX7" fmla="*/ 5833 w 10045"/>
                          <a:gd name="connsiteY7" fmla="*/ 2137 h 10342"/>
                          <a:gd name="connsiteX8" fmla="*/ 6890 w 10045"/>
                          <a:gd name="connsiteY8" fmla="*/ 4385 h 10342"/>
                          <a:gd name="connsiteX9" fmla="*/ 6964 w 10045"/>
                          <a:gd name="connsiteY9" fmla="*/ 1222 h 10342"/>
                          <a:gd name="connsiteX10" fmla="*/ 10045 w 10045"/>
                          <a:gd name="connsiteY10" fmla="*/ 10342 h 10342"/>
                          <a:gd name="connsiteX11" fmla="*/ 697 w 10045"/>
                          <a:gd name="connsiteY11" fmla="*/ 10195 h 10342"/>
                          <a:gd name="connsiteX12" fmla="*/ 0 w 10045"/>
                          <a:gd name="connsiteY12" fmla="*/ 0 h 10342"/>
                          <a:gd name="connsiteX0" fmla="*/ 0 w 10045"/>
                          <a:gd name="connsiteY0" fmla="*/ 0 h 10342"/>
                          <a:gd name="connsiteX1" fmla="*/ 3786 w 10045"/>
                          <a:gd name="connsiteY1" fmla="*/ 4287 h 10342"/>
                          <a:gd name="connsiteX2" fmla="*/ 4934 w 10045"/>
                          <a:gd name="connsiteY2" fmla="*/ 2234 h 10342"/>
                          <a:gd name="connsiteX3" fmla="*/ 4687 w 10045"/>
                          <a:gd name="connsiteY3" fmla="*/ 5119 h 10342"/>
                          <a:gd name="connsiteX4" fmla="*/ 4731 w 10045"/>
                          <a:gd name="connsiteY4" fmla="*/ 10057 h 10342"/>
                          <a:gd name="connsiteX5" fmla="*/ 5833 w 10045"/>
                          <a:gd name="connsiteY5" fmla="*/ 10106 h 10342"/>
                          <a:gd name="connsiteX6" fmla="*/ 5811 w 10045"/>
                          <a:gd name="connsiteY6" fmla="*/ 4728 h 10342"/>
                          <a:gd name="connsiteX7" fmla="*/ 5833 w 10045"/>
                          <a:gd name="connsiteY7" fmla="*/ 2137 h 10342"/>
                          <a:gd name="connsiteX8" fmla="*/ 6890 w 10045"/>
                          <a:gd name="connsiteY8" fmla="*/ 4385 h 10342"/>
                          <a:gd name="connsiteX9" fmla="*/ 6964 w 10045"/>
                          <a:gd name="connsiteY9" fmla="*/ 1222 h 10342"/>
                          <a:gd name="connsiteX10" fmla="*/ 10045 w 10045"/>
                          <a:gd name="connsiteY10" fmla="*/ 10342 h 10342"/>
                          <a:gd name="connsiteX11" fmla="*/ 697 w 10045"/>
                          <a:gd name="connsiteY11" fmla="*/ 10195 h 10342"/>
                          <a:gd name="connsiteX12" fmla="*/ 0 w 10045"/>
                          <a:gd name="connsiteY12" fmla="*/ 0 h 10342"/>
                          <a:gd name="connsiteX0" fmla="*/ 3027 w 9361"/>
                          <a:gd name="connsiteY0" fmla="*/ 0 h 9120"/>
                          <a:gd name="connsiteX1" fmla="*/ 3102 w 9361"/>
                          <a:gd name="connsiteY1" fmla="*/ 3065 h 9120"/>
                          <a:gd name="connsiteX2" fmla="*/ 4250 w 9361"/>
                          <a:gd name="connsiteY2" fmla="*/ 1012 h 9120"/>
                          <a:gd name="connsiteX3" fmla="*/ 4003 w 9361"/>
                          <a:gd name="connsiteY3" fmla="*/ 3897 h 9120"/>
                          <a:gd name="connsiteX4" fmla="*/ 4047 w 9361"/>
                          <a:gd name="connsiteY4" fmla="*/ 8835 h 9120"/>
                          <a:gd name="connsiteX5" fmla="*/ 5149 w 9361"/>
                          <a:gd name="connsiteY5" fmla="*/ 8884 h 9120"/>
                          <a:gd name="connsiteX6" fmla="*/ 5127 w 9361"/>
                          <a:gd name="connsiteY6" fmla="*/ 3506 h 9120"/>
                          <a:gd name="connsiteX7" fmla="*/ 5149 w 9361"/>
                          <a:gd name="connsiteY7" fmla="*/ 915 h 9120"/>
                          <a:gd name="connsiteX8" fmla="*/ 6206 w 9361"/>
                          <a:gd name="connsiteY8" fmla="*/ 3163 h 9120"/>
                          <a:gd name="connsiteX9" fmla="*/ 6280 w 9361"/>
                          <a:gd name="connsiteY9" fmla="*/ 0 h 9120"/>
                          <a:gd name="connsiteX10" fmla="*/ 9361 w 9361"/>
                          <a:gd name="connsiteY10" fmla="*/ 9120 h 9120"/>
                          <a:gd name="connsiteX11" fmla="*/ 13 w 9361"/>
                          <a:gd name="connsiteY11" fmla="*/ 8973 h 9120"/>
                          <a:gd name="connsiteX12" fmla="*/ 3027 w 9361"/>
                          <a:gd name="connsiteY12" fmla="*/ 0 h 9120"/>
                          <a:gd name="connsiteX0" fmla="*/ 3243 w 10009"/>
                          <a:gd name="connsiteY0" fmla="*/ 0 h 10000"/>
                          <a:gd name="connsiteX1" fmla="*/ 3323 w 10009"/>
                          <a:gd name="connsiteY1" fmla="*/ 3361 h 10000"/>
                          <a:gd name="connsiteX2" fmla="*/ 4549 w 10009"/>
                          <a:gd name="connsiteY2" fmla="*/ 1110 h 10000"/>
                          <a:gd name="connsiteX3" fmla="*/ 4285 w 10009"/>
                          <a:gd name="connsiteY3" fmla="*/ 4273 h 10000"/>
                          <a:gd name="connsiteX4" fmla="*/ 4332 w 10009"/>
                          <a:gd name="connsiteY4" fmla="*/ 9688 h 10000"/>
                          <a:gd name="connsiteX5" fmla="*/ 5509 w 10009"/>
                          <a:gd name="connsiteY5" fmla="*/ 9741 h 10000"/>
                          <a:gd name="connsiteX6" fmla="*/ 5486 w 10009"/>
                          <a:gd name="connsiteY6" fmla="*/ 3844 h 10000"/>
                          <a:gd name="connsiteX7" fmla="*/ 5509 w 10009"/>
                          <a:gd name="connsiteY7" fmla="*/ 1003 h 10000"/>
                          <a:gd name="connsiteX8" fmla="*/ 6639 w 10009"/>
                          <a:gd name="connsiteY8" fmla="*/ 3468 h 10000"/>
                          <a:gd name="connsiteX9" fmla="*/ 6718 w 10009"/>
                          <a:gd name="connsiteY9" fmla="*/ 0 h 10000"/>
                          <a:gd name="connsiteX10" fmla="*/ 10009 w 10009"/>
                          <a:gd name="connsiteY10" fmla="*/ 10000 h 10000"/>
                          <a:gd name="connsiteX11" fmla="*/ 23 w 10009"/>
                          <a:gd name="connsiteY11" fmla="*/ 9839 h 10000"/>
                          <a:gd name="connsiteX12" fmla="*/ 3243 w 10009"/>
                          <a:gd name="connsiteY12" fmla="*/ 0 h 10000"/>
                          <a:gd name="connsiteX0" fmla="*/ 3243 w 10009"/>
                          <a:gd name="connsiteY0" fmla="*/ 0 h 10000"/>
                          <a:gd name="connsiteX1" fmla="*/ 3323 w 10009"/>
                          <a:gd name="connsiteY1" fmla="*/ 3361 h 10000"/>
                          <a:gd name="connsiteX2" fmla="*/ 4549 w 10009"/>
                          <a:gd name="connsiteY2" fmla="*/ 1110 h 10000"/>
                          <a:gd name="connsiteX3" fmla="*/ 4285 w 10009"/>
                          <a:gd name="connsiteY3" fmla="*/ 4273 h 10000"/>
                          <a:gd name="connsiteX4" fmla="*/ 4332 w 10009"/>
                          <a:gd name="connsiteY4" fmla="*/ 9688 h 10000"/>
                          <a:gd name="connsiteX5" fmla="*/ 5509 w 10009"/>
                          <a:gd name="connsiteY5" fmla="*/ 9741 h 10000"/>
                          <a:gd name="connsiteX6" fmla="*/ 5486 w 10009"/>
                          <a:gd name="connsiteY6" fmla="*/ 3844 h 10000"/>
                          <a:gd name="connsiteX7" fmla="*/ 5509 w 10009"/>
                          <a:gd name="connsiteY7" fmla="*/ 1003 h 10000"/>
                          <a:gd name="connsiteX8" fmla="*/ 6639 w 10009"/>
                          <a:gd name="connsiteY8" fmla="*/ 3468 h 10000"/>
                          <a:gd name="connsiteX9" fmla="*/ 6718 w 10009"/>
                          <a:gd name="connsiteY9" fmla="*/ 0 h 10000"/>
                          <a:gd name="connsiteX10" fmla="*/ 10009 w 10009"/>
                          <a:gd name="connsiteY10" fmla="*/ 10000 h 10000"/>
                          <a:gd name="connsiteX11" fmla="*/ 23 w 10009"/>
                          <a:gd name="connsiteY11" fmla="*/ 9839 h 10000"/>
                          <a:gd name="connsiteX12" fmla="*/ 3243 w 10009"/>
                          <a:gd name="connsiteY12" fmla="*/ 0 h 10000"/>
                          <a:gd name="connsiteX0" fmla="*/ 3253 w 10019"/>
                          <a:gd name="connsiteY0" fmla="*/ 0 h 10000"/>
                          <a:gd name="connsiteX1" fmla="*/ 3333 w 10019"/>
                          <a:gd name="connsiteY1" fmla="*/ 3361 h 10000"/>
                          <a:gd name="connsiteX2" fmla="*/ 4559 w 10019"/>
                          <a:gd name="connsiteY2" fmla="*/ 1110 h 10000"/>
                          <a:gd name="connsiteX3" fmla="*/ 4295 w 10019"/>
                          <a:gd name="connsiteY3" fmla="*/ 4273 h 10000"/>
                          <a:gd name="connsiteX4" fmla="*/ 4342 w 10019"/>
                          <a:gd name="connsiteY4" fmla="*/ 9688 h 10000"/>
                          <a:gd name="connsiteX5" fmla="*/ 5519 w 10019"/>
                          <a:gd name="connsiteY5" fmla="*/ 9741 h 10000"/>
                          <a:gd name="connsiteX6" fmla="*/ 5496 w 10019"/>
                          <a:gd name="connsiteY6" fmla="*/ 3844 h 10000"/>
                          <a:gd name="connsiteX7" fmla="*/ 5519 w 10019"/>
                          <a:gd name="connsiteY7" fmla="*/ 1003 h 10000"/>
                          <a:gd name="connsiteX8" fmla="*/ 6649 w 10019"/>
                          <a:gd name="connsiteY8" fmla="*/ 3468 h 10000"/>
                          <a:gd name="connsiteX9" fmla="*/ 6728 w 10019"/>
                          <a:gd name="connsiteY9" fmla="*/ 0 h 10000"/>
                          <a:gd name="connsiteX10" fmla="*/ 10019 w 10019"/>
                          <a:gd name="connsiteY10" fmla="*/ 10000 h 10000"/>
                          <a:gd name="connsiteX11" fmla="*/ 33 w 10019"/>
                          <a:gd name="connsiteY11" fmla="*/ 9839 h 10000"/>
                          <a:gd name="connsiteX12" fmla="*/ 3253 w 10019"/>
                          <a:gd name="connsiteY12" fmla="*/ 0 h 10000"/>
                          <a:gd name="connsiteX0" fmla="*/ 3257 w 10023"/>
                          <a:gd name="connsiteY0" fmla="*/ 0 h 10000"/>
                          <a:gd name="connsiteX1" fmla="*/ 3337 w 10023"/>
                          <a:gd name="connsiteY1" fmla="*/ 3361 h 10000"/>
                          <a:gd name="connsiteX2" fmla="*/ 4563 w 10023"/>
                          <a:gd name="connsiteY2" fmla="*/ 1110 h 10000"/>
                          <a:gd name="connsiteX3" fmla="*/ 4299 w 10023"/>
                          <a:gd name="connsiteY3" fmla="*/ 4273 h 10000"/>
                          <a:gd name="connsiteX4" fmla="*/ 4346 w 10023"/>
                          <a:gd name="connsiteY4" fmla="*/ 9688 h 10000"/>
                          <a:gd name="connsiteX5" fmla="*/ 5523 w 10023"/>
                          <a:gd name="connsiteY5" fmla="*/ 9741 h 10000"/>
                          <a:gd name="connsiteX6" fmla="*/ 5500 w 10023"/>
                          <a:gd name="connsiteY6" fmla="*/ 3844 h 10000"/>
                          <a:gd name="connsiteX7" fmla="*/ 5523 w 10023"/>
                          <a:gd name="connsiteY7" fmla="*/ 1003 h 10000"/>
                          <a:gd name="connsiteX8" fmla="*/ 6653 w 10023"/>
                          <a:gd name="connsiteY8" fmla="*/ 3468 h 10000"/>
                          <a:gd name="connsiteX9" fmla="*/ 6732 w 10023"/>
                          <a:gd name="connsiteY9" fmla="*/ 0 h 10000"/>
                          <a:gd name="connsiteX10" fmla="*/ 10023 w 10023"/>
                          <a:gd name="connsiteY10" fmla="*/ 10000 h 10000"/>
                          <a:gd name="connsiteX11" fmla="*/ 37 w 10023"/>
                          <a:gd name="connsiteY11" fmla="*/ 9839 h 10000"/>
                          <a:gd name="connsiteX12" fmla="*/ 3257 w 10023"/>
                          <a:gd name="connsiteY12" fmla="*/ 0 h 10000"/>
                          <a:gd name="connsiteX0" fmla="*/ 3257 w 10023"/>
                          <a:gd name="connsiteY0" fmla="*/ 0 h 10000"/>
                          <a:gd name="connsiteX1" fmla="*/ 3337 w 10023"/>
                          <a:gd name="connsiteY1" fmla="*/ 3361 h 10000"/>
                          <a:gd name="connsiteX2" fmla="*/ 4563 w 10023"/>
                          <a:gd name="connsiteY2" fmla="*/ 1110 h 10000"/>
                          <a:gd name="connsiteX3" fmla="*/ 4299 w 10023"/>
                          <a:gd name="connsiteY3" fmla="*/ 4273 h 10000"/>
                          <a:gd name="connsiteX4" fmla="*/ 4346 w 10023"/>
                          <a:gd name="connsiteY4" fmla="*/ 9688 h 10000"/>
                          <a:gd name="connsiteX5" fmla="*/ 5523 w 10023"/>
                          <a:gd name="connsiteY5" fmla="*/ 9741 h 10000"/>
                          <a:gd name="connsiteX6" fmla="*/ 5500 w 10023"/>
                          <a:gd name="connsiteY6" fmla="*/ 3844 h 10000"/>
                          <a:gd name="connsiteX7" fmla="*/ 5523 w 10023"/>
                          <a:gd name="connsiteY7" fmla="*/ 1003 h 10000"/>
                          <a:gd name="connsiteX8" fmla="*/ 6653 w 10023"/>
                          <a:gd name="connsiteY8" fmla="*/ 3468 h 10000"/>
                          <a:gd name="connsiteX9" fmla="*/ 6732 w 10023"/>
                          <a:gd name="connsiteY9" fmla="*/ 0 h 10000"/>
                          <a:gd name="connsiteX10" fmla="*/ 10023 w 10023"/>
                          <a:gd name="connsiteY10" fmla="*/ 10000 h 10000"/>
                          <a:gd name="connsiteX11" fmla="*/ 37 w 10023"/>
                          <a:gd name="connsiteY11" fmla="*/ 9839 h 10000"/>
                          <a:gd name="connsiteX12" fmla="*/ 3257 w 10023"/>
                          <a:gd name="connsiteY12" fmla="*/ 0 h 10000"/>
                          <a:gd name="connsiteX0" fmla="*/ 3257 w 10023"/>
                          <a:gd name="connsiteY0" fmla="*/ 0 h 10000"/>
                          <a:gd name="connsiteX1" fmla="*/ 3337 w 10023"/>
                          <a:gd name="connsiteY1" fmla="*/ 3361 h 10000"/>
                          <a:gd name="connsiteX2" fmla="*/ 4563 w 10023"/>
                          <a:gd name="connsiteY2" fmla="*/ 1110 h 10000"/>
                          <a:gd name="connsiteX3" fmla="*/ 4299 w 10023"/>
                          <a:gd name="connsiteY3" fmla="*/ 4273 h 10000"/>
                          <a:gd name="connsiteX4" fmla="*/ 4346 w 10023"/>
                          <a:gd name="connsiteY4" fmla="*/ 9688 h 10000"/>
                          <a:gd name="connsiteX5" fmla="*/ 5523 w 10023"/>
                          <a:gd name="connsiteY5" fmla="*/ 9741 h 10000"/>
                          <a:gd name="connsiteX6" fmla="*/ 5500 w 10023"/>
                          <a:gd name="connsiteY6" fmla="*/ 3844 h 10000"/>
                          <a:gd name="connsiteX7" fmla="*/ 5523 w 10023"/>
                          <a:gd name="connsiteY7" fmla="*/ 1003 h 10000"/>
                          <a:gd name="connsiteX8" fmla="*/ 6653 w 10023"/>
                          <a:gd name="connsiteY8" fmla="*/ 3468 h 10000"/>
                          <a:gd name="connsiteX9" fmla="*/ 6732 w 10023"/>
                          <a:gd name="connsiteY9" fmla="*/ 0 h 10000"/>
                          <a:gd name="connsiteX10" fmla="*/ 10023 w 10023"/>
                          <a:gd name="connsiteY10" fmla="*/ 10000 h 10000"/>
                          <a:gd name="connsiteX11" fmla="*/ 37 w 10023"/>
                          <a:gd name="connsiteY11" fmla="*/ 9839 h 10000"/>
                          <a:gd name="connsiteX12" fmla="*/ 3257 w 10023"/>
                          <a:gd name="connsiteY12" fmla="*/ 0 h 10000"/>
                          <a:gd name="connsiteX0" fmla="*/ 3257 w 10023"/>
                          <a:gd name="connsiteY0" fmla="*/ 0 h 10000"/>
                          <a:gd name="connsiteX1" fmla="*/ 3337 w 10023"/>
                          <a:gd name="connsiteY1" fmla="*/ 3361 h 10000"/>
                          <a:gd name="connsiteX2" fmla="*/ 4563 w 10023"/>
                          <a:gd name="connsiteY2" fmla="*/ 1110 h 10000"/>
                          <a:gd name="connsiteX3" fmla="*/ 4299 w 10023"/>
                          <a:gd name="connsiteY3" fmla="*/ 4273 h 10000"/>
                          <a:gd name="connsiteX4" fmla="*/ 4346 w 10023"/>
                          <a:gd name="connsiteY4" fmla="*/ 9688 h 10000"/>
                          <a:gd name="connsiteX5" fmla="*/ 5523 w 10023"/>
                          <a:gd name="connsiteY5" fmla="*/ 9741 h 10000"/>
                          <a:gd name="connsiteX6" fmla="*/ 5500 w 10023"/>
                          <a:gd name="connsiteY6" fmla="*/ 3844 h 10000"/>
                          <a:gd name="connsiteX7" fmla="*/ 5523 w 10023"/>
                          <a:gd name="connsiteY7" fmla="*/ 1003 h 10000"/>
                          <a:gd name="connsiteX8" fmla="*/ 6653 w 10023"/>
                          <a:gd name="connsiteY8" fmla="*/ 3468 h 10000"/>
                          <a:gd name="connsiteX9" fmla="*/ 6732 w 10023"/>
                          <a:gd name="connsiteY9" fmla="*/ 0 h 10000"/>
                          <a:gd name="connsiteX10" fmla="*/ 10023 w 10023"/>
                          <a:gd name="connsiteY10" fmla="*/ 10000 h 10000"/>
                          <a:gd name="connsiteX11" fmla="*/ 37 w 10023"/>
                          <a:gd name="connsiteY11" fmla="*/ 9839 h 10000"/>
                          <a:gd name="connsiteX12" fmla="*/ 3257 w 10023"/>
                          <a:gd name="connsiteY12" fmla="*/ 0 h 10000"/>
                          <a:gd name="connsiteX0" fmla="*/ 3257 w 10023"/>
                          <a:gd name="connsiteY0" fmla="*/ 268 h 10268"/>
                          <a:gd name="connsiteX1" fmla="*/ 3337 w 10023"/>
                          <a:gd name="connsiteY1" fmla="*/ 3629 h 10268"/>
                          <a:gd name="connsiteX2" fmla="*/ 4563 w 10023"/>
                          <a:gd name="connsiteY2" fmla="*/ 1378 h 10268"/>
                          <a:gd name="connsiteX3" fmla="*/ 4299 w 10023"/>
                          <a:gd name="connsiteY3" fmla="*/ 4541 h 10268"/>
                          <a:gd name="connsiteX4" fmla="*/ 4346 w 10023"/>
                          <a:gd name="connsiteY4" fmla="*/ 9956 h 10268"/>
                          <a:gd name="connsiteX5" fmla="*/ 5523 w 10023"/>
                          <a:gd name="connsiteY5" fmla="*/ 10009 h 10268"/>
                          <a:gd name="connsiteX6" fmla="*/ 5500 w 10023"/>
                          <a:gd name="connsiteY6" fmla="*/ 4112 h 10268"/>
                          <a:gd name="connsiteX7" fmla="*/ 5523 w 10023"/>
                          <a:gd name="connsiteY7" fmla="*/ 1271 h 10268"/>
                          <a:gd name="connsiteX8" fmla="*/ 6653 w 10023"/>
                          <a:gd name="connsiteY8" fmla="*/ 3736 h 10268"/>
                          <a:gd name="connsiteX9" fmla="*/ 6540 w 10023"/>
                          <a:gd name="connsiteY9" fmla="*/ 0 h 10268"/>
                          <a:gd name="connsiteX10" fmla="*/ 10023 w 10023"/>
                          <a:gd name="connsiteY10" fmla="*/ 10268 h 10268"/>
                          <a:gd name="connsiteX11" fmla="*/ 37 w 10023"/>
                          <a:gd name="connsiteY11" fmla="*/ 10107 h 10268"/>
                          <a:gd name="connsiteX12" fmla="*/ 3257 w 10023"/>
                          <a:gd name="connsiteY12" fmla="*/ 268 h 10268"/>
                          <a:gd name="connsiteX0" fmla="*/ 3257 w 10023"/>
                          <a:gd name="connsiteY0" fmla="*/ 268 h 10268"/>
                          <a:gd name="connsiteX1" fmla="*/ 3337 w 10023"/>
                          <a:gd name="connsiteY1" fmla="*/ 3629 h 10268"/>
                          <a:gd name="connsiteX2" fmla="*/ 4563 w 10023"/>
                          <a:gd name="connsiteY2" fmla="*/ 1378 h 10268"/>
                          <a:gd name="connsiteX3" fmla="*/ 4299 w 10023"/>
                          <a:gd name="connsiteY3" fmla="*/ 4541 h 10268"/>
                          <a:gd name="connsiteX4" fmla="*/ 4346 w 10023"/>
                          <a:gd name="connsiteY4" fmla="*/ 9956 h 10268"/>
                          <a:gd name="connsiteX5" fmla="*/ 5523 w 10023"/>
                          <a:gd name="connsiteY5" fmla="*/ 10009 h 10268"/>
                          <a:gd name="connsiteX6" fmla="*/ 5500 w 10023"/>
                          <a:gd name="connsiteY6" fmla="*/ 4112 h 10268"/>
                          <a:gd name="connsiteX7" fmla="*/ 5523 w 10023"/>
                          <a:gd name="connsiteY7" fmla="*/ 1271 h 10268"/>
                          <a:gd name="connsiteX8" fmla="*/ 6653 w 10023"/>
                          <a:gd name="connsiteY8" fmla="*/ 3736 h 10268"/>
                          <a:gd name="connsiteX9" fmla="*/ 6540 w 10023"/>
                          <a:gd name="connsiteY9" fmla="*/ 0 h 10268"/>
                          <a:gd name="connsiteX10" fmla="*/ 10023 w 10023"/>
                          <a:gd name="connsiteY10" fmla="*/ 10268 h 10268"/>
                          <a:gd name="connsiteX11" fmla="*/ 37 w 10023"/>
                          <a:gd name="connsiteY11" fmla="*/ 10107 h 10268"/>
                          <a:gd name="connsiteX12" fmla="*/ 3257 w 10023"/>
                          <a:gd name="connsiteY12" fmla="*/ 268 h 10268"/>
                          <a:gd name="connsiteX0" fmla="*/ 3257 w 10023"/>
                          <a:gd name="connsiteY0" fmla="*/ 268 h 10268"/>
                          <a:gd name="connsiteX1" fmla="*/ 3337 w 10023"/>
                          <a:gd name="connsiteY1" fmla="*/ 3629 h 10268"/>
                          <a:gd name="connsiteX2" fmla="*/ 4563 w 10023"/>
                          <a:gd name="connsiteY2" fmla="*/ 1378 h 10268"/>
                          <a:gd name="connsiteX3" fmla="*/ 4299 w 10023"/>
                          <a:gd name="connsiteY3" fmla="*/ 4541 h 10268"/>
                          <a:gd name="connsiteX4" fmla="*/ 4346 w 10023"/>
                          <a:gd name="connsiteY4" fmla="*/ 9956 h 10268"/>
                          <a:gd name="connsiteX5" fmla="*/ 5523 w 10023"/>
                          <a:gd name="connsiteY5" fmla="*/ 10009 h 10268"/>
                          <a:gd name="connsiteX6" fmla="*/ 5500 w 10023"/>
                          <a:gd name="connsiteY6" fmla="*/ 4112 h 10268"/>
                          <a:gd name="connsiteX7" fmla="*/ 5523 w 10023"/>
                          <a:gd name="connsiteY7" fmla="*/ 1271 h 10268"/>
                          <a:gd name="connsiteX8" fmla="*/ 6653 w 10023"/>
                          <a:gd name="connsiteY8" fmla="*/ 3736 h 10268"/>
                          <a:gd name="connsiteX9" fmla="*/ 6540 w 10023"/>
                          <a:gd name="connsiteY9" fmla="*/ 0 h 10268"/>
                          <a:gd name="connsiteX10" fmla="*/ 10023 w 10023"/>
                          <a:gd name="connsiteY10" fmla="*/ 10268 h 10268"/>
                          <a:gd name="connsiteX11" fmla="*/ 37 w 10023"/>
                          <a:gd name="connsiteY11" fmla="*/ 10107 h 10268"/>
                          <a:gd name="connsiteX12" fmla="*/ 3257 w 10023"/>
                          <a:gd name="connsiteY12" fmla="*/ 268 h 10268"/>
                          <a:gd name="connsiteX0" fmla="*/ 3257 w 10023"/>
                          <a:gd name="connsiteY0" fmla="*/ 268 h 10268"/>
                          <a:gd name="connsiteX1" fmla="*/ 3337 w 10023"/>
                          <a:gd name="connsiteY1" fmla="*/ 3629 h 10268"/>
                          <a:gd name="connsiteX2" fmla="*/ 4563 w 10023"/>
                          <a:gd name="connsiteY2" fmla="*/ 1378 h 10268"/>
                          <a:gd name="connsiteX3" fmla="*/ 4299 w 10023"/>
                          <a:gd name="connsiteY3" fmla="*/ 4541 h 10268"/>
                          <a:gd name="connsiteX4" fmla="*/ 4346 w 10023"/>
                          <a:gd name="connsiteY4" fmla="*/ 9956 h 10268"/>
                          <a:gd name="connsiteX5" fmla="*/ 5523 w 10023"/>
                          <a:gd name="connsiteY5" fmla="*/ 10009 h 10268"/>
                          <a:gd name="connsiteX6" fmla="*/ 5500 w 10023"/>
                          <a:gd name="connsiteY6" fmla="*/ 4112 h 10268"/>
                          <a:gd name="connsiteX7" fmla="*/ 5523 w 10023"/>
                          <a:gd name="connsiteY7" fmla="*/ 1271 h 10268"/>
                          <a:gd name="connsiteX8" fmla="*/ 6653 w 10023"/>
                          <a:gd name="connsiteY8" fmla="*/ 3736 h 10268"/>
                          <a:gd name="connsiteX9" fmla="*/ 6540 w 10023"/>
                          <a:gd name="connsiteY9" fmla="*/ 0 h 10268"/>
                          <a:gd name="connsiteX10" fmla="*/ 10023 w 10023"/>
                          <a:gd name="connsiteY10" fmla="*/ 10268 h 10268"/>
                          <a:gd name="connsiteX11" fmla="*/ 37 w 10023"/>
                          <a:gd name="connsiteY11" fmla="*/ 10107 h 10268"/>
                          <a:gd name="connsiteX12" fmla="*/ 3257 w 10023"/>
                          <a:gd name="connsiteY12" fmla="*/ 268 h 10268"/>
                          <a:gd name="connsiteX0" fmla="*/ 3257 w 10023"/>
                          <a:gd name="connsiteY0" fmla="*/ 0 h 10000"/>
                          <a:gd name="connsiteX1" fmla="*/ 3337 w 10023"/>
                          <a:gd name="connsiteY1" fmla="*/ 3361 h 10000"/>
                          <a:gd name="connsiteX2" fmla="*/ 4563 w 10023"/>
                          <a:gd name="connsiteY2" fmla="*/ 1110 h 10000"/>
                          <a:gd name="connsiteX3" fmla="*/ 4299 w 10023"/>
                          <a:gd name="connsiteY3" fmla="*/ 4273 h 10000"/>
                          <a:gd name="connsiteX4" fmla="*/ 4346 w 10023"/>
                          <a:gd name="connsiteY4" fmla="*/ 9688 h 10000"/>
                          <a:gd name="connsiteX5" fmla="*/ 5523 w 10023"/>
                          <a:gd name="connsiteY5" fmla="*/ 9741 h 10000"/>
                          <a:gd name="connsiteX6" fmla="*/ 5500 w 10023"/>
                          <a:gd name="connsiteY6" fmla="*/ 3844 h 10000"/>
                          <a:gd name="connsiteX7" fmla="*/ 5523 w 10023"/>
                          <a:gd name="connsiteY7" fmla="*/ 1003 h 10000"/>
                          <a:gd name="connsiteX8" fmla="*/ 6653 w 10023"/>
                          <a:gd name="connsiteY8" fmla="*/ 3468 h 10000"/>
                          <a:gd name="connsiteX9" fmla="*/ 6225 w 10023"/>
                          <a:gd name="connsiteY9" fmla="*/ 83 h 10000"/>
                          <a:gd name="connsiteX10" fmla="*/ 10023 w 10023"/>
                          <a:gd name="connsiteY10" fmla="*/ 10000 h 10000"/>
                          <a:gd name="connsiteX11" fmla="*/ 37 w 10023"/>
                          <a:gd name="connsiteY11" fmla="*/ 9839 h 10000"/>
                          <a:gd name="connsiteX12" fmla="*/ 3257 w 10023"/>
                          <a:gd name="connsiteY12" fmla="*/ 0 h 10000"/>
                          <a:gd name="connsiteX0" fmla="*/ 3257 w 10023"/>
                          <a:gd name="connsiteY0" fmla="*/ 0 h 10000"/>
                          <a:gd name="connsiteX1" fmla="*/ 3337 w 10023"/>
                          <a:gd name="connsiteY1" fmla="*/ 3361 h 10000"/>
                          <a:gd name="connsiteX2" fmla="*/ 4563 w 10023"/>
                          <a:gd name="connsiteY2" fmla="*/ 1110 h 10000"/>
                          <a:gd name="connsiteX3" fmla="*/ 4299 w 10023"/>
                          <a:gd name="connsiteY3" fmla="*/ 4273 h 10000"/>
                          <a:gd name="connsiteX4" fmla="*/ 4346 w 10023"/>
                          <a:gd name="connsiteY4" fmla="*/ 9688 h 10000"/>
                          <a:gd name="connsiteX5" fmla="*/ 5523 w 10023"/>
                          <a:gd name="connsiteY5" fmla="*/ 9741 h 10000"/>
                          <a:gd name="connsiteX6" fmla="*/ 5500 w 10023"/>
                          <a:gd name="connsiteY6" fmla="*/ 3844 h 10000"/>
                          <a:gd name="connsiteX7" fmla="*/ 5523 w 10023"/>
                          <a:gd name="connsiteY7" fmla="*/ 1003 h 10000"/>
                          <a:gd name="connsiteX8" fmla="*/ 6653 w 10023"/>
                          <a:gd name="connsiteY8" fmla="*/ 3468 h 10000"/>
                          <a:gd name="connsiteX9" fmla="*/ 6225 w 10023"/>
                          <a:gd name="connsiteY9" fmla="*/ 83 h 10000"/>
                          <a:gd name="connsiteX10" fmla="*/ 10023 w 10023"/>
                          <a:gd name="connsiteY10" fmla="*/ 10000 h 10000"/>
                          <a:gd name="connsiteX11" fmla="*/ 37 w 10023"/>
                          <a:gd name="connsiteY11" fmla="*/ 9839 h 10000"/>
                          <a:gd name="connsiteX12" fmla="*/ 3257 w 10023"/>
                          <a:gd name="connsiteY12" fmla="*/ 0 h 10000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  <a:cxn ang="0">
                            <a:pos x="connsiteX4" y="connsiteY4"/>
                          </a:cxn>
                          <a:cxn ang="0">
                            <a:pos x="connsiteX5" y="connsiteY5"/>
                          </a:cxn>
                          <a:cxn ang="0">
                            <a:pos x="connsiteX6" y="connsiteY6"/>
                          </a:cxn>
                          <a:cxn ang="0">
                            <a:pos x="connsiteX7" y="connsiteY7"/>
                          </a:cxn>
                          <a:cxn ang="0">
                            <a:pos x="connsiteX8" y="connsiteY8"/>
                          </a:cxn>
                          <a:cxn ang="0">
                            <a:pos x="connsiteX9" y="connsiteY9"/>
                          </a:cxn>
                          <a:cxn ang="0">
                            <a:pos x="connsiteX10" y="connsiteY10"/>
                          </a:cxn>
                          <a:cxn ang="0">
                            <a:pos x="connsiteX11" y="connsiteY11"/>
                          </a:cxn>
                          <a:cxn ang="0">
                            <a:pos x="connsiteX12" y="connsiteY12"/>
                          </a:cxn>
                        </a:cxnLst>
                        <a:rect l="l" t="t" r="r" b="b"/>
                        <a:pathLst>
                          <a:path w="10023" h="10000">
                            <a:moveTo>
                              <a:pt x="3257" y="0"/>
                            </a:moveTo>
                            <a:cubicBezTo>
                              <a:pt x="3283" y="3212"/>
                              <a:pt x="3310" y="2240"/>
                              <a:pt x="3337" y="3361"/>
                            </a:cubicBezTo>
                            <a:lnTo>
                              <a:pt x="4563" y="1110"/>
                            </a:lnTo>
                            <a:cubicBezTo>
                              <a:pt x="5397" y="2045"/>
                              <a:pt x="4336" y="2843"/>
                              <a:pt x="4299" y="4273"/>
                            </a:cubicBezTo>
                            <a:cubicBezTo>
                              <a:pt x="4315" y="6078"/>
                              <a:pt x="4330" y="7883"/>
                              <a:pt x="4346" y="9688"/>
                            </a:cubicBezTo>
                            <a:lnTo>
                              <a:pt x="5523" y="9741"/>
                            </a:lnTo>
                            <a:cubicBezTo>
                              <a:pt x="5516" y="7775"/>
                              <a:pt x="5507" y="5810"/>
                              <a:pt x="5500" y="3844"/>
                            </a:cubicBezTo>
                            <a:cubicBezTo>
                              <a:pt x="4690" y="2039"/>
                              <a:pt x="5228" y="1576"/>
                              <a:pt x="5523" y="1003"/>
                            </a:cubicBezTo>
                            <a:lnTo>
                              <a:pt x="6653" y="3468"/>
                            </a:lnTo>
                            <a:cubicBezTo>
                              <a:pt x="6679" y="2313"/>
                              <a:pt x="6198" y="1239"/>
                              <a:pt x="6225" y="83"/>
                            </a:cubicBezTo>
                            <a:cubicBezTo>
                              <a:pt x="7777" y="1433"/>
                              <a:pt x="9529" y="1239"/>
                              <a:pt x="10023" y="10000"/>
                            </a:cubicBezTo>
                            <a:lnTo>
                              <a:pt x="37" y="9839"/>
                            </a:lnTo>
                            <a:cubicBezTo>
                              <a:pt x="-348" y="-965"/>
                              <a:pt x="2369" y="1583"/>
                              <a:pt x="3257" y="0"/>
                            </a:cubicBezTo>
                            <a:close/>
                          </a:path>
                        </a:pathLst>
                      </a:custGeom>
                      <a:solidFill>
                        <a:srgbClr val="FFFFFF"/>
                      </a:solidFill>
                      <a:ln w="12700" cap="flat" cmpd="sng" algn="ctr">
                        <a:noFill/>
                        <a:prstDash val="solid"/>
                        <a:miter lim="800000"/>
                      </a:ln>
                      <a:effectLst/>
                    </p:spPr>
                    <p:txBody>
                      <a:bodyPr rtlCol="0" anchor="ctr"/>
                      <a:lstStyle/>
                      <a:p>
                        <a:pPr marL="0" marR="0" lvl="0" indent="0" algn="ctr" defTabSz="91440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endParaRPr kumimoji="0" lang="en-US" sz="1800" b="0" i="0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uLnTx/>
                          <a:uFillTx/>
                          <a:latin typeface="Futura Bk BT" panose="020B0502020204020303" pitchFamily="34" charset="0"/>
                          <a:ea typeface="+mn-ea"/>
                        </a:endParaRPr>
                      </a:p>
                    </p:txBody>
                  </p:sp>
                </p:grpSp>
                <p:grpSp>
                  <p:nvGrpSpPr>
                    <p:cNvPr id="273" name="Group 47"/>
                    <p:cNvGrpSpPr/>
                    <p:nvPr/>
                  </p:nvGrpSpPr>
                  <p:grpSpPr>
                    <a:xfrm>
                      <a:off x="978804" y="3505222"/>
                      <a:ext cx="508633" cy="935488"/>
                      <a:chOff x="4655558" y="5335628"/>
                      <a:chExt cx="336545" cy="618979"/>
                    </a:xfrm>
                    <a:grpFill/>
                  </p:grpSpPr>
                  <p:sp>
                    <p:nvSpPr>
                      <p:cNvPr id="274" name="Flowchart: Process 23"/>
                      <p:cNvSpPr/>
                      <p:nvPr/>
                    </p:nvSpPr>
                    <p:spPr>
                      <a:xfrm>
                        <a:off x="4684200" y="5640607"/>
                        <a:ext cx="281919" cy="314000"/>
                      </a:xfrm>
                      <a:custGeom>
                        <a:avLst/>
                        <a:gdLst>
                          <a:gd name="connsiteX0" fmla="*/ 0 w 10000"/>
                          <a:gd name="connsiteY0" fmla="*/ 0 h 10000"/>
                          <a:gd name="connsiteX1" fmla="*/ 10000 w 10000"/>
                          <a:gd name="connsiteY1" fmla="*/ 0 h 10000"/>
                          <a:gd name="connsiteX2" fmla="*/ 10000 w 10000"/>
                          <a:gd name="connsiteY2" fmla="*/ 10000 h 10000"/>
                          <a:gd name="connsiteX3" fmla="*/ 0 w 10000"/>
                          <a:gd name="connsiteY3" fmla="*/ 10000 h 10000"/>
                          <a:gd name="connsiteX4" fmla="*/ 0 w 10000"/>
                          <a:gd name="connsiteY4" fmla="*/ 0 h 10000"/>
                          <a:gd name="connsiteX0" fmla="*/ 0 w 10000"/>
                          <a:gd name="connsiteY0" fmla="*/ 0 h 10000"/>
                          <a:gd name="connsiteX1" fmla="*/ 10000 w 10000"/>
                          <a:gd name="connsiteY1" fmla="*/ 0 h 10000"/>
                          <a:gd name="connsiteX2" fmla="*/ 5828 w 10000"/>
                          <a:gd name="connsiteY2" fmla="*/ 7476 h 10000"/>
                          <a:gd name="connsiteX3" fmla="*/ 0 w 10000"/>
                          <a:gd name="connsiteY3" fmla="*/ 10000 h 10000"/>
                          <a:gd name="connsiteX4" fmla="*/ 0 w 10000"/>
                          <a:gd name="connsiteY4" fmla="*/ 0 h 10000"/>
                          <a:gd name="connsiteX0" fmla="*/ 0 w 10000"/>
                          <a:gd name="connsiteY0" fmla="*/ 0 h 7547"/>
                          <a:gd name="connsiteX1" fmla="*/ 10000 w 10000"/>
                          <a:gd name="connsiteY1" fmla="*/ 0 h 7547"/>
                          <a:gd name="connsiteX2" fmla="*/ 5828 w 10000"/>
                          <a:gd name="connsiteY2" fmla="*/ 7476 h 7547"/>
                          <a:gd name="connsiteX3" fmla="*/ 3390 w 10000"/>
                          <a:gd name="connsiteY3" fmla="*/ 7547 h 7547"/>
                          <a:gd name="connsiteX4" fmla="*/ 0 w 10000"/>
                          <a:gd name="connsiteY4" fmla="*/ 0 h 7547"/>
                          <a:gd name="connsiteX0" fmla="*/ 1261 w 6610"/>
                          <a:gd name="connsiteY0" fmla="*/ 6311 h 10000"/>
                          <a:gd name="connsiteX1" fmla="*/ 6610 w 6610"/>
                          <a:gd name="connsiteY1" fmla="*/ 0 h 10000"/>
                          <a:gd name="connsiteX2" fmla="*/ 2438 w 6610"/>
                          <a:gd name="connsiteY2" fmla="*/ 9906 h 10000"/>
                          <a:gd name="connsiteX3" fmla="*/ 0 w 6610"/>
                          <a:gd name="connsiteY3" fmla="*/ 10000 h 10000"/>
                          <a:gd name="connsiteX4" fmla="*/ 1261 w 6610"/>
                          <a:gd name="connsiteY4" fmla="*/ 6311 h 10000"/>
                          <a:gd name="connsiteX0" fmla="*/ 0 w 11117"/>
                          <a:gd name="connsiteY0" fmla="*/ 3862 h 10000"/>
                          <a:gd name="connsiteX1" fmla="*/ 11117 w 11117"/>
                          <a:gd name="connsiteY1" fmla="*/ 0 h 10000"/>
                          <a:gd name="connsiteX2" fmla="*/ 4805 w 11117"/>
                          <a:gd name="connsiteY2" fmla="*/ 9906 h 10000"/>
                          <a:gd name="connsiteX3" fmla="*/ 1117 w 11117"/>
                          <a:gd name="connsiteY3" fmla="*/ 10000 h 10000"/>
                          <a:gd name="connsiteX4" fmla="*/ 0 w 11117"/>
                          <a:gd name="connsiteY4" fmla="*/ 3862 h 10000"/>
                          <a:gd name="connsiteX0" fmla="*/ 0 w 5265"/>
                          <a:gd name="connsiteY0" fmla="*/ 0 h 6138"/>
                          <a:gd name="connsiteX1" fmla="*/ 5265 w 5265"/>
                          <a:gd name="connsiteY1" fmla="*/ 330 h 6138"/>
                          <a:gd name="connsiteX2" fmla="*/ 4805 w 5265"/>
                          <a:gd name="connsiteY2" fmla="*/ 6044 h 6138"/>
                          <a:gd name="connsiteX3" fmla="*/ 1117 w 5265"/>
                          <a:gd name="connsiteY3" fmla="*/ 6138 h 6138"/>
                          <a:gd name="connsiteX4" fmla="*/ 0 w 5265"/>
                          <a:gd name="connsiteY4" fmla="*/ 0 h 6138"/>
                          <a:gd name="connsiteX0" fmla="*/ 0 w 15620"/>
                          <a:gd name="connsiteY0" fmla="*/ 0 h 12916"/>
                          <a:gd name="connsiteX1" fmla="*/ 15620 w 15620"/>
                          <a:gd name="connsiteY1" fmla="*/ 3454 h 12916"/>
                          <a:gd name="connsiteX2" fmla="*/ 14746 w 15620"/>
                          <a:gd name="connsiteY2" fmla="*/ 12763 h 12916"/>
                          <a:gd name="connsiteX3" fmla="*/ 7742 w 15620"/>
                          <a:gd name="connsiteY3" fmla="*/ 12916 h 12916"/>
                          <a:gd name="connsiteX4" fmla="*/ 0 w 15620"/>
                          <a:gd name="connsiteY4" fmla="*/ 0 h 12916"/>
                          <a:gd name="connsiteX0" fmla="*/ 0 w 22614"/>
                          <a:gd name="connsiteY0" fmla="*/ 0 h 12916"/>
                          <a:gd name="connsiteX1" fmla="*/ 22614 w 22614"/>
                          <a:gd name="connsiteY1" fmla="*/ 2073 h 12916"/>
                          <a:gd name="connsiteX2" fmla="*/ 14746 w 22614"/>
                          <a:gd name="connsiteY2" fmla="*/ 12763 h 12916"/>
                          <a:gd name="connsiteX3" fmla="*/ 7742 w 22614"/>
                          <a:gd name="connsiteY3" fmla="*/ 12916 h 12916"/>
                          <a:gd name="connsiteX4" fmla="*/ 0 w 22614"/>
                          <a:gd name="connsiteY4" fmla="*/ 0 h 12916"/>
                          <a:gd name="connsiteX0" fmla="*/ 0 w 22614"/>
                          <a:gd name="connsiteY0" fmla="*/ 2043 h 14959"/>
                          <a:gd name="connsiteX1" fmla="*/ 22614 w 22614"/>
                          <a:gd name="connsiteY1" fmla="*/ 4116 h 14959"/>
                          <a:gd name="connsiteX2" fmla="*/ 14746 w 22614"/>
                          <a:gd name="connsiteY2" fmla="*/ 14806 h 14959"/>
                          <a:gd name="connsiteX3" fmla="*/ 7742 w 22614"/>
                          <a:gd name="connsiteY3" fmla="*/ 14959 h 14959"/>
                          <a:gd name="connsiteX4" fmla="*/ 0 w 22614"/>
                          <a:gd name="connsiteY4" fmla="*/ 2043 h 14959"/>
                          <a:gd name="connsiteX0" fmla="*/ 0 w 22614"/>
                          <a:gd name="connsiteY0" fmla="*/ 2962 h 15878"/>
                          <a:gd name="connsiteX1" fmla="*/ 22614 w 22614"/>
                          <a:gd name="connsiteY1" fmla="*/ 5035 h 15878"/>
                          <a:gd name="connsiteX2" fmla="*/ 14746 w 22614"/>
                          <a:gd name="connsiteY2" fmla="*/ 15725 h 15878"/>
                          <a:gd name="connsiteX3" fmla="*/ 7742 w 22614"/>
                          <a:gd name="connsiteY3" fmla="*/ 15878 h 15878"/>
                          <a:gd name="connsiteX4" fmla="*/ 0 w 22614"/>
                          <a:gd name="connsiteY4" fmla="*/ 2962 h 15878"/>
                          <a:gd name="connsiteX0" fmla="*/ 0 w 22614"/>
                          <a:gd name="connsiteY0" fmla="*/ 2389 h 15305"/>
                          <a:gd name="connsiteX1" fmla="*/ 22614 w 22614"/>
                          <a:gd name="connsiteY1" fmla="*/ 4462 h 15305"/>
                          <a:gd name="connsiteX2" fmla="*/ 14746 w 22614"/>
                          <a:gd name="connsiteY2" fmla="*/ 15152 h 15305"/>
                          <a:gd name="connsiteX3" fmla="*/ 7742 w 22614"/>
                          <a:gd name="connsiteY3" fmla="*/ 15305 h 15305"/>
                          <a:gd name="connsiteX4" fmla="*/ 0 w 22614"/>
                          <a:gd name="connsiteY4" fmla="*/ 2389 h 15305"/>
                          <a:gd name="connsiteX0" fmla="*/ 0 w 22614"/>
                          <a:gd name="connsiteY0" fmla="*/ 2559 h 15475"/>
                          <a:gd name="connsiteX1" fmla="*/ 22614 w 22614"/>
                          <a:gd name="connsiteY1" fmla="*/ 4632 h 15475"/>
                          <a:gd name="connsiteX2" fmla="*/ 14746 w 22614"/>
                          <a:gd name="connsiteY2" fmla="*/ 15322 h 15475"/>
                          <a:gd name="connsiteX3" fmla="*/ 7742 w 22614"/>
                          <a:gd name="connsiteY3" fmla="*/ 15475 h 15475"/>
                          <a:gd name="connsiteX4" fmla="*/ 0 w 22614"/>
                          <a:gd name="connsiteY4" fmla="*/ 2559 h 15475"/>
                        </a:gdLst>
                        <a:ahLst/>
                        <a:cxnLst>
                          <a:cxn ang="0">
                            <a:pos x="connsiteX0" y="connsiteY0"/>
                          </a:cxn>
                          <a:cxn ang="0">
                            <a:pos x="connsiteX1" y="connsiteY1"/>
                          </a:cxn>
                          <a:cxn ang="0">
                            <a:pos x="connsiteX2" y="connsiteY2"/>
                          </a:cxn>
                          <a:cxn ang="0">
                            <a:pos x="connsiteX3" y="connsiteY3"/>
                          </a:cxn>
                          <a:cxn ang="0">
                            <a:pos x="connsiteX4" y="connsiteY4"/>
                          </a:cxn>
                        </a:cxnLst>
                        <a:rect l="l" t="t" r="r" b="b"/>
                        <a:pathLst>
                          <a:path w="22614" h="15475">
                            <a:moveTo>
                              <a:pt x="0" y="2559"/>
                            </a:moveTo>
                            <a:cubicBezTo>
                              <a:pt x="5290" y="-202"/>
                              <a:pt x="20446" y="-2197"/>
                              <a:pt x="22614" y="4632"/>
                            </a:cubicBezTo>
                            <a:cubicBezTo>
                              <a:pt x="22323" y="7735"/>
                              <a:pt x="15037" y="12218"/>
                              <a:pt x="14746" y="15322"/>
                            </a:cubicBezTo>
                            <a:lnTo>
                              <a:pt x="7742" y="15475"/>
                            </a:lnTo>
                            <a:lnTo>
                              <a:pt x="0" y="2559"/>
                            </a:lnTo>
                            <a:close/>
                          </a:path>
                        </a:pathLst>
                      </a:custGeom>
                      <a:solidFill>
                        <a:srgbClr val="FFFFFF">
                          <a:lumMod val="65000"/>
                        </a:srgbClr>
                      </a:solidFill>
                      <a:ln w="12700" cap="flat" cmpd="sng" algn="ctr">
                        <a:noFill/>
                        <a:prstDash val="solid"/>
                        <a:miter lim="800000"/>
                      </a:ln>
                      <a:effectLst/>
                    </p:spPr>
                    <p:txBody>
                      <a:bodyPr rtlCol="0" anchor="ctr"/>
                      <a:lstStyle/>
                      <a:p>
                        <a:pPr marL="0" marR="0" lvl="0" indent="0" algn="ctr" defTabSz="91440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endParaRPr kumimoji="0" lang="en-US" sz="1800" b="0" i="0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uLnTx/>
                          <a:uFillTx/>
                          <a:latin typeface="Futura Bk BT" panose="020B0502020204020303" pitchFamily="34" charset="0"/>
                          <a:ea typeface="+mn-ea"/>
                        </a:endParaRPr>
                      </a:p>
                    </p:txBody>
                  </p:sp>
                  <p:sp>
                    <p:nvSpPr>
                      <p:cNvPr id="275" name="Oval Callout 49"/>
                      <p:cNvSpPr/>
                      <p:nvPr/>
                    </p:nvSpPr>
                    <p:spPr>
                      <a:xfrm>
                        <a:off x="4655558" y="5335628"/>
                        <a:ext cx="336545" cy="339956"/>
                      </a:xfrm>
                      <a:prstGeom prst="wedgeEllipseCallout">
                        <a:avLst>
                          <a:gd name="adj1" fmla="val -941"/>
                          <a:gd name="adj2" fmla="val 63927"/>
                        </a:avLst>
                      </a:prstGeom>
                      <a:solidFill>
                        <a:srgbClr val="FFFFFF"/>
                      </a:solidFill>
                      <a:ln w="12700" cap="flat" cmpd="sng" algn="ctr">
                        <a:noFill/>
                        <a:prstDash val="solid"/>
                        <a:miter lim="800000"/>
                      </a:ln>
                      <a:effectLst/>
                    </p:spPr>
                    <p:txBody>
                      <a:bodyPr rtlCol="0" anchor="ctr"/>
                      <a:lstStyle/>
                      <a:p>
                        <a:pPr marL="0" marR="0" lvl="0" indent="0" algn="ctr" defTabSz="914400" eaLnBrk="1" fontAlgn="auto" latinLnBrk="0" hangingPunct="1">
                          <a:lnSpc>
                            <a:spcPct val="100000"/>
                          </a:lnSpc>
                          <a:spcBef>
                            <a:spcPts val="0"/>
                          </a:spcBef>
                          <a:spcAft>
                            <a:spcPts val="0"/>
                          </a:spcAft>
                          <a:buClrTx/>
                          <a:buSzTx/>
                          <a:buFontTx/>
                          <a:buNone/>
                          <a:tabLst/>
                          <a:defRPr/>
                        </a:pPr>
                        <a:endParaRPr kumimoji="0" lang="en-US" sz="1800" b="0" i="0" u="none" strike="noStrike" kern="0" cap="none" spc="0" normalizeH="0" baseline="0" noProof="0" dirty="0" smtClean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uLnTx/>
                          <a:uFillTx/>
                          <a:latin typeface="Futura Bk BT" panose="020B0502020204020303" pitchFamily="34" charset="0"/>
                          <a:ea typeface="+mn-ea"/>
                        </a:endParaRPr>
                      </a:p>
                    </p:txBody>
                  </p:sp>
                </p:grpSp>
              </p:grpSp>
              <p:sp>
                <p:nvSpPr>
                  <p:cNvPr id="270" name="Flowchart: Process 22"/>
                  <p:cNvSpPr/>
                  <p:nvPr/>
                </p:nvSpPr>
                <p:spPr>
                  <a:xfrm>
                    <a:off x="9975279" y="4720571"/>
                    <a:ext cx="437371" cy="189023"/>
                  </a:xfrm>
                  <a:custGeom>
                    <a:avLst/>
                    <a:gdLst>
                      <a:gd name="connsiteX0" fmla="*/ 0 w 10000"/>
                      <a:gd name="connsiteY0" fmla="*/ 0 h 10000"/>
                      <a:gd name="connsiteX1" fmla="*/ 10000 w 10000"/>
                      <a:gd name="connsiteY1" fmla="*/ 0 h 10000"/>
                      <a:gd name="connsiteX2" fmla="*/ 10000 w 10000"/>
                      <a:gd name="connsiteY2" fmla="*/ 10000 h 10000"/>
                      <a:gd name="connsiteX3" fmla="*/ 0 w 10000"/>
                      <a:gd name="connsiteY3" fmla="*/ 10000 h 10000"/>
                      <a:gd name="connsiteX4" fmla="*/ 0 w 10000"/>
                      <a:gd name="connsiteY4" fmla="*/ 0 h 10000"/>
                      <a:gd name="connsiteX0" fmla="*/ 0 w 10000"/>
                      <a:gd name="connsiteY0" fmla="*/ 0 h 10000"/>
                      <a:gd name="connsiteX1" fmla="*/ 10000 w 10000"/>
                      <a:gd name="connsiteY1" fmla="*/ 0 h 10000"/>
                      <a:gd name="connsiteX2" fmla="*/ 10000 w 10000"/>
                      <a:gd name="connsiteY2" fmla="*/ 10000 h 10000"/>
                      <a:gd name="connsiteX3" fmla="*/ 794 w 10000"/>
                      <a:gd name="connsiteY3" fmla="*/ 7245 h 10000"/>
                      <a:gd name="connsiteX4" fmla="*/ 0 w 10000"/>
                      <a:gd name="connsiteY4" fmla="*/ 0 h 10000"/>
                      <a:gd name="connsiteX0" fmla="*/ 0 w 10698"/>
                      <a:gd name="connsiteY0" fmla="*/ 0 h 7317"/>
                      <a:gd name="connsiteX1" fmla="*/ 10000 w 10698"/>
                      <a:gd name="connsiteY1" fmla="*/ 0 h 7317"/>
                      <a:gd name="connsiteX2" fmla="*/ 10698 w 10698"/>
                      <a:gd name="connsiteY2" fmla="*/ 7317 h 7317"/>
                      <a:gd name="connsiteX3" fmla="*/ 794 w 10698"/>
                      <a:gd name="connsiteY3" fmla="*/ 7245 h 7317"/>
                      <a:gd name="connsiteX4" fmla="*/ 0 w 10698"/>
                      <a:gd name="connsiteY4" fmla="*/ 0 h 7317"/>
                      <a:gd name="connsiteX0" fmla="*/ 0 w 10000"/>
                      <a:gd name="connsiteY0" fmla="*/ 0 h 10195"/>
                      <a:gd name="connsiteX1" fmla="*/ 9348 w 10000"/>
                      <a:gd name="connsiteY1" fmla="*/ 0 h 10195"/>
                      <a:gd name="connsiteX2" fmla="*/ 10000 w 10000"/>
                      <a:gd name="connsiteY2" fmla="*/ 10000 h 10195"/>
                      <a:gd name="connsiteX3" fmla="*/ 697 w 10000"/>
                      <a:gd name="connsiteY3" fmla="*/ 10195 h 10195"/>
                      <a:gd name="connsiteX4" fmla="*/ 0 w 10000"/>
                      <a:gd name="connsiteY4" fmla="*/ 0 h 10195"/>
                      <a:gd name="connsiteX0" fmla="*/ 0 w 10045"/>
                      <a:gd name="connsiteY0" fmla="*/ 0 h 10342"/>
                      <a:gd name="connsiteX1" fmla="*/ 9348 w 10045"/>
                      <a:gd name="connsiteY1" fmla="*/ 0 h 10342"/>
                      <a:gd name="connsiteX2" fmla="*/ 10045 w 10045"/>
                      <a:gd name="connsiteY2" fmla="*/ 10342 h 10342"/>
                      <a:gd name="connsiteX3" fmla="*/ 697 w 10045"/>
                      <a:gd name="connsiteY3" fmla="*/ 10195 h 10342"/>
                      <a:gd name="connsiteX4" fmla="*/ 0 w 10045"/>
                      <a:gd name="connsiteY4" fmla="*/ 0 h 10342"/>
                      <a:gd name="connsiteX0" fmla="*/ 0 w 10045"/>
                      <a:gd name="connsiteY0" fmla="*/ 0 h 10342"/>
                      <a:gd name="connsiteX1" fmla="*/ 6964 w 10045"/>
                      <a:gd name="connsiteY1" fmla="*/ 1222 h 10342"/>
                      <a:gd name="connsiteX2" fmla="*/ 10045 w 10045"/>
                      <a:gd name="connsiteY2" fmla="*/ 10342 h 10342"/>
                      <a:gd name="connsiteX3" fmla="*/ 697 w 10045"/>
                      <a:gd name="connsiteY3" fmla="*/ 10195 h 10342"/>
                      <a:gd name="connsiteX4" fmla="*/ 0 w 10045"/>
                      <a:gd name="connsiteY4" fmla="*/ 0 h 10342"/>
                      <a:gd name="connsiteX0" fmla="*/ 0 w 10045"/>
                      <a:gd name="connsiteY0" fmla="*/ 0 h 10342"/>
                      <a:gd name="connsiteX1" fmla="*/ 5586 w 10045"/>
                      <a:gd name="connsiteY1" fmla="*/ 865 h 10342"/>
                      <a:gd name="connsiteX2" fmla="*/ 6964 w 10045"/>
                      <a:gd name="connsiteY2" fmla="*/ 1222 h 10342"/>
                      <a:gd name="connsiteX3" fmla="*/ 10045 w 10045"/>
                      <a:gd name="connsiteY3" fmla="*/ 10342 h 10342"/>
                      <a:gd name="connsiteX4" fmla="*/ 697 w 10045"/>
                      <a:gd name="connsiteY4" fmla="*/ 10195 h 10342"/>
                      <a:gd name="connsiteX5" fmla="*/ 0 w 10045"/>
                      <a:gd name="connsiteY5" fmla="*/ 0 h 10342"/>
                      <a:gd name="connsiteX0" fmla="*/ 0 w 10045"/>
                      <a:gd name="connsiteY0" fmla="*/ 0 h 10342"/>
                      <a:gd name="connsiteX1" fmla="*/ 6890 w 10045"/>
                      <a:gd name="connsiteY1" fmla="*/ 4385 h 10342"/>
                      <a:gd name="connsiteX2" fmla="*/ 6964 w 10045"/>
                      <a:gd name="connsiteY2" fmla="*/ 1222 h 10342"/>
                      <a:gd name="connsiteX3" fmla="*/ 10045 w 10045"/>
                      <a:gd name="connsiteY3" fmla="*/ 10342 h 10342"/>
                      <a:gd name="connsiteX4" fmla="*/ 697 w 10045"/>
                      <a:gd name="connsiteY4" fmla="*/ 10195 h 10342"/>
                      <a:gd name="connsiteX5" fmla="*/ 0 w 10045"/>
                      <a:gd name="connsiteY5" fmla="*/ 0 h 10342"/>
                      <a:gd name="connsiteX0" fmla="*/ 0 w 10045"/>
                      <a:gd name="connsiteY0" fmla="*/ 0 h 10342"/>
                      <a:gd name="connsiteX1" fmla="*/ 5316 w 10045"/>
                      <a:gd name="connsiteY1" fmla="*/ 3359 h 10342"/>
                      <a:gd name="connsiteX2" fmla="*/ 6890 w 10045"/>
                      <a:gd name="connsiteY2" fmla="*/ 4385 h 10342"/>
                      <a:gd name="connsiteX3" fmla="*/ 6964 w 10045"/>
                      <a:gd name="connsiteY3" fmla="*/ 1222 h 10342"/>
                      <a:gd name="connsiteX4" fmla="*/ 10045 w 10045"/>
                      <a:gd name="connsiteY4" fmla="*/ 10342 h 10342"/>
                      <a:gd name="connsiteX5" fmla="*/ 697 w 10045"/>
                      <a:gd name="connsiteY5" fmla="*/ 10195 h 10342"/>
                      <a:gd name="connsiteX6" fmla="*/ 0 w 10045"/>
                      <a:gd name="connsiteY6" fmla="*/ 0 h 10342"/>
                      <a:gd name="connsiteX0" fmla="*/ 0 w 10045"/>
                      <a:gd name="connsiteY0" fmla="*/ 0 h 10342"/>
                      <a:gd name="connsiteX1" fmla="*/ 5833 w 10045"/>
                      <a:gd name="connsiteY1" fmla="*/ 2137 h 10342"/>
                      <a:gd name="connsiteX2" fmla="*/ 6890 w 10045"/>
                      <a:gd name="connsiteY2" fmla="*/ 4385 h 10342"/>
                      <a:gd name="connsiteX3" fmla="*/ 6964 w 10045"/>
                      <a:gd name="connsiteY3" fmla="*/ 1222 h 10342"/>
                      <a:gd name="connsiteX4" fmla="*/ 10045 w 10045"/>
                      <a:gd name="connsiteY4" fmla="*/ 10342 h 10342"/>
                      <a:gd name="connsiteX5" fmla="*/ 697 w 10045"/>
                      <a:gd name="connsiteY5" fmla="*/ 10195 h 10342"/>
                      <a:gd name="connsiteX6" fmla="*/ 0 w 10045"/>
                      <a:gd name="connsiteY6" fmla="*/ 0 h 10342"/>
                      <a:gd name="connsiteX0" fmla="*/ 0 w 10045"/>
                      <a:gd name="connsiteY0" fmla="*/ 0 h 10342"/>
                      <a:gd name="connsiteX1" fmla="*/ 4911 w 10045"/>
                      <a:gd name="connsiteY1" fmla="*/ 1843 h 10342"/>
                      <a:gd name="connsiteX2" fmla="*/ 5833 w 10045"/>
                      <a:gd name="connsiteY2" fmla="*/ 2137 h 10342"/>
                      <a:gd name="connsiteX3" fmla="*/ 6890 w 10045"/>
                      <a:gd name="connsiteY3" fmla="*/ 4385 h 10342"/>
                      <a:gd name="connsiteX4" fmla="*/ 6964 w 10045"/>
                      <a:gd name="connsiteY4" fmla="*/ 1222 h 10342"/>
                      <a:gd name="connsiteX5" fmla="*/ 10045 w 10045"/>
                      <a:gd name="connsiteY5" fmla="*/ 10342 h 10342"/>
                      <a:gd name="connsiteX6" fmla="*/ 697 w 10045"/>
                      <a:gd name="connsiteY6" fmla="*/ 10195 h 10342"/>
                      <a:gd name="connsiteX7" fmla="*/ 0 w 10045"/>
                      <a:gd name="connsiteY7" fmla="*/ 0 h 10342"/>
                      <a:gd name="connsiteX0" fmla="*/ 0 w 10045"/>
                      <a:gd name="connsiteY0" fmla="*/ 0 h 10342"/>
                      <a:gd name="connsiteX1" fmla="*/ 5811 w 10045"/>
                      <a:gd name="connsiteY1" fmla="*/ 4728 h 10342"/>
                      <a:gd name="connsiteX2" fmla="*/ 5833 w 10045"/>
                      <a:gd name="connsiteY2" fmla="*/ 2137 h 10342"/>
                      <a:gd name="connsiteX3" fmla="*/ 6890 w 10045"/>
                      <a:gd name="connsiteY3" fmla="*/ 4385 h 10342"/>
                      <a:gd name="connsiteX4" fmla="*/ 6964 w 10045"/>
                      <a:gd name="connsiteY4" fmla="*/ 1222 h 10342"/>
                      <a:gd name="connsiteX5" fmla="*/ 10045 w 10045"/>
                      <a:gd name="connsiteY5" fmla="*/ 10342 h 10342"/>
                      <a:gd name="connsiteX6" fmla="*/ 697 w 10045"/>
                      <a:gd name="connsiteY6" fmla="*/ 10195 h 10342"/>
                      <a:gd name="connsiteX7" fmla="*/ 0 w 10045"/>
                      <a:gd name="connsiteY7" fmla="*/ 0 h 10342"/>
                      <a:gd name="connsiteX0" fmla="*/ 0 w 10045"/>
                      <a:gd name="connsiteY0" fmla="*/ 0 h 10342"/>
                      <a:gd name="connsiteX1" fmla="*/ 4754 w 10045"/>
                      <a:gd name="connsiteY1" fmla="*/ 3945 h 10342"/>
                      <a:gd name="connsiteX2" fmla="*/ 5811 w 10045"/>
                      <a:gd name="connsiteY2" fmla="*/ 4728 h 10342"/>
                      <a:gd name="connsiteX3" fmla="*/ 5833 w 10045"/>
                      <a:gd name="connsiteY3" fmla="*/ 2137 h 10342"/>
                      <a:gd name="connsiteX4" fmla="*/ 6890 w 10045"/>
                      <a:gd name="connsiteY4" fmla="*/ 4385 h 10342"/>
                      <a:gd name="connsiteX5" fmla="*/ 6964 w 10045"/>
                      <a:gd name="connsiteY5" fmla="*/ 1222 h 10342"/>
                      <a:gd name="connsiteX6" fmla="*/ 10045 w 10045"/>
                      <a:gd name="connsiteY6" fmla="*/ 10342 h 10342"/>
                      <a:gd name="connsiteX7" fmla="*/ 697 w 10045"/>
                      <a:gd name="connsiteY7" fmla="*/ 10195 h 10342"/>
                      <a:gd name="connsiteX8" fmla="*/ 0 w 10045"/>
                      <a:gd name="connsiteY8" fmla="*/ 0 h 10342"/>
                      <a:gd name="connsiteX0" fmla="*/ 0 w 10045"/>
                      <a:gd name="connsiteY0" fmla="*/ 0 h 10342"/>
                      <a:gd name="connsiteX1" fmla="*/ 5833 w 10045"/>
                      <a:gd name="connsiteY1" fmla="*/ 10106 h 10342"/>
                      <a:gd name="connsiteX2" fmla="*/ 5811 w 10045"/>
                      <a:gd name="connsiteY2" fmla="*/ 4728 h 10342"/>
                      <a:gd name="connsiteX3" fmla="*/ 5833 w 10045"/>
                      <a:gd name="connsiteY3" fmla="*/ 2137 h 10342"/>
                      <a:gd name="connsiteX4" fmla="*/ 6890 w 10045"/>
                      <a:gd name="connsiteY4" fmla="*/ 4385 h 10342"/>
                      <a:gd name="connsiteX5" fmla="*/ 6964 w 10045"/>
                      <a:gd name="connsiteY5" fmla="*/ 1222 h 10342"/>
                      <a:gd name="connsiteX6" fmla="*/ 10045 w 10045"/>
                      <a:gd name="connsiteY6" fmla="*/ 10342 h 10342"/>
                      <a:gd name="connsiteX7" fmla="*/ 697 w 10045"/>
                      <a:gd name="connsiteY7" fmla="*/ 10195 h 10342"/>
                      <a:gd name="connsiteX8" fmla="*/ 0 w 10045"/>
                      <a:gd name="connsiteY8" fmla="*/ 0 h 10342"/>
                      <a:gd name="connsiteX0" fmla="*/ 0 w 10045"/>
                      <a:gd name="connsiteY0" fmla="*/ 0 h 10342"/>
                      <a:gd name="connsiteX1" fmla="*/ 4551 w 10045"/>
                      <a:gd name="connsiteY1" fmla="*/ 7857 h 10342"/>
                      <a:gd name="connsiteX2" fmla="*/ 5833 w 10045"/>
                      <a:gd name="connsiteY2" fmla="*/ 10106 h 10342"/>
                      <a:gd name="connsiteX3" fmla="*/ 5811 w 10045"/>
                      <a:gd name="connsiteY3" fmla="*/ 4728 h 10342"/>
                      <a:gd name="connsiteX4" fmla="*/ 5833 w 10045"/>
                      <a:gd name="connsiteY4" fmla="*/ 2137 h 10342"/>
                      <a:gd name="connsiteX5" fmla="*/ 6890 w 10045"/>
                      <a:gd name="connsiteY5" fmla="*/ 4385 h 10342"/>
                      <a:gd name="connsiteX6" fmla="*/ 6964 w 10045"/>
                      <a:gd name="connsiteY6" fmla="*/ 1222 h 10342"/>
                      <a:gd name="connsiteX7" fmla="*/ 10045 w 10045"/>
                      <a:gd name="connsiteY7" fmla="*/ 10342 h 10342"/>
                      <a:gd name="connsiteX8" fmla="*/ 697 w 10045"/>
                      <a:gd name="connsiteY8" fmla="*/ 10195 h 10342"/>
                      <a:gd name="connsiteX9" fmla="*/ 0 w 10045"/>
                      <a:gd name="connsiteY9" fmla="*/ 0 h 10342"/>
                      <a:gd name="connsiteX0" fmla="*/ 0 w 10045"/>
                      <a:gd name="connsiteY0" fmla="*/ 0 h 10342"/>
                      <a:gd name="connsiteX1" fmla="*/ 4731 w 10045"/>
                      <a:gd name="connsiteY1" fmla="*/ 10057 h 10342"/>
                      <a:gd name="connsiteX2" fmla="*/ 5833 w 10045"/>
                      <a:gd name="connsiteY2" fmla="*/ 10106 h 10342"/>
                      <a:gd name="connsiteX3" fmla="*/ 5811 w 10045"/>
                      <a:gd name="connsiteY3" fmla="*/ 4728 h 10342"/>
                      <a:gd name="connsiteX4" fmla="*/ 5833 w 10045"/>
                      <a:gd name="connsiteY4" fmla="*/ 2137 h 10342"/>
                      <a:gd name="connsiteX5" fmla="*/ 6890 w 10045"/>
                      <a:gd name="connsiteY5" fmla="*/ 4385 h 10342"/>
                      <a:gd name="connsiteX6" fmla="*/ 6964 w 10045"/>
                      <a:gd name="connsiteY6" fmla="*/ 1222 h 10342"/>
                      <a:gd name="connsiteX7" fmla="*/ 10045 w 10045"/>
                      <a:gd name="connsiteY7" fmla="*/ 10342 h 10342"/>
                      <a:gd name="connsiteX8" fmla="*/ 697 w 10045"/>
                      <a:gd name="connsiteY8" fmla="*/ 10195 h 10342"/>
                      <a:gd name="connsiteX9" fmla="*/ 0 w 10045"/>
                      <a:gd name="connsiteY9" fmla="*/ 0 h 10342"/>
                      <a:gd name="connsiteX0" fmla="*/ 0 w 10045"/>
                      <a:gd name="connsiteY0" fmla="*/ 0 h 10342"/>
                      <a:gd name="connsiteX1" fmla="*/ 2955 w 10045"/>
                      <a:gd name="connsiteY1" fmla="*/ 6390 h 10342"/>
                      <a:gd name="connsiteX2" fmla="*/ 4731 w 10045"/>
                      <a:gd name="connsiteY2" fmla="*/ 10057 h 10342"/>
                      <a:gd name="connsiteX3" fmla="*/ 5833 w 10045"/>
                      <a:gd name="connsiteY3" fmla="*/ 10106 h 10342"/>
                      <a:gd name="connsiteX4" fmla="*/ 5811 w 10045"/>
                      <a:gd name="connsiteY4" fmla="*/ 4728 h 10342"/>
                      <a:gd name="connsiteX5" fmla="*/ 5833 w 10045"/>
                      <a:gd name="connsiteY5" fmla="*/ 2137 h 10342"/>
                      <a:gd name="connsiteX6" fmla="*/ 6890 w 10045"/>
                      <a:gd name="connsiteY6" fmla="*/ 4385 h 10342"/>
                      <a:gd name="connsiteX7" fmla="*/ 6964 w 10045"/>
                      <a:gd name="connsiteY7" fmla="*/ 1222 h 10342"/>
                      <a:gd name="connsiteX8" fmla="*/ 10045 w 10045"/>
                      <a:gd name="connsiteY8" fmla="*/ 10342 h 10342"/>
                      <a:gd name="connsiteX9" fmla="*/ 697 w 10045"/>
                      <a:gd name="connsiteY9" fmla="*/ 10195 h 10342"/>
                      <a:gd name="connsiteX10" fmla="*/ 0 w 10045"/>
                      <a:gd name="connsiteY10" fmla="*/ 0 h 10342"/>
                      <a:gd name="connsiteX0" fmla="*/ 0 w 10045"/>
                      <a:gd name="connsiteY0" fmla="*/ 0 h 10342"/>
                      <a:gd name="connsiteX1" fmla="*/ 4687 w 10045"/>
                      <a:gd name="connsiteY1" fmla="*/ 5119 h 10342"/>
                      <a:gd name="connsiteX2" fmla="*/ 4731 w 10045"/>
                      <a:gd name="connsiteY2" fmla="*/ 10057 h 10342"/>
                      <a:gd name="connsiteX3" fmla="*/ 5833 w 10045"/>
                      <a:gd name="connsiteY3" fmla="*/ 10106 h 10342"/>
                      <a:gd name="connsiteX4" fmla="*/ 5811 w 10045"/>
                      <a:gd name="connsiteY4" fmla="*/ 4728 h 10342"/>
                      <a:gd name="connsiteX5" fmla="*/ 5833 w 10045"/>
                      <a:gd name="connsiteY5" fmla="*/ 2137 h 10342"/>
                      <a:gd name="connsiteX6" fmla="*/ 6890 w 10045"/>
                      <a:gd name="connsiteY6" fmla="*/ 4385 h 10342"/>
                      <a:gd name="connsiteX7" fmla="*/ 6964 w 10045"/>
                      <a:gd name="connsiteY7" fmla="*/ 1222 h 10342"/>
                      <a:gd name="connsiteX8" fmla="*/ 10045 w 10045"/>
                      <a:gd name="connsiteY8" fmla="*/ 10342 h 10342"/>
                      <a:gd name="connsiteX9" fmla="*/ 697 w 10045"/>
                      <a:gd name="connsiteY9" fmla="*/ 10195 h 10342"/>
                      <a:gd name="connsiteX10" fmla="*/ 0 w 10045"/>
                      <a:gd name="connsiteY10" fmla="*/ 0 h 10342"/>
                      <a:gd name="connsiteX0" fmla="*/ 0 w 10045"/>
                      <a:gd name="connsiteY0" fmla="*/ 0 h 10342"/>
                      <a:gd name="connsiteX1" fmla="*/ 3584 w 10045"/>
                      <a:gd name="connsiteY1" fmla="*/ 3945 h 10342"/>
                      <a:gd name="connsiteX2" fmla="*/ 4687 w 10045"/>
                      <a:gd name="connsiteY2" fmla="*/ 5119 h 10342"/>
                      <a:gd name="connsiteX3" fmla="*/ 4731 w 10045"/>
                      <a:gd name="connsiteY3" fmla="*/ 10057 h 10342"/>
                      <a:gd name="connsiteX4" fmla="*/ 5833 w 10045"/>
                      <a:gd name="connsiteY4" fmla="*/ 10106 h 10342"/>
                      <a:gd name="connsiteX5" fmla="*/ 5811 w 10045"/>
                      <a:gd name="connsiteY5" fmla="*/ 4728 h 10342"/>
                      <a:gd name="connsiteX6" fmla="*/ 5833 w 10045"/>
                      <a:gd name="connsiteY6" fmla="*/ 2137 h 10342"/>
                      <a:gd name="connsiteX7" fmla="*/ 6890 w 10045"/>
                      <a:gd name="connsiteY7" fmla="*/ 4385 h 10342"/>
                      <a:gd name="connsiteX8" fmla="*/ 6964 w 10045"/>
                      <a:gd name="connsiteY8" fmla="*/ 1222 h 10342"/>
                      <a:gd name="connsiteX9" fmla="*/ 10045 w 10045"/>
                      <a:gd name="connsiteY9" fmla="*/ 10342 h 10342"/>
                      <a:gd name="connsiteX10" fmla="*/ 697 w 10045"/>
                      <a:gd name="connsiteY10" fmla="*/ 10195 h 10342"/>
                      <a:gd name="connsiteX11" fmla="*/ 0 w 10045"/>
                      <a:gd name="connsiteY11" fmla="*/ 0 h 10342"/>
                      <a:gd name="connsiteX0" fmla="*/ 0 w 10045"/>
                      <a:gd name="connsiteY0" fmla="*/ 0 h 10342"/>
                      <a:gd name="connsiteX1" fmla="*/ 5091 w 10045"/>
                      <a:gd name="connsiteY1" fmla="*/ 3701 h 10342"/>
                      <a:gd name="connsiteX2" fmla="*/ 4687 w 10045"/>
                      <a:gd name="connsiteY2" fmla="*/ 5119 h 10342"/>
                      <a:gd name="connsiteX3" fmla="*/ 4731 w 10045"/>
                      <a:gd name="connsiteY3" fmla="*/ 10057 h 10342"/>
                      <a:gd name="connsiteX4" fmla="*/ 5833 w 10045"/>
                      <a:gd name="connsiteY4" fmla="*/ 10106 h 10342"/>
                      <a:gd name="connsiteX5" fmla="*/ 5811 w 10045"/>
                      <a:gd name="connsiteY5" fmla="*/ 4728 h 10342"/>
                      <a:gd name="connsiteX6" fmla="*/ 5833 w 10045"/>
                      <a:gd name="connsiteY6" fmla="*/ 2137 h 10342"/>
                      <a:gd name="connsiteX7" fmla="*/ 6890 w 10045"/>
                      <a:gd name="connsiteY7" fmla="*/ 4385 h 10342"/>
                      <a:gd name="connsiteX8" fmla="*/ 6964 w 10045"/>
                      <a:gd name="connsiteY8" fmla="*/ 1222 h 10342"/>
                      <a:gd name="connsiteX9" fmla="*/ 10045 w 10045"/>
                      <a:gd name="connsiteY9" fmla="*/ 10342 h 10342"/>
                      <a:gd name="connsiteX10" fmla="*/ 697 w 10045"/>
                      <a:gd name="connsiteY10" fmla="*/ 10195 h 10342"/>
                      <a:gd name="connsiteX11" fmla="*/ 0 w 10045"/>
                      <a:gd name="connsiteY11" fmla="*/ 0 h 10342"/>
                      <a:gd name="connsiteX0" fmla="*/ 0 w 10045"/>
                      <a:gd name="connsiteY0" fmla="*/ 0 h 10342"/>
                      <a:gd name="connsiteX1" fmla="*/ 4192 w 10045"/>
                      <a:gd name="connsiteY1" fmla="*/ 3016 h 10342"/>
                      <a:gd name="connsiteX2" fmla="*/ 5091 w 10045"/>
                      <a:gd name="connsiteY2" fmla="*/ 3701 h 10342"/>
                      <a:gd name="connsiteX3" fmla="*/ 4687 w 10045"/>
                      <a:gd name="connsiteY3" fmla="*/ 5119 h 10342"/>
                      <a:gd name="connsiteX4" fmla="*/ 4731 w 10045"/>
                      <a:gd name="connsiteY4" fmla="*/ 10057 h 10342"/>
                      <a:gd name="connsiteX5" fmla="*/ 5833 w 10045"/>
                      <a:gd name="connsiteY5" fmla="*/ 10106 h 10342"/>
                      <a:gd name="connsiteX6" fmla="*/ 5811 w 10045"/>
                      <a:gd name="connsiteY6" fmla="*/ 4728 h 10342"/>
                      <a:gd name="connsiteX7" fmla="*/ 5833 w 10045"/>
                      <a:gd name="connsiteY7" fmla="*/ 2137 h 10342"/>
                      <a:gd name="connsiteX8" fmla="*/ 6890 w 10045"/>
                      <a:gd name="connsiteY8" fmla="*/ 4385 h 10342"/>
                      <a:gd name="connsiteX9" fmla="*/ 6964 w 10045"/>
                      <a:gd name="connsiteY9" fmla="*/ 1222 h 10342"/>
                      <a:gd name="connsiteX10" fmla="*/ 10045 w 10045"/>
                      <a:gd name="connsiteY10" fmla="*/ 10342 h 10342"/>
                      <a:gd name="connsiteX11" fmla="*/ 697 w 10045"/>
                      <a:gd name="connsiteY11" fmla="*/ 10195 h 10342"/>
                      <a:gd name="connsiteX12" fmla="*/ 0 w 10045"/>
                      <a:gd name="connsiteY12" fmla="*/ 0 h 10342"/>
                      <a:gd name="connsiteX0" fmla="*/ 0 w 10045"/>
                      <a:gd name="connsiteY0" fmla="*/ 0 h 10342"/>
                      <a:gd name="connsiteX1" fmla="*/ 4934 w 10045"/>
                      <a:gd name="connsiteY1" fmla="*/ 2234 h 10342"/>
                      <a:gd name="connsiteX2" fmla="*/ 5091 w 10045"/>
                      <a:gd name="connsiteY2" fmla="*/ 3701 h 10342"/>
                      <a:gd name="connsiteX3" fmla="*/ 4687 w 10045"/>
                      <a:gd name="connsiteY3" fmla="*/ 5119 h 10342"/>
                      <a:gd name="connsiteX4" fmla="*/ 4731 w 10045"/>
                      <a:gd name="connsiteY4" fmla="*/ 10057 h 10342"/>
                      <a:gd name="connsiteX5" fmla="*/ 5833 w 10045"/>
                      <a:gd name="connsiteY5" fmla="*/ 10106 h 10342"/>
                      <a:gd name="connsiteX6" fmla="*/ 5811 w 10045"/>
                      <a:gd name="connsiteY6" fmla="*/ 4728 h 10342"/>
                      <a:gd name="connsiteX7" fmla="*/ 5833 w 10045"/>
                      <a:gd name="connsiteY7" fmla="*/ 2137 h 10342"/>
                      <a:gd name="connsiteX8" fmla="*/ 6890 w 10045"/>
                      <a:gd name="connsiteY8" fmla="*/ 4385 h 10342"/>
                      <a:gd name="connsiteX9" fmla="*/ 6964 w 10045"/>
                      <a:gd name="connsiteY9" fmla="*/ 1222 h 10342"/>
                      <a:gd name="connsiteX10" fmla="*/ 10045 w 10045"/>
                      <a:gd name="connsiteY10" fmla="*/ 10342 h 10342"/>
                      <a:gd name="connsiteX11" fmla="*/ 697 w 10045"/>
                      <a:gd name="connsiteY11" fmla="*/ 10195 h 10342"/>
                      <a:gd name="connsiteX12" fmla="*/ 0 w 10045"/>
                      <a:gd name="connsiteY12" fmla="*/ 0 h 10342"/>
                      <a:gd name="connsiteX0" fmla="*/ 0 w 10045"/>
                      <a:gd name="connsiteY0" fmla="*/ 0 h 10342"/>
                      <a:gd name="connsiteX1" fmla="*/ 4934 w 10045"/>
                      <a:gd name="connsiteY1" fmla="*/ 2234 h 10342"/>
                      <a:gd name="connsiteX2" fmla="*/ 5181 w 10045"/>
                      <a:gd name="connsiteY2" fmla="*/ 3505 h 10342"/>
                      <a:gd name="connsiteX3" fmla="*/ 4687 w 10045"/>
                      <a:gd name="connsiteY3" fmla="*/ 5119 h 10342"/>
                      <a:gd name="connsiteX4" fmla="*/ 4731 w 10045"/>
                      <a:gd name="connsiteY4" fmla="*/ 10057 h 10342"/>
                      <a:gd name="connsiteX5" fmla="*/ 5833 w 10045"/>
                      <a:gd name="connsiteY5" fmla="*/ 10106 h 10342"/>
                      <a:gd name="connsiteX6" fmla="*/ 5811 w 10045"/>
                      <a:gd name="connsiteY6" fmla="*/ 4728 h 10342"/>
                      <a:gd name="connsiteX7" fmla="*/ 5833 w 10045"/>
                      <a:gd name="connsiteY7" fmla="*/ 2137 h 10342"/>
                      <a:gd name="connsiteX8" fmla="*/ 6890 w 10045"/>
                      <a:gd name="connsiteY8" fmla="*/ 4385 h 10342"/>
                      <a:gd name="connsiteX9" fmla="*/ 6964 w 10045"/>
                      <a:gd name="connsiteY9" fmla="*/ 1222 h 10342"/>
                      <a:gd name="connsiteX10" fmla="*/ 10045 w 10045"/>
                      <a:gd name="connsiteY10" fmla="*/ 10342 h 10342"/>
                      <a:gd name="connsiteX11" fmla="*/ 697 w 10045"/>
                      <a:gd name="connsiteY11" fmla="*/ 10195 h 10342"/>
                      <a:gd name="connsiteX12" fmla="*/ 0 w 10045"/>
                      <a:gd name="connsiteY12" fmla="*/ 0 h 10342"/>
                      <a:gd name="connsiteX0" fmla="*/ 0 w 10045"/>
                      <a:gd name="connsiteY0" fmla="*/ 0 h 10342"/>
                      <a:gd name="connsiteX1" fmla="*/ 4934 w 10045"/>
                      <a:gd name="connsiteY1" fmla="*/ 2234 h 10342"/>
                      <a:gd name="connsiteX2" fmla="*/ 4687 w 10045"/>
                      <a:gd name="connsiteY2" fmla="*/ 5119 h 10342"/>
                      <a:gd name="connsiteX3" fmla="*/ 4731 w 10045"/>
                      <a:gd name="connsiteY3" fmla="*/ 10057 h 10342"/>
                      <a:gd name="connsiteX4" fmla="*/ 5833 w 10045"/>
                      <a:gd name="connsiteY4" fmla="*/ 10106 h 10342"/>
                      <a:gd name="connsiteX5" fmla="*/ 5811 w 10045"/>
                      <a:gd name="connsiteY5" fmla="*/ 4728 h 10342"/>
                      <a:gd name="connsiteX6" fmla="*/ 5833 w 10045"/>
                      <a:gd name="connsiteY6" fmla="*/ 2137 h 10342"/>
                      <a:gd name="connsiteX7" fmla="*/ 6890 w 10045"/>
                      <a:gd name="connsiteY7" fmla="*/ 4385 h 10342"/>
                      <a:gd name="connsiteX8" fmla="*/ 6964 w 10045"/>
                      <a:gd name="connsiteY8" fmla="*/ 1222 h 10342"/>
                      <a:gd name="connsiteX9" fmla="*/ 10045 w 10045"/>
                      <a:gd name="connsiteY9" fmla="*/ 10342 h 10342"/>
                      <a:gd name="connsiteX10" fmla="*/ 697 w 10045"/>
                      <a:gd name="connsiteY10" fmla="*/ 10195 h 10342"/>
                      <a:gd name="connsiteX11" fmla="*/ 0 w 10045"/>
                      <a:gd name="connsiteY11" fmla="*/ 0 h 10342"/>
                      <a:gd name="connsiteX0" fmla="*/ 0 w 10045"/>
                      <a:gd name="connsiteY0" fmla="*/ 0 h 10342"/>
                      <a:gd name="connsiteX1" fmla="*/ 3764 w 10045"/>
                      <a:gd name="connsiteY1" fmla="*/ 1647 h 10342"/>
                      <a:gd name="connsiteX2" fmla="*/ 4934 w 10045"/>
                      <a:gd name="connsiteY2" fmla="*/ 2234 h 10342"/>
                      <a:gd name="connsiteX3" fmla="*/ 4687 w 10045"/>
                      <a:gd name="connsiteY3" fmla="*/ 5119 h 10342"/>
                      <a:gd name="connsiteX4" fmla="*/ 4731 w 10045"/>
                      <a:gd name="connsiteY4" fmla="*/ 10057 h 10342"/>
                      <a:gd name="connsiteX5" fmla="*/ 5833 w 10045"/>
                      <a:gd name="connsiteY5" fmla="*/ 10106 h 10342"/>
                      <a:gd name="connsiteX6" fmla="*/ 5811 w 10045"/>
                      <a:gd name="connsiteY6" fmla="*/ 4728 h 10342"/>
                      <a:gd name="connsiteX7" fmla="*/ 5833 w 10045"/>
                      <a:gd name="connsiteY7" fmla="*/ 2137 h 10342"/>
                      <a:gd name="connsiteX8" fmla="*/ 6890 w 10045"/>
                      <a:gd name="connsiteY8" fmla="*/ 4385 h 10342"/>
                      <a:gd name="connsiteX9" fmla="*/ 6964 w 10045"/>
                      <a:gd name="connsiteY9" fmla="*/ 1222 h 10342"/>
                      <a:gd name="connsiteX10" fmla="*/ 10045 w 10045"/>
                      <a:gd name="connsiteY10" fmla="*/ 10342 h 10342"/>
                      <a:gd name="connsiteX11" fmla="*/ 697 w 10045"/>
                      <a:gd name="connsiteY11" fmla="*/ 10195 h 10342"/>
                      <a:gd name="connsiteX12" fmla="*/ 0 w 10045"/>
                      <a:gd name="connsiteY12" fmla="*/ 0 h 10342"/>
                      <a:gd name="connsiteX0" fmla="*/ 0 w 10045"/>
                      <a:gd name="connsiteY0" fmla="*/ 0 h 10342"/>
                      <a:gd name="connsiteX1" fmla="*/ 3786 w 10045"/>
                      <a:gd name="connsiteY1" fmla="*/ 4287 h 10342"/>
                      <a:gd name="connsiteX2" fmla="*/ 4934 w 10045"/>
                      <a:gd name="connsiteY2" fmla="*/ 2234 h 10342"/>
                      <a:gd name="connsiteX3" fmla="*/ 4687 w 10045"/>
                      <a:gd name="connsiteY3" fmla="*/ 5119 h 10342"/>
                      <a:gd name="connsiteX4" fmla="*/ 4731 w 10045"/>
                      <a:gd name="connsiteY4" fmla="*/ 10057 h 10342"/>
                      <a:gd name="connsiteX5" fmla="*/ 5833 w 10045"/>
                      <a:gd name="connsiteY5" fmla="*/ 10106 h 10342"/>
                      <a:gd name="connsiteX6" fmla="*/ 5811 w 10045"/>
                      <a:gd name="connsiteY6" fmla="*/ 4728 h 10342"/>
                      <a:gd name="connsiteX7" fmla="*/ 5833 w 10045"/>
                      <a:gd name="connsiteY7" fmla="*/ 2137 h 10342"/>
                      <a:gd name="connsiteX8" fmla="*/ 6890 w 10045"/>
                      <a:gd name="connsiteY8" fmla="*/ 4385 h 10342"/>
                      <a:gd name="connsiteX9" fmla="*/ 6964 w 10045"/>
                      <a:gd name="connsiteY9" fmla="*/ 1222 h 10342"/>
                      <a:gd name="connsiteX10" fmla="*/ 10045 w 10045"/>
                      <a:gd name="connsiteY10" fmla="*/ 10342 h 10342"/>
                      <a:gd name="connsiteX11" fmla="*/ 697 w 10045"/>
                      <a:gd name="connsiteY11" fmla="*/ 10195 h 10342"/>
                      <a:gd name="connsiteX12" fmla="*/ 0 w 10045"/>
                      <a:gd name="connsiteY12" fmla="*/ 0 h 10342"/>
                      <a:gd name="connsiteX0" fmla="*/ 3027 w 9361"/>
                      <a:gd name="connsiteY0" fmla="*/ 0 h 9120"/>
                      <a:gd name="connsiteX1" fmla="*/ 3102 w 9361"/>
                      <a:gd name="connsiteY1" fmla="*/ 3065 h 9120"/>
                      <a:gd name="connsiteX2" fmla="*/ 4250 w 9361"/>
                      <a:gd name="connsiteY2" fmla="*/ 1012 h 9120"/>
                      <a:gd name="connsiteX3" fmla="*/ 4003 w 9361"/>
                      <a:gd name="connsiteY3" fmla="*/ 3897 h 9120"/>
                      <a:gd name="connsiteX4" fmla="*/ 4047 w 9361"/>
                      <a:gd name="connsiteY4" fmla="*/ 8835 h 9120"/>
                      <a:gd name="connsiteX5" fmla="*/ 5149 w 9361"/>
                      <a:gd name="connsiteY5" fmla="*/ 8884 h 9120"/>
                      <a:gd name="connsiteX6" fmla="*/ 5127 w 9361"/>
                      <a:gd name="connsiteY6" fmla="*/ 3506 h 9120"/>
                      <a:gd name="connsiteX7" fmla="*/ 5149 w 9361"/>
                      <a:gd name="connsiteY7" fmla="*/ 915 h 9120"/>
                      <a:gd name="connsiteX8" fmla="*/ 6206 w 9361"/>
                      <a:gd name="connsiteY8" fmla="*/ 3163 h 9120"/>
                      <a:gd name="connsiteX9" fmla="*/ 6280 w 9361"/>
                      <a:gd name="connsiteY9" fmla="*/ 0 h 9120"/>
                      <a:gd name="connsiteX10" fmla="*/ 9361 w 9361"/>
                      <a:gd name="connsiteY10" fmla="*/ 9120 h 9120"/>
                      <a:gd name="connsiteX11" fmla="*/ 13 w 9361"/>
                      <a:gd name="connsiteY11" fmla="*/ 8973 h 9120"/>
                      <a:gd name="connsiteX12" fmla="*/ 3027 w 9361"/>
                      <a:gd name="connsiteY12" fmla="*/ 0 h 9120"/>
                      <a:gd name="connsiteX0" fmla="*/ 3243 w 10009"/>
                      <a:gd name="connsiteY0" fmla="*/ 0 h 10000"/>
                      <a:gd name="connsiteX1" fmla="*/ 3323 w 10009"/>
                      <a:gd name="connsiteY1" fmla="*/ 3361 h 10000"/>
                      <a:gd name="connsiteX2" fmla="*/ 4549 w 10009"/>
                      <a:gd name="connsiteY2" fmla="*/ 1110 h 10000"/>
                      <a:gd name="connsiteX3" fmla="*/ 4285 w 10009"/>
                      <a:gd name="connsiteY3" fmla="*/ 4273 h 10000"/>
                      <a:gd name="connsiteX4" fmla="*/ 4332 w 10009"/>
                      <a:gd name="connsiteY4" fmla="*/ 9688 h 10000"/>
                      <a:gd name="connsiteX5" fmla="*/ 5509 w 10009"/>
                      <a:gd name="connsiteY5" fmla="*/ 9741 h 10000"/>
                      <a:gd name="connsiteX6" fmla="*/ 5486 w 10009"/>
                      <a:gd name="connsiteY6" fmla="*/ 3844 h 10000"/>
                      <a:gd name="connsiteX7" fmla="*/ 5509 w 10009"/>
                      <a:gd name="connsiteY7" fmla="*/ 1003 h 10000"/>
                      <a:gd name="connsiteX8" fmla="*/ 6639 w 10009"/>
                      <a:gd name="connsiteY8" fmla="*/ 3468 h 10000"/>
                      <a:gd name="connsiteX9" fmla="*/ 6718 w 10009"/>
                      <a:gd name="connsiteY9" fmla="*/ 0 h 10000"/>
                      <a:gd name="connsiteX10" fmla="*/ 10009 w 10009"/>
                      <a:gd name="connsiteY10" fmla="*/ 10000 h 10000"/>
                      <a:gd name="connsiteX11" fmla="*/ 23 w 10009"/>
                      <a:gd name="connsiteY11" fmla="*/ 9839 h 10000"/>
                      <a:gd name="connsiteX12" fmla="*/ 3243 w 10009"/>
                      <a:gd name="connsiteY12" fmla="*/ 0 h 10000"/>
                      <a:gd name="connsiteX0" fmla="*/ 3243 w 10009"/>
                      <a:gd name="connsiteY0" fmla="*/ 0 h 10000"/>
                      <a:gd name="connsiteX1" fmla="*/ 3323 w 10009"/>
                      <a:gd name="connsiteY1" fmla="*/ 3361 h 10000"/>
                      <a:gd name="connsiteX2" fmla="*/ 4549 w 10009"/>
                      <a:gd name="connsiteY2" fmla="*/ 1110 h 10000"/>
                      <a:gd name="connsiteX3" fmla="*/ 4285 w 10009"/>
                      <a:gd name="connsiteY3" fmla="*/ 4273 h 10000"/>
                      <a:gd name="connsiteX4" fmla="*/ 4332 w 10009"/>
                      <a:gd name="connsiteY4" fmla="*/ 9688 h 10000"/>
                      <a:gd name="connsiteX5" fmla="*/ 5509 w 10009"/>
                      <a:gd name="connsiteY5" fmla="*/ 9741 h 10000"/>
                      <a:gd name="connsiteX6" fmla="*/ 5486 w 10009"/>
                      <a:gd name="connsiteY6" fmla="*/ 3844 h 10000"/>
                      <a:gd name="connsiteX7" fmla="*/ 5509 w 10009"/>
                      <a:gd name="connsiteY7" fmla="*/ 1003 h 10000"/>
                      <a:gd name="connsiteX8" fmla="*/ 6639 w 10009"/>
                      <a:gd name="connsiteY8" fmla="*/ 3468 h 10000"/>
                      <a:gd name="connsiteX9" fmla="*/ 6718 w 10009"/>
                      <a:gd name="connsiteY9" fmla="*/ 0 h 10000"/>
                      <a:gd name="connsiteX10" fmla="*/ 10009 w 10009"/>
                      <a:gd name="connsiteY10" fmla="*/ 10000 h 10000"/>
                      <a:gd name="connsiteX11" fmla="*/ 23 w 10009"/>
                      <a:gd name="connsiteY11" fmla="*/ 9839 h 10000"/>
                      <a:gd name="connsiteX12" fmla="*/ 3243 w 10009"/>
                      <a:gd name="connsiteY12" fmla="*/ 0 h 10000"/>
                      <a:gd name="connsiteX0" fmla="*/ 3253 w 10019"/>
                      <a:gd name="connsiteY0" fmla="*/ 0 h 10000"/>
                      <a:gd name="connsiteX1" fmla="*/ 3333 w 10019"/>
                      <a:gd name="connsiteY1" fmla="*/ 3361 h 10000"/>
                      <a:gd name="connsiteX2" fmla="*/ 4559 w 10019"/>
                      <a:gd name="connsiteY2" fmla="*/ 1110 h 10000"/>
                      <a:gd name="connsiteX3" fmla="*/ 4295 w 10019"/>
                      <a:gd name="connsiteY3" fmla="*/ 4273 h 10000"/>
                      <a:gd name="connsiteX4" fmla="*/ 4342 w 10019"/>
                      <a:gd name="connsiteY4" fmla="*/ 9688 h 10000"/>
                      <a:gd name="connsiteX5" fmla="*/ 5519 w 10019"/>
                      <a:gd name="connsiteY5" fmla="*/ 9741 h 10000"/>
                      <a:gd name="connsiteX6" fmla="*/ 5496 w 10019"/>
                      <a:gd name="connsiteY6" fmla="*/ 3844 h 10000"/>
                      <a:gd name="connsiteX7" fmla="*/ 5519 w 10019"/>
                      <a:gd name="connsiteY7" fmla="*/ 1003 h 10000"/>
                      <a:gd name="connsiteX8" fmla="*/ 6649 w 10019"/>
                      <a:gd name="connsiteY8" fmla="*/ 3468 h 10000"/>
                      <a:gd name="connsiteX9" fmla="*/ 6728 w 10019"/>
                      <a:gd name="connsiteY9" fmla="*/ 0 h 10000"/>
                      <a:gd name="connsiteX10" fmla="*/ 10019 w 10019"/>
                      <a:gd name="connsiteY10" fmla="*/ 10000 h 10000"/>
                      <a:gd name="connsiteX11" fmla="*/ 33 w 10019"/>
                      <a:gd name="connsiteY11" fmla="*/ 9839 h 10000"/>
                      <a:gd name="connsiteX12" fmla="*/ 3253 w 10019"/>
                      <a:gd name="connsiteY12" fmla="*/ 0 h 10000"/>
                      <a:gd name="connsiteX0" fmla="*/ 3257 w 10023"/>
                      <a:gd name="connsiteY0" fmla="*/ 0 h 10000"/>
                      <a:gd name="connsiteX1" fmla="*/ 3337 w 10023"/>
                      <a:gd name="connsiteY1" fmla="*/ 3361 h 10000"/>
                      <a:gd name="connsiteX2" fmla="*/ 4563 w 10023"/>
                      <a:gd name="connsiteY2" fmla="*/ 1110 h 10000"/>
                      <a:gd name="connsiteX3" fmla="*/ 4299 w 10023"/>
                      <a:gd name="connsiteY3" fmla="*/ 4273 h 10000"/>
                      <a:gd name="connsiteX4" fmla="*/ 4346 w 10023"/>
                      <a:gd name="connsiteY4" fmla="*/ 9688 h 10000"/>
                      <a:gd name="connsiteX5" fmla="*/ 5523 w 10023"/>
                      <a:gd name="connsiteY5" fmla="*/ 9741 h 10000"/>
                      <a:gd name="connsiteX6" fmla="*/ 5500 w 10023"/>
                      <a:gd name="connsiteY6" fmla="*/ 3844 h 10000"/>
                      <a:gd name="connsiteX7" fmla="*/ 5523 w 10023"/>
                      <a:gd name="connsiteY7" fmla="*/ 1003 h 10000"/>
                      <a:gd name="connsiteX8" fmla="*/ 6653 w 10023"/>
                      <a:gd name="connsiteY8" fmla="*/ 3468 h 10000"/>
                      <a:gd name="connsiteX9" fmla="*/ 6732 w 10023"/>
                      <a:gd name="connsiteY9" fmla="*/ 0 h 10000"/>
                      <a:gd name="connsiteX10" fmla="*/ 10023 w 10023"/>
                      <a:gd name="connsiteY10" fmla="*/ 10000 h 10000"/>
                      <a:gd name="connsiteX11" fmla="*/ 37 w 10023"/>
                      <a:gd name="connsiteY11" fmla="*/ 9839 h 10000"/>
                      <a:gd name="connsiteX12" fmla="*/ 3257 w 10023"/>
                      <a:gd name="connsiteY12" fmla="*/ 0 h 10000"/>
                      <a:gd name="connsiteX0" fmla="*/ 3257 w 10023"/>
                      <a:gd name="connsiteY0" fmla="*/ 0 h 10000"/>
                      <a:gd name="connsiteX1" fmla="*/ 3337 w 10023"/>
                      <a:gd name="connsiteY1" fmla="*/ 3361 h 10000"/>
                      <a:gd name="connsiteX2" fmla="*/ 4563 w 10023"/>
                      <a:gd name="connsiteY2" fmla="*/ 1110 h 10000"/>
                      <a:gd name="connsiteX3" fmla="*/ 4299 w 10023"/>
                      <a:gd name="connsiteY3" fmla="*/ 4273 h 10000"/>
                      <a:gd name="connsiteX4" fmla="*/ 4346 w 10023"/>
                      <a:gd name="connsiteY4" fmla="*/ 9688 h 10000"/>
                      <a:gd name="connsiteX5" fmla="*/ 5523 w 10023"/>
                      <a:gd name="connsiteY5" fmla="*/ 9741 h 10000"/>
                      <a:gd name="connsiteX6" fmla="*/ 5500 w 10023"/>
                      <a:gd name="connsiteY6" fmla="*/ 3844 h 10000"/>
                      <a:gd name="connsiteX7" fmla="*/ 5523 w 10023"/>
                      <a:gd name="connsiteY7" fmla="*/ 1003 h 10000"/>
                      <a:gd name="connsiteX8" fmla="*/ 6653 w 10023"/>
                      <a:gd name="connsiteY8" fmla="*/ 3468 h 10000"/>
                      <a:gd name="connsiteX9" fmla="*/ 6732 w 10023"/>
                      <a:gd name="connsiteY9" fmla="*/ 0 h 10000"/>
                      <a:gd name="connsiteX10" fmla="*/ 10023 w 10023"/>
                      <a:gd name="connsiteY10" fmla="*/ 10000 h 10000"/>
                      <a:gd name="connsiteX11" fmla="*/ 37 w 10023"/>
                      <a:gd name="connsiteY11" fmla="*/ 9839 h 10000"/>
                      <a:gd name="connsiteX12" fmla="*/ 3257 w 10023"/>
                      <a:gd name="connsiteY12" fmla="*/ 0 h 10000"/>
                      <a:gd name="connsiteX0" fmla="*/ 3257 w 10023"/>
                      <a:gd name="connsiteY0" fmla="*/ 0 h 10000"/>
                      <a:gd name="connsiteX1" fmla="*/ 3337 w 10023"/>
                      <a:gd name="connsiteY1" fmla="*/ 3361 h 10000"/>
                      <a:gd name="connsiteX2" fmla="*/ 4563 w 10023"/>
                      <a:gd name="connsiteY2" fmla="*/ 1110 h 10000"/>
                      <a:gd name="connsiteX3" fmla="*/ 4299 w 10023"/>
                      <a:gd name="connsiteY3" fmla="*/ 4273 h 10000"/>
                      <a:gd name="connsiteX4" fmla="*/ 4346 w 10023"/>
                      <a:gd name="connsiteY4" fmla="*/ 9688 h 10000"/>
                      <a:gd name="connsiteX5" fmla="*/ 5523 w 10023"/>
                      <a:gd name="connsiteY5" fmla="*/ 9741 h 10000"/>
                      <a:gd name="connsiteX6" fmla="*/ 5500 w 10023"/>
                      <a:gd name="connsiteY6" fmla="*/ 3844 h 10000"/>
                      <a:gd name="connsiteX7" fmla="*/ 5523 w 10023"/>
                      <a:gd name="connsiteY7" fmla="*/ 1003 h 10000"/>
                      <a:gd name="connsiteX8" fmla="*/ 6653 w 10023"/>
                      <a:gd name="connsiteY8" fmla="*/ 3468 h 10000"/>
                      <a:gd name="connsiteX9" fmla="*/ 6732 w 10023"/>
                      <a:gd name="connsiteY9" fmla="*/ 0 h 10000"/>
                      <a:gd name="connsiteX10" fmla="*/ 10023 w 10023"/>
                      <a:gd name="connsiteY10" fmla="*/ 10000 h 10000"/>
                      <a:gd name="connsiteX11" fmla="*/ 37 w 10023"/>
                      <a:gd name="connsiteY11" fmla="*/ 9839 h 10000"/>
                      <a:gd name="connsiteX12" fmla="*/ 3257 w 10023"/>
                      <a:gd name="connsiteY12" fmla="*/ 0 h 10000"/>
                      <a:gd name="connsiteX0" fmla="*/ 3257 w 10023"/>
                      <a:gd name="connsiteY0" fmla="*/ 0 h 10000"/>
                      <a:gd name="connsiteX1" fmla="*/ 3337 w 10023"/>
                      <a:gd name="connsiteY1" fmla="*/ 3361 h 10000"/>
                      <a:gd name="connsiteX2" fmla="*/ 4563 w 10023"/>
                      <a:gd name="connsiteY2" fmla="*/ 1110 h 10000"/>
                      <a:gd name="connsiteX3" fmla="*/ 4299 w 10023"/>
                      <a:gd name="connsiteY3" fmla="*/ 4273 h 10000"/>
                      <a:gd name="connsiteX4" fmla="*/ 4346 w 10023"/>
                      <a:gd name="connsiteY4" fmla="*/ 9688 h 10000"/>
                      <a:gd name="connsiteX5" fmla="*/ 5523 w 10023"/>
                      <a:gd name="connsiteY5" fmla="*/ 9741 h 10000"/>
                      <a:gd name="connsiteX6" fmla="*/ 5500 w 10023"/>
                      <a:gd name="connsiteY6" fmla="*/ 3844 h 10000"/>
                      <a:gd name="connsiteX7" fmla="*/ 5523 w 10023"/>
                      <a:gd name="connsiteY7" fmla="*/ 1003 h 10000"/>
                      <a:gd name="connsiteX8" fmla="*/ 6653 w 10023"/>
                      <a:gd name="connsiteY8" fmla="*/ 3468 h 10000"/>
                      <a:gd name="connsiteX9" fmla="*/ 6732 w 10023"/>
                      <a:gd name="connsiteY9" fmla="*/ 0 h 10000"/>
                      <a:gd name="connsiteX10" fmla="*/ 10023 w 10023"/>
                      <a:gd name="connsiteY10" fmla="*/ 10000 h 10000"/>
                      <a:gd name="connsiteX11" fmla="*/ 37 w 10023"/>
                      <a:gd name="connsiteY11" fmla="*/ 9839 h 10000"/>
                      <a:gd name="connsiteX12" fmla="*/ 3257 w 10023"/>
                      <a:gd name="connsiteY12" fmla="*/ 0 h 10000"/>
                      <a:gd name="connsiteX0" fmla="*/ 3257 w 10023"/>
                      <a:gd name="connsiteY0" fmla="*/ 268 h 10268"/>
                      <a:gd name="connsiteX1" fmla="*/ 3337 w 10023"/>
                      <a:gd name="connsiteY1" fmla="*/ 3629 h 10268"/>
                      <a:gd name="connsiteX2" fmla="*/ 4563 w 10023"/>
                      <a:gd name="connsiteY2" fmla="*/ 1378 h 10268"/>
                      <a:gd name="connsiteX3" fmla="*/ 4299 w 10023"/>
                      <a:gd name="connsiteY3" fmla="*/ 4541 h 10268"/>
                      <a:gd name="connsiteX4" fmla="*/ 4346 w 10023"/>
                      <a:gd name="connsiteY4" fmla="*/ 9956 h 10268"/>
                      <a:gd name="connsiteX5" fmla="*/ 5523 w 10023"/>
                      <a:gd name="connsiteY5" fmla="*/ 10009 h 10268"/>
                      <a:gd name="connsiteX6" fmla="*/ 5500 w 10023"/>
                      <a:gd name="connsiteY6" fmla="*/ 4112 h 10268"/>
                      <a:gd name="connsiteX7" fmla="*/ 5523 w 10023"/>
                      <a:gd name="connsiteY7" fmla="*/ 1271 h 10268"/>
                      <a:gd name="connsiteX8" fmla="*/ 6653 w 10023"/>
                      <a:gd name="connsiteY8" fmla="*/ 3736 h 10268"/>
                      <a:gd name="connsiteX9" fmla="*/ 6540 w 10023"/>
                      <a:gd name="connsiteY9" fmla="*/ 0 h 10268"/>
                      <a:gd name="connsiteX10" fmla="*/ 10023 w 10023"/>
                      <a:gd name="connsiteY10" fmla="*/ 10268 h 10268"/>
                      <a:gd name="connsiteX11" fmla="*/ 37 w 10023"/>
                      <a:gd name="connsiteY11" fmla="*/ 10107 h 10268"/>
                      <a:gd name="connsiteX12" fmla="*/ 3257 w 10023"/>
                      <a:gd name="connsiteY12" fmla="*/ 268 h 10268"/>
                      <a:gd name="connsiteX0" fmla="*/ 3257 w 10023"/>
                      <a:gd name="connsiteY0" fmla="*/ 268 h 10268"/>
                      <a:gd name="connsiteX1" fmla="*/ 3337 w 10023"/>
                      <a:gd name="connsiteY1" fmla="*/ 3629 h 10268"/>
                      <a:gd name="connsiteX2" fmla="*/ 4563 w 10023"/>
                      <a:gd name="connsiteY2" fmla="*/ 1378 h 10268"/>
                      <a:gd name="connsiteX3" fmla="*/ 4299 w 10023"/>
                      <a:gd name="connsiteY3" fmla="*/ 4541 h 10268"/>
                      <a:gd name="connsiteX4" fmla="*/ 4346 w 10023"/>
                      <a:gd name="connsiteY4" fmla="*/ 9956 h 10268"/>
                      <a:gd name="connsiteX5" fmla="*/ 5523 w 10023"/>
                      <a:gd name="connsiteY5" fmla="*/ 10009 h 10268"/>
                      <a:gd name="connsiteX6" fmla="*/ 5500 w 10023"/>
                      <a:gd name="connsiteY6" fmla="*/ 4112 h 10268"/>
                      <a:gd name="connsiteX7" fmla="*/ 5523 w 10023"/>
                      <a:gd name="connsiteY7" fmla="*/ 1271 h 10268"/>
                      <a:gd name="connsiteX8" fmla="*/ 6653 w 10023"/>
                      <a:gd name="connsiteY8" fmla="*/ 3736 h 10268"/>
                      <a:gd name="connsiteX9" fmla="*/ 6540 w 10023"/>
                      <a:gd name="connsiteY9" fmla="*/ 0 h 10268"/>
                      <a:gd name="connsiteX10" fmla="*/ 10023 w 10023"/>
                      <a:gd name="connsiteY10" fmla="*/ 10268 h 10268"/>
                      <a:gd name="connsiteX11" fmla="*/ 37 w 10023"/>
                      <a:gd name="connsiteY11" fmla="*/ 10107 h 10268"/>
                      <a:gd name="connsiteX12" fmla="*/ 3257 w 10023"/>
                      <a:gd name="connsiteY12" fmla="*/ 268 h 10268"/>
                      <a:gd name="connsiteX0" fmla="*/ 3257 w 10023"/>
                      <a:gd name="connsiteY0" fmla="*/ 268 h 10268"/>
                      <a:gd name="connsiteX1" fmla="*/ 3337 w 10023"/>
                      <a:gd name="connsiteY1" fmla="*/ 3629 h 10268"/>
                      <a:gd name="connsiteX2" fmla="*/ 4563 w 10023"/>
                      <a:gd name="connsiteY2" fmla="*/ 1378 h 10268"/>
                      <a:gd name="connsiteX3" fmla="*/ 4299 w 10023"/>
                      <a:gd name="connsiteY3" fmla="*/ 4541 h 10268"/>
                      <a:gd name="connsiteX4" fmla="*/ 4346 w 10023"/>
                      <a:gd name="connsiteY4" fmla="*/ 9956 h 10268"/>
                      <a:gd name="connsiteX5" fmla="*/ 5523 w 10023"/>
                      <a:gd name="connsiteY5" fmla="*/ 10009 h 10268"/>
                      <a:gd name="connsiteX6" fmla="*/ 5500 w 10023"/>
                      <a:gd name="connsiteY6" fmla="*/ 4112 h 10268"/>
                      <a:gd name="connsiteX7" fmla="*/ 5523 w 10023"/>
                      <a:gd name="connsiteY7" fmla="*/ 1271 h 10268"/>
                      <a:gd name="connsiteX8" fmla="*/ 6653 w 10023"/>
                      <a:gd name="connsiteY8" fmla="*/ 3736 h 10268"/>
                      <a:gd name="connsiteX9" fmla="*/ 6540 w 10023"/>
                      <a:gd name="connsiteY9" fmla="*/ 0 h 10268"/>
                      <a:gd name="connsiteX10" fmla="*/ 10023 w 10023"/>
                      <a:gd name="connsiteY10" fmla="*/ 10268 h 10268"/>
                      <a:gd name="connsiteX11" fmla="*/ 37 w 10023"/>
                      <a:gd name="connsiteY11" fmla="*/ 10107 h 10268"/>
                      <a:gd name="connsiteX12" fmla="*/ 3257 w 10023"/>
                      <a:gd name="connsiteY12" fmla="*/ 268 h 10268"/>
                      <a:gd name="connsiteX0" fmla="*/ 3257 w 10023"/>
                      <a:gd name="connsiteY0" fmla="*/ 268 h 10268"/>
                      <a:gd name="connsiteX1" fmla="*/ 3337 w 10023"/>
                      <a:gd name="connsiteY1" fmla="*/ 3629 h 10268"/>
                      <a:gd name="connsiteX2" fmla="*/ 4563 w 10023"/>
                      <a:gd name="connsiteY2" fmla="*/ 1378 h 10268"/>
                      <a:gd name="connsiteX3" fmla="*/ 4299 w 10023"/>
                      <a:gd name="connsiteY3" fmla="*/ 4541 h 10268"/>
                      <a:gd name="connsiteX4" fmla="*/ 4346 w 10023"/>
                      <a:gd name="connsiteY4" fmla="*/ 9956 h 10268"/>
                      <a:gd name="connsiteX5" fmla="*/ 5523 w 10023"/>
                      <a:gd name="connsiteY5" fmla="*/ 10009 h 10268"/>
                      <a:gd name="connsiteX6" fmla="*/ 5500 w 10023"/>
                      <a:gd name="connsiteY6" fmla="*/ 4112 h 10268"/>
                      <a:gd name="connsiteX7" fmla="*/ 5523 w 10023"/>
                      <a:gd name="connsiteY7" fmla="*/ 1271 h 10268"/>
                      <a:gd name="connsiteX8" fmla="*/ 6653 w 10023"/>
                      <a:gd name="connsiteY8" fmla="*/ 3736 h 10268"/>
                      <a:gd name="connsiteX9" fmla="*/ 6540 w 10023"/>
                      <a:gd name="connsiteY9" fmla="*/ 0 h 10268"/>
                      <a:gd name="connsiteX10" fmla="*/ 10023 w 10023"/>
                      <a:gd name="connsiteY10" fmla="*/ 10268 h 10268"/>
                      <a:gd name="connsiteX11" fmla="*/ 37 w 10023"/>
                      <a:gd name="connsiteY11" fmla="*/ 10107 h 10268"/>
                      <a:gd name="connsiteX12" fmla="*/ 3257 w 10023"/>
                      <a:gd name="connsiteY12" fmla="*/ 268 h 10268"/>
                      <a:gd name="connsiteX0" fmla="*/ 3257 w 10023"/>
                      <a:gd name="connsiteY0" fmla="*/ 0 h 10000"/>
                      <a:gd name="connsiteX1" fmla="*/ 3337 w 10023"/>
                      <a:gd name="connsiteY1" fmla="*/ 3361 h 10000"/>
                      <a:gd name="connsiteX2" fmla="*/ 4563 w 10023"/>
                      <a:gd name="connsiteY2" fmla="*/ 1110 h 10000"/>
                      <a:gd name="connsiteX3" fmla="*/ 4299 w 10023"/>
                      <a:gd name="connsiteY3" fmla="*/ 4273 h 10000"/>
                      <a:gd name="connsiteX4" fmla="*/ 4346 w 10023"/>
                      <a:gd name="connsiteY4" fmla="*/ 9688 h 10000"/>
                      <a:gd name="connsiteX5" fmla="*/ 5523 w 10023"/>
                      <a:gd name="connsiteY5" fmla="*/ 9741 h 10000"/>
                      <a:gd name="connsiteX6" fmla="*/ 5500 w 10023"/>
                      <a:gd name="connsiteY6" fmla="*/ 3844 h 10000"/>
                      <a:gd name="connsiteX7" fmla="*/ 5523 w 10023"/>
                      <a:gd name="connsiteY7" fmla="*/ 1003 h 10000"/>
                      <a:gd name="connsiteX8" fmla="*/ 6653 w 10023"/>
                      <a:gd name="connsiteY8" fmla="*/ 3468 h 10000"/>
                      <a:gd name="connsiteX9" fmla="*/ 6225 w 10023"/>
                      <a:gd name="connsiteY9" fmla="*/ 83 h 10000"/>
                      <a:gd name="connsiteX10" fmla="*/ 10023 w 10023"/>
                      <a:gd name="connsiteY10" fmla="*/ 10000 h 10000"/>
                      <a:gd name="connsiteX11" fmla="*/ 37 w 10023"/>
                      <a:gd name="connsiteY11" fmla="*/ 9839 h 10000"/>
                      <a:gd name="connsiteX12" fmla="*/ 3257 w 10023"/>
                      <a:gd name="connsiteY12" fmla="*/ 0 h 10000"/>
                      <a:gd name="connsiteX0" fmla="*/ 3257 w 10023"/>
                      <a:gd name="connsiteY0" fmla="*/ 0 h 10000"/>
                      <a:gd name="connsiteX1" fmla="*/ 3337 w 10023"/>
                      <a:gd name="connsiteY1" fmla="*/ 3361 h 10000"/>
                      <a:gd name="connsiteX2" fmla="*/ 4563 w 10023"/>
                      <a:gd name="connsiteY2" fmla="*/ 1110 h 10000"/>
                      <a:gd name="connsiteX3" fmla="*/ 4299 w 10023"/>
                      <a:gd name="connsiteY3" fmla="*/ 4273 h 10000"/>
                      <a:gd name="connsiteX4" fmla="*/ 4346 w 10023"/>
                      <a:gd name="connsiteY4" fmla="*/ 9688 h 10000"/>
                      <a:gd name="connsiteX5" fmla="*/ 5523 w 10023"/>
                      <a:gd name="connsiteY5" fmla="*/ 9741 h 10000"/>
                      <a:gd name="connsiteX6" fmla="*/ 5500 w 10023"/>
                      <a:gd name="connsiteY6" fmla="*/ 3844 h 10000"/>
                      <a:gd name="connsiteX7" fmla="*/ 5523 w 10023"/>
                      <a:gd name="connsiteY7" fmla="*/ 1003 h 10000"/>
                      <a:gd name="connsiteX8" fmla="*/ 6653 w 10023"/>
                      <a:gd name="connsiteY8" fmla="*/ 3468 h 10000"/>
                      <a:gd name="connsiteX9" fmla="*/ 6225 w 10023"/>
                      <a:gd name="connsiteY9" fmla="*/ 83 h 10000"/>
                      <a:gd name="connsiteX10" fmla="*/ 10023 w 10023"/>
                      <a:gd name="connsiteY10" fmla="*/ 10000 h 10000"/>
                      <a:gd name="connsiteX11" fmla="*/ 37 w 10023"/>
                      <a:gd name="connsiteY11" fmla="*/ 9839 h 10000"/>
                      <a:gd name="connsiteX12" fmla="*/ 3257 w 10023"/>
                      <a:gd name="connsiteY12" fmla="*/ 0 h 10000"/>
                      <a:gd name="connsiteX0" fmla="*/ 3257 w 10023"/>
                      <a:gd name="connsiteY0" fmla="*/ 0 h 9839"/>
                      <a:gd name="connsiteX1" fmla="*/ 3337 w 10023"/>
                      <a:gd name="connsiteY1" fmla="*/ 3361 h 9839"/>
                      <a:gd name="connsiteX2" fmla="*/ 4563 w 10023"/>
                      <a:gd name="connsiteY2" fmla="*/ 1110 h 9839"/>
                      <a:gd name="connsiteX3" fmla="*/ 4299 w 10023"/>
                      <a:gd name="connsiteY3" fmla="*/ 4273 h 9839"/>
                      <a:gd name="connsiteX4" fmla="*/ 4346 w 10023"/>
                      <a:gd name="connsiteY4" fmla="*/ 9688 h 9839"/>
                      <a:gd name="connsiteX5" fmla="*/ 5523 w 10023"/>
                      <a:gd name="connsiteY5" fmla="*/ 9741 h 9839"/>
                      <a:gd name="connsiteX6" fmla="*/ 5500 w 10023"/>
                      <a:gd name="connsiteY6" fmla="*/ 3844 h 9839"/>
                      <a:gd name="connsiteX7" fmla="*/ 5523 w 10023"/>
                      <a:gd name="connsiteY7" fmla="*/ 1003 h 9839"/>
                      <a:gd name="connsiteX8" fmla="*/ 6653 w 10023"/>
                      <a:gd name="connsiteY8" fmla="*/ 3468 h 9839"/>
                      <a:gd name="connsiteX9" fmla="*/ 6225 w 10023"/>
                      <a:gd name="connsiteY9" fmla="*/ 83 h 9839"/>
                      <a:gd name="connsiteX10" fmla="*/ 10023 w 10023"/>
                      <a:gd name="connsiteY10" fmla="*/ 9570 h 9839"/>
                      <a:gd name="connsiteX11" fmla="*/ 37 w 10023"/>
                      <a:gd name="connsiteY11" fmla="*/ 9839 h 9839"/>
                      <a:gd name="connsiteX12" fmla="*/ 3257 w 10023"/>
                      <a:gd name="connsiteY12" fmla="*/ 0 h 9839"/>
                      <a:gd name="connsiteX0" fmla="*/ 3250 w 10000"/>
                      <a:gd name="connsiteY0" fmla="*/ 0 h 10000"/>
                      <a:gd name="connsiteX1" fmla="*/ 3329 w 10000"/>
                      <a:gd name="connsiteY1" fmla="*/ 3416 h 10000"/>
                      <a:gd name="connsiteX2" fmla="*/ 4553 w 10000"/>
                      <a:gd name="connsiteY2" fmla="*/ 1128 h 10000"/>
                      <a:gd name="connsiteX3" fmla="*/ 4289 w 10000"/>
                      <a:gd name="connsiteY3" fmla="*/ 4343 h 10000"/>
                      <a:gd name="connsiteX4" fmla="*/ 4336 w 10000"/>
                      <a:gd name="connsiteY4" fmla="*/ 9847 h 10000"/>
                      <a:gd name="connsiteX5" fmla="*/ 5510 w 10000"/>
                      <a:gd name="connsiteY5" fmla="*/ 9900 h 10000"/>
                      <a:gd name="connsiteX6" fmla="*/ 5487 w 10000"/>
                      <a:gd name="connsiteY6" fmla="*/ 3907 h 10000"/>
                      <a:gd name="connsiteX7" fmla="*/ 5510 w 10000"/>
                      <a:gd name="connsiteY7" fmla="*/ 1019 h 10000"/>
                      <a:gd name="connsiteX8" fmla="*/ 6638 w 10000"/>
                      <a:gd name="connsiteY8" fmla="*/ 3525 h 10000"/>
                      <a:gd name="connsiteX9" fmla="*/ 6211 w 10000"/>
                      <a:gd name="connsiteY9" fmla="*/ 84 h 10000"/>
                      <a:gd name="connsiteX10" fmla="*/ 10000 w 10000"/>
                      <a:gd name="connsiteY10" fmla="*/ 9727 h 10000"/>
                      <a:gd name="connsiteX11" fmla="*/ 37 w 10000"/>
                      <a:gd name="connsiteY11" fmla="*/ 10000 h 10000"/>
                      <a:gd name="connsiteX12" fmla="*/ 3250 w 10000"/>
                      <a:gd name="connsiteY12" fmla="*/ 0 h 10000"/>
                      <a:gd name="connsiteX0" fmla="*/ 3250 w 10000"/>
                      <a:gd name="connsiteY0" fmla="*/ 0 h 10000"/>
                      <a:gd name="connsiteX1" fmla="*/ 3329 w 10000"/>
                      <a:gd name="connsiteY1" fmla="*/ 3416 h 10000"/>
                      <a:gd name="connsiteX2" fmla="*/ 4553 w 10000"/>
                      <a:gd name="connsiteY2" fmla="*/ 1128 h 10000"/>
                      <a:gd name="connsiteX3" fmla="*/ 4289 w 10000"/>
                      <a:gd name="connsiteY3" fmla="*/ 4343 h 10000"/>
                      <a:gd name="connsiteX4" fmla="*/ 4336 w 10000"/>
                      <a:gd name="connsiteY4" fmla="*/ 9847 h 10000"/>
                      <a:gd name="connsiteX5" fmla="*/ 5510 w 10000"/>
                      <a:gd name="connsiteY5" fmla="*/ 9900 h 10000"/>
                      <a:gd name="connsiteX6" fmla="*/ 5487 w 10000"/>
                      <a:gd name="connsiteY6" fmla="*/ 3907 h 10000"/>
                      <a:gd name="connsiteX7" fmla="*/ 5510 w 10000"/>
                      <a:gd name="connsiteY7" fmla="*/ 1019 h 10000"/>
                      <a:gd name="connsiteX8" fmla="*/ 6638 w 10000"/>
                      <a:gd name="connsiteY8" fmla="*/ 3525 h 10000"/>
                      <a:gd name="connsiteX9" fmla="*/ 6211 w 10000"/>
                      <a:gd name="connsiteY9" fmla="*/ 84 h 10000"/>
                      <a:gd name="connsiteX10" fmla="*/ 10000 w 10000"/>
                      <a:gd name="connsiteY10" fmla="*/ 9727 h 10000"/>
                      <a:gd name="connsiteX11" fmla="*/ 37 w 10000"/>
                      <a:gd name="connsiteY11" fmla="*/ 10000 h 10000"/>
                      <a:gd name="connsiteX12" fmla="*/ 3250 w 10000"/>
                      <a:gd name="connsiteY12" fmla="*/ 0 h 10000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  <a:cxn ang="0">
                        <a:pos x="connsiteX9" y="connsiteY9"/>
                      </a:cxn>
                      <a:cxn ang="0">
                        <a:pos x="connsiteX10" y="connsiteY10"/>
                      </a:cxn>
                      <a:cxn ang="0">
                        <a:pos x="connsiteX11" y="connsiteY11"/>
                      </a:cxn>
                      <a:cxn ang="0">
                        <a:pos x="connsiteX12" y="connsiteY12"/>
                      </a:cxn>
                    </a:cxnLst>
                    <a:rect l="l" t="t" r="r" b="b"/>
                    <a:pathLst>
                      <a:path w="10000" h="10000">
                        <a:moveTo>
                          <a:pt x="3250" y="0"/>
                        </a:moveTo>
                        <a:cubicBezTo>
                          <a:pt x="3275" y="3265"/>
                          <a:pt x="3302" y="2277"/>
                          <a:pt x="3329" y="3416"/>
                        </a:cubicBezTo>
                        <a:lnTo>
                          <a:pt x="4553" y="1128"/>
                        </a:lnTo>
                        <a:cubicBezTo>
                          <a:pt x="5385" y="2078"/>
                          <a:pt x="4326" y="2890"/>
                          <a:pt x="4289" y="4343"/>
                        </a:cubicBezTo>
                        <a:cubicBezTo>
                          <a:pt x="4305" y="6177"/>
                          <a:pt x="4320" y="8012"/>
                          <a:pt x="4336" y="9847"/>
                        </a:cubicBezTo>
                        <a:lnTo>
                          <a:pt x="5510" y="9900"/>
                        </a:lnTo>
                        <a:cubicBezTo>
                          <a:pt x="5503" y="7902"/>
                          <a:pt x="5494" y="5905"/>
                          <a:pt x="5487" y="3907"/>
                        </a:cubicBezTo>
                        <a:cubicBezTo>
                          <a:pt x="4679" y="2072"/>
                          <a:pt x="5216" y="1602"/>
                          <a:pt x="5510" y="1019"/>
                        </a:cubicBezTo>
                        <a:lnTo>
                          <a:pt x="6638" y="3525"/>
                        </a:lnTo>
                        <a:cubicBezTo>
                          <a:pt x="6664" y="2351"/>
                          <a:pt x="6184" y="1259"/>
                          <a:pt x="6211" y="84"/>
                        </a:cubicBezTo>
                        <a:cubicBezTo>
                          <a:pt x="8002" y="331"/>
                          <a:pt x="9588" y="-178"/>
                          <a:pt x="10000" y="9727"/>
                        </a:cubicBezTo>
                        <a:lnTo>
                          <a:pt x="37" y="10000"/>
                        </a:lnTo>
                        <a:cubicBezTo>
                          <a:pt x="-347" y="-981"/>
                          <a:pt x="2364" y="1609"/>
                          <a:pt x="3250" y="0"/>
                        </a:cubicBezTo>
                        <a:close/>
                      </a:path>
                    </a:pathLst>
                  </a:custGeom>
                  <a:solidFill>
                    <a:srgbClr val="FFFFFF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</p:spPr>
                <p:txBody>
                  <a:bodyPr rtlCol="0" anchor="ctr"/>
                  <a:lstStyle/>
                  <a:p>
                    <a:pPr marL="0" marR="0" lvl="0" indent="0" algn="ctr" defTabSz="91440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800" b="0" i="0" u="none" strike="noStrike" kern="0" cap="none" spc="0" normalizeH="0" baseline="0" noProof="0" dirty="0" smtClean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Futura Bk BT" panose="020B0502020204020303" pitchFamily="34" charset="0"/>
                      <a:ea typeface="+mn-ea"/>
                    </a:endParaRPr>
                  </a:p>
                </p:txBody>
              </p:sp>
            </p:grpSp>
          </p:grpSp>
          <p:grpSp>
            <p:nvGrpSpPr>
              <p:cNvPr id="257" name="Group 6"/>
              <p:cNvGrpSpPr/>
              <p:nvPr/>
            </p:nvGrpSpPr>
            <p:grpSpPr>
              <a:xfrm>
                <a:off x="2485531" y="2127410"/>
                <a:ext cx="4188386" cy="3662108"/>
                <a:chOff x="2485531" y="2127410"/>
                <a:chExt cx="4188386" cy="3662108"/>
              </a:xfrm>
            </p:grpSpPr>
            <p:sp>
              <p:nvSpPr>
                <p:cNvPr id="258" name="TextBox 23"/>
                <p:cNvSpPr txBox="1"/>
                <p:nvPr/>
              </p:nvSpPr>
              <p:spPr>
                <a:xfrm rot="19710340">
                  <a:off x="3549595" y="2967730"/>
                  <a:ext cx="1039161" cy="297383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tr-TR" sz="1400" b="1" i="0" u="none" strike="noStrike" kern="0" cap="none" spc="0" normalizeH="0" baseline="0" noProof="0" dirty="0" smtClean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Futura Bk BT" panose="020B0502020204020303" pitchFamily="34" charset="0"/>
                      <a:ea typeface="+mn-ea"/>
                      <a:cs typeface="Aharoni" panose="02010803020104030203" pitchFamily="2" charset="-79"/>
                    </a:rPr>
                    <a:t>Ön-</a:t>
                  </a:r>
                  <a:r>
                    <a:rPr kumimoji="0" lang="tr-TR" sz="1400" b="1" i="0" u="none" strike="noStrike" kern="0" cap="none" spc="0" normalizeH="0" baseline="0" noProof="0" dirty="0" err="1" smtClean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Futura Bk BT" panose="020B0502020204020303" pitchFamily="34" charset="0"/>
                      <a:ea typeface="+mn-ea"/>
                      <a:cs typeface="Aharoni" panose="02010803020104030203" pitchFamily="2" charset="-79"/>
                    </a:rPr>
                    <a:t>değerl</a:t>
                  </a:r>
                  <a:r>
                    <a:rPr kumimoji="0" lang="tr-TR" sz="1400" b="1" i="0" u="none" strike="noStrike" kern="0" cap="none" spc="0" normalizeH="0" baseline="0" noProof="0" dirty="0" smtClean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Futura Bk BT" panose="020B0502020204020303" pitchFamily="34" charset="0"/>
                      <a:ea typeface="+mn-ea"/>
                      <a:cs typeface="Aharoni" panose="02010803020104030203" pitchFamily="2" charset="-79"/>
                    </a:rPr>
                    <a:t>.</a:t>
                  </a:r>
                  <a:endParaRPr kumimoji="0" lang="en-US" sz="1400" b="1" i="0" u="none" strike="noStrike" kern="0" cap="none" spc="0" normalizeH="0" baseline="0" noProof="0" dirty="0" smtClean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  <a:cs typeface="Aharoni" panose="02010803020104030203" pitchFamily="2" charset="-79"/>
                  </a:endParaRPr>
                </a:p>
              </p:txBody>
            </p:sp>
            <p:sp>
              <p:nvSpPr>
                <p:cNvPr id="259" name="TextBox 22"/>
                <p:cNvSpPr txBox="1"/>
                <p:nvPr/>
              </p:nvSpPr>
              <p:spPr>
                <a:xfrm rot="19801321">
                  <a:off x="5414675" y="2547916"/>
                  <a:ext cx="1259242" cy="297383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tr-TR" sz="1400" b="1" i="0" u="none" strike="noStrike" kern="0" cap="none" spc="0" normalizeH="0" baseline="0" noProof="0" dirty="0" err="1" smtClean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Futura Bk BT" panose="020B0502020204020303" pitchFamily="34" charset="0"/>
                      <a:ea typeface="+mn-ea"/>
                      <a:cs typeface="Aharoni" panose="02010803020104030203" pitchFamily="2" charset="-79"/>
                    </a:rPr>
                    <a:t>Organiz</a:t>
                  </a:r>
                  <a:r>
                    <a:rPr kumimoji="0" lang="tr-TR" sz="1400" b="1" i="0" u="none" strike="noStrike" kern="0" cap="none" spc="0" normalizeH="0" baseline="0" noProof="0" dirty="0" smtClean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Futura Bk BT" panose="020B0502020204020303" pitchFamily="34" charset="0"/>
                      <a:ea typeface="+mn-ea"/>
                      <a:cs typeface="Aharoni" panose="02010803020104030203" pitchFamily="2" charset="-79"/>
                    </a:rPr>
                    <a:t>.</a:t>
                  </a:r>
                  <a:endParaRPr kumimoji="0" lang="en-US" sz="1400" b="1" i="0" u="none" strike="noStrike" kern="0" cap="none" spc="0" normalizeH="0" baseline="0" noProof="0" dirty="0" smtClean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  <a:cs typeface="Aharoni" panose="02010803020104030203" pitchFamily="2" charset="-79"/>
                  </a:endParaRPr>
                </a:p>
              </p:txBody>
            </p:sp>
            <p:sp>
              <p:nvSpPr>
                <p:cNvPr id="260" name="TextBox 24"/>
                <p:cNvSpPr txBox="1"/>
                <p:nvPr/>
              </p:nvSpPr>
              <p:spPr>
                <a:xfrm rot="19900888">
                  <a:off x="2485531" y="3502033"/>
                  <a:ext cx="1039161" cy="297383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lang="tr-TR" sz="1400" b="1" kern="0" dirty="0" smtClean="0">
                      <a:solidFill>
                        <a:srgbClr val="000000"/>
                      </a:solidFill>
                      <a:latin typeface="Futura Bk BT" panose="020B0502020204020303" pitchFamily="34" charset="0"/>
                      <a:ea typeface="+mn-ea"/>
                      <a:cs typeface="Aharoni" panose="02010803020104030203" pitchFamily="2" charset="-79"/>
                    </a:rPr>
                    <a:t>Seyahat</a:t>
                  </a:r>
                  <a:endParaRPr kumimoji="0" lang="en-US" sz="1400" b="1" i="0" u="none" strike="noStrike" kern="0" cap="none" spc="0" normalizeH="0" baseline="0" noProof="0" dirty="0" smtClean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  <a:cs typeface="Aharoni" panose="02010803020104030203" pitchFamily="2" charset="-79"/>
                  </a:endParaRPr>
                </a:p>
              </p:txBody>
            </p:sp>
            <p:sp>
              <p:nvSpPr>
                <p:cNvPr id="261" name="TextBox 26"/>
                <p:cNvSpPr txBox="1"/>
                <p:nvPr/>
              </p:nvSpPr>
              <p:spPr>
                <a:xfrm rot="19945791">
                  <a:off x="3367543" y="5462397"/>
                  <a:ext cx="814530" cy="327121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tr-TR" sz="1600" b="1" i="0" u="none" strike="noStrike" kern="0" cap="none" spc="0" normalizeH="0" baseline="0" noProof="0" dirty="0" smtClean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Futura Bk BT" panose="020B0502020204020303" pitchFamily="34" charset="0"/>
                      <a:ea typeface="+mn-ea"/>
                      <a:cs typeface="Aharoni" panose="02010803020104030203" pitchFamily="2" charset="-79"/>
                    </a:rPr>
                    <a:t>Liderlik</a:t>
                  </a:r>
                  <a:endParaRPr kumimoji="0" lang="en-US" sz="1600" b="1" i="0" u="none" strike="noStrike" kern="0" cap="none" spc="0" normalizeH="0" baseline="0" noProof="0" dirty="0" smtClean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  <a:cs typeface="Aharoni" panose="02010803020104030203" pitchFamily="2" charset="-79"/>
                  </a:endParaRPr>
                </a:p>
              </p:txBody>
            </p:sp>
            <p:sp>
              <p:nvSpPr>
                <p:cNvPr id="262" name="TextBox 58"/>
                <p:cNvSpPr txBox="1"/>
                <p:nvPr/>
              </p:nvSpPr>
              <p:spPr>
                <a:xfrm rot="19784337">
                  <a:off x="4228995" y="2127410"/>
                  <a:ext cx="1097111" cy="297383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tr-TR" sz="1400" b="1" i="0" u="none" strike="noStrike" kern="0" cap="none" spc="0" normalizeH="0" baseline="0" noProof="0" dirty="0" smtClean="0">
                      <a:ln>
                        <a:noFill/>
                      </a:ln>
                      <a:solidFill>
                        <a:srgbClr val="000000"/>
                      </a:solidFill>
                      <a:effectLst/>
                      <a:uLnTx/>
                      <a:uFillTx/>
                      <a:latin typeface="Futura Bk BT" panose="020B0502020204020303" pitchFamily="34" charset="0"/>
                      <a:ea typeface="+mn-ea"/>
                      <a:cs typeface="Aharoni" panose="02010803020104030203" pitchFamily="2" charset="-79"/>
                    </a:rPr>
                    <a:t>Yazdırma</a:t>
                  </a:r>
                  <a:endParaRPr kumimoji="0" lang="en-US" sz="1400" b="1" i="0" u="none" strike="noStrike" kern="0" cap="none" spc="0" normalizeH="0" baseline="0" noProof="0" dirty="0" smtClean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  <a:cs typeface="Aharoni" panose="02010803020104030203" pitchFamily="2" charset="-79"/>
                  </a:endParaRPr>
                </a:p>
              </p:txBody>
            </p:sp>
          </p:grpSp>
        </p:grpSp>
        <p:grpSp>
          <p:nvGrpSpPr>
            <p:cNvPr id="245" name="Group 1"/>
            <p:cNvGrpSpPr/>
            <p:nvPr/>
          </p:nvGrpSpPr>
          <p:grpSpPr>
            <a:xfrm>
              <a:off x="942140" y="4933719"/>
              <a:ext cx="3316153" cy="1897275"/>
              <a:chOff x="942140" y="4933719"/>
              <a:chExt cx="3316153" cy="1897275"/>
            </a:xfrm>
          </p:grpSpPr>
          <p:grpSp>
            <p:nvGrpSpPr>
              <p:cNvPr id="246" name="Group 204"/>
              <p:cNvGrpSpPr/>
              <p:nvPr/>
            </p:nvGrpSpPr>
            <p:grpSpPr>
              <a:xfrm>
                <a:off x="942140" y="5005422"/>
                <a:ext cx="2828229" cy="1825572"/>
                <a:chOff x="458046" y="5128367"/>
                <a:chExt cx="2828229" cy="1825572"/>
              </a:xfrm>
            </p:grpSpPr>
            <p:sp>
              <p:nvSpPr>
                <p:cNvPr id="252" name="Rectangle 8"/>
                <p:cNvSpPr/>
                <p:nvPr/>
              </p:nvSpPr>
              <p:spPr>
                <a:xfrm rot="18977302" flipH="1">
                  <a:off x="2546578" y="5128367"/>
                  <a:ext cx="739697" cy="791397"/>
                </a:xfrm>
                <a:custGeom>
                  <a:avLst/>
                  <a:gdLst>
                    <a:gd name="connsiteX0" fmla="*/ 0 w 2286000"/>
                    <a:gd name="connsiteY0" fmla="*/ 0 h 2438400"/>
                    <a:gd name="connsiteX1" fmla="*/ 2286000 w 2286000"/>
                    <a:gd name="connsiteY1" fmla="*/ 0 h 2438400"/>
                    <a:gd name="connsiteX2" fmla="*/ 2286000 w 2286000"/>
                    <a:gd name="connsiteY2" fmla="*/ 2438400 h 2438400"/>
                    <a:gd name="connsiteX3" fmla="*/ 0 w 2286000"/>
                    <a:gd name="connsiteY3" fmla="*/ 2438400 h 2438400"/>
                    <a:gd name="connsiteX4" fmla="*/ 0 w 2286000"/>
                    <a:gd name="connsiteY4" fmla="*/ 0 h 2438400"/>
                    <a:gd name="connsiteX0" fmla="*/ 0 w 2286000"/>
                    <a:gd name="connsiteY0" fmla="*/ 0 h 2438400"/>
                    <a:gd name="connsiteX1" fmla="*/ 2011680 w 2286000"/>
                    <a:gd name="connsiteY1" fmla="*/ 487680 h 2438400"/>
                    <a:gd name="connsiteX2" fmla="*/ 2286000 w 2286000"/>
                    <a:gd name="connsiteY2" fmla="*/ 2438400 h 2438400"/>
                    <a:gd name="connsiteX3" fmla="*/ 0 w 2286000"/>
                    <a:gd name="connsiteY3" fmla="*/ 2438400 h 2438400"/>
                    <a:gd name="connsiteX4" fmla="*/ 0 w 2286000"/>
                    <a:gd name="connsiteY4" fmla="*/ 0 h 2438400"/>
                    <a:gd name="connsiteX0" fmla="*/ 0 w 2286000"/>
                    <a:gd name="connsiteY0" fmla="*/ 0 h 2438400"/>
                    <a:gd name="connsiteX1" fmla="*/ 1363980 w 2286000"/>
                    <a:gd name="connsiteY1" fmla="*/ 251460 h 2438400"/>
                    <a:gd name="connsiteX2" fmla="*/ 2011680 w 2286000"/>
                    <a:gd name="connsiteY2" fmla="*/ 487680 h 2438400"/>
                    <a:gd name="connsiteX3" fmla="*/ 2286000 w 2286000"/>
                    <a:gd name="connsiteY3" fmla="*/ 2438400 h 2438400"/>
                    <a:gd name="connsiteX4" fmla="*/ 0 w 2286000"/>
                    <a:gd name="connsiteY4" fmla="*/ 2438400 h 2438400"/>
                    <a:gd name="connsiteX5" fmla="*/ 0 w 2286000"/>
                    <a:gd name="connsiteY5" fmla="*/ 0 h 2438400"/>
                    <a:gd name="connsiteX0" fmla="*/ 0 w 2286000"/>
                    <a:gd name="connsiteY0" fmla="*/ 108693 h 2547093"/>
                    <a:gd name="connsiteX1" fmla="*/ 800100 w 2286000"/>
                    <a:gd name="connsiteY1" fmla="*/ 527793 h 2547093"/>
                    <a:gd name="connsiteX2" fmla="*/ 1363980 w 2286000"/>
                    <a:gd name="connsiteY2" fmla="*/ 360153 h 2547093"/>
                    <a:gd name="connsiteX3" fmla="*/ 2011680 w 2286000"/>
                    <a:gd name="connsiteY3" fmla="*/ 596373 h 2547093"/>
                    <a:gd name="connsiteX4" fmla="*/ 2286000 w 2286000"/>
                    <a:gd name="connsiteY4" fmla="*/ 2547093 h 2547093"/>
                    <a:gd name="connsiteX5" fmla="*/ 0 w 2286000"/>
                    <a:gd name="connsiteY5" fmla="*/ 2547093 h 2547093"/>
                    <a:gd name="connsiteX6" fmla="*/ 0 w 2286000"/>
                    <a:gd name="connsiteY6" fmla="*/ 108693 h 2547093"/>
                    <a:gd name="connsiteX0" fmla="*/ 693420 w 2286000"/>
                    <a:gd name="connsiteY0" fmla="*/ 656692 h 2195932"/>
                    <a:gd name="connsiteX1" fmla="*/ 800100 w 2286000"/>
                    <a:gd name="connsiteY1" fmla="*/ 176632 h 2195932"/>
                    <a:gd name="connsiteX2" fmla="*/ 1363980 w 2286000"/>
                    <a:gd name="connsiteY2" fmla="*/ 8992 h 2195932"/>
                    <a:gd name="connsiteX3" fmla="*/ 2011680 w 2286000"/>
                    <a:gd name="connsiteY3" fmla="*/ 245212 h 2195932"/>
                    <a:gd name="connsiteX4" fmla="*/ 2286000 w 2286000"/>
                    <a:gd name="connsiteY4" fmla="*/ 2195932 h 2195932"/>
                    <a:gd name="connsiteX5" fmla="*/ 0 w 2286000"/>
                    <a:gd name="connsiteY5" fmla="*/ 2195932 h 2195932"/>
                    <a:gd name="connsiteX6" fmla="*/ 693420 w 2286000"/>
                    <a:gd name="connsiteY6" fmla="*/ 656692 h 2195932"/>
                    <a:gd name="connsiteX0" fmla="*/ 693420 w 2286000"/>
                    <a:gd name="connsiteY0" fmla="*/ 656692 h 2195932"/>
                    <a:gd name="connsiteX1" fmla="*/ 800100 w 2286000"/>
                    <a:gd name="connsiteY1" fmla="*/ 176632 h 2195932"/>
                    <a:gd name="connsiteX2" fmla="*/ 1363980 w 2286000"/>
                    <a:gd name="connsiteY2" fmla="*/ 8992 h 2195932"/>
                    <a:gd name="connsiteX3" fmla="*/ 2011680 w 2286000"/>
                    <a:gd name="connsiteY3" fmla="*/ 245212 h 2195932"/>
                    <a:gd name="connsiteX4" fmla="*/ 2286000 w 2286000"/>
                    <a:gd name="connsiteY4" fmla="*/ 2195932 h 2195932"/>
                    <a:gd name="connsiteX5" fmla="*/ 0 w 2286000"/>
                    <a:gd name="connsiteY5" fmla="*/ 2195932 h 2195932"/>
                    <a:gd name="connsiteX6" fmla="*/ 693420 w 2286000"/>
                    <a:gd name="connsiteY6" fmla="*/ 656692 h 2195932"/>
                    <a:gd name="connsiteX0" fmla="*/ 693420 w 2286000"/>
                    <a:gd name="connsiteY0" fmla="*/ 647700 h 2186940"/>
                    <a:gd name="connsiteX1" fmla="*/ 800100 w 2286000"/>
                    <a:gd name="connsiteY1" fmla="*/ 167640 h 2186940"/>
                    <a:gd name="connsiteX2" fmla="*/ 1363980 w 2286000"/>
                    <a:gd name="connsiteY2" fmla="*/ 0 h 2186940"/>
                    <a:gd name="connsiteX3" fmla="*/ 2011680 w 2286000"/>
                    <a:gd name="connsiteY3" fmla="*/ 236220 h 2186940"/>
                    <a:gd name="connsiteX4" fmla="*/ 2286000 w 2286000"/>
                    <a:gd name="connsiteY4" fmla="*/ 2186940 h 2186940"/>
                    <a:gd name="connsiteX5" fmla="*/ 0 w 2286000"/>
                    <a:gd name="connsiteY5" fmla="*/ 2186940 h 2186940"/>
                    <a:gd name="connsiteX6" fmla="*/ 693420 w 2286000"/>
                    <a:gd name="connsiteY6" fmla="*/ 647700 h 2186940"/>
                    <a:gd name="connsiteX0" fmla="*/ 693420 w 2286000"/>
                    <a:gd name="connsiteY0" fmla="*/ 647700 h 2186940"/>
                    <a:gd name="connsiteX1" fmla="*/ 800100 w 2286000"/>
                    <a:gd name="connsiteY1" fmla="*/ 167640 h 2186940"/>
                    <a:gd name="connsiteX2" fmla="*/ 1363980 w 2286000"/>
                    <a:gd name="connsiteY2" fmla="*/ 0 h 2186940"/>
                    <a:gd name="connsiteX3" fmla="*/ 2011680 w 2286000"/>
                    <a:gd name="connsiteY3" fmla="*/ 236220 h 2186940"/>
                    <a:gd name="connsiteX4" fmla="*/ 2286000 w 2286000"/>
                    <a:gd name="connsiteY4" fmla="*/ 2186940 h 2186940"/>
                    <a:gd name="connsiteX5" fmla="*/ 0 w 2286000"/>
                    <a:gd name="connsiteY5" fmla="*/ 2186940 h 2186940"/>
                    <a:gd name="connsiteX6" fmla="*/ 693420 w 2286000"/>
                    <a:gd name="connsiteY6" fmla="*/ 647700 h 2186940"/>
                    <a:gd name="connsiteX0" fmla="*/ 693420 w 2286000"/>
                    <a:gd name="connsiteY0" fmla="*/ 647700 h 2186940"/>
                    <a:gd name="connsiteX1" fmla="*/ 800100 w 2286000"/>
                    <a:gd name="connsiteY1" fmla="*/ 167640 h 2186940"/>
                    <a:gd name="connsiteX2" fmla="*/ 1363980 w 2286000"/>
                    <a:gd name="connsiteY2" fmla="*/ 0 h 2186940"/>
                    <a:gd name="connsiteX3" fmla="*/ 2011680 w 2286000"/>
                    <a:gd name="connsiteY3" fmla="*/ 236220 h 2186940"/>
                    <a:gd name="connsiteX4" fmla="*/ 2286000 w 2286000"/>
                    <a:gd name="connsiteY4" fmla="*/ 2186940 h 2186940"/>
                    <a:gd name="connsiteX5" fmla="*/ 0 w 2286000"/>
                    <a:gd name="connsiteY5" fmla="*/ 2186940 h 2186940"/>
                    <a:gd name="connsiteX6" fmla="*/ 693420 w 2286000"/>
                    <a:gd name="connsiteY6" fmla="*/ 647700 h 2186940"/>
                    <a:gd name="connsiteX0" fmla="*/ 693420 w 2286000"/>
                    <a:gd name="connsiteY0" fmla="*/ 647700 h 2186940"/>
                    <a:gd name="connsiteX1" fmla="*/ 800100 w 2286000"/>
                    <a:gd name="connsiteY1" fmla="*/ 198120 h 2186940"/>
                    <a:gd name="connsiteX2" fmla="*/ 1363980 w 2286000"/>
                    <a:gd name="connsiteY2" fmla="*/ 0 h 2186940"/>
                    <a:gd name="connsiteX3" fmla="*/ 2011680 w 2286000"/>
                    <a:gd name="connsiteY3" fmla="*/ 236220 h 2186940"/>
                    <a:gd name="connsiteX4" fmla="*/ 2286000 w 2286000"/>
                    <a:gd name="connsiteY4" fmla="*/ 2186940 h 2186940"/>
                    <a:gd name="connsiteX5" fmla="*/ 0 w 2286000"/>
                    <a:gd name="connsiteY5" fmla="*/ 2186940 h 2186940"/>
                    <a:gd name="connsiteX6" fmla="*/ 693420 w 2286000"/>
                    <a:gd name="connsiteY6" fmla="*/ 647700 h 2186940"/>
                    <a:gd name="connsiteX0" fmla="*/ 693420 w 2286000"/>
                    <a:gd name="connsiteY0" fmla="*/ 647700 h 2186940"/>
                    <a:gd name="connsiteX1" fmla="*/ 800100 w 2286000"/>
                    <a:gd name="connsiteY1" fmla="*/ 198120 h 2186940"/>
                    <a:gd name="connsiteX2" fmla="*/ 1363980 w 2286000"/>
                    <a:gd name="connsiteY2" fmla="*/ 0 h 2186940"/>
                    <a:gd name="connsiteX3" fmla="*/ 2011680 w 2286000"/>
                    <a:gd name="connsiteY3" fmla="*/ 236220 h 2186940"/>
                    <a:gd name="connsiteX4" fmla="*/ 2286000 w 2286000"/>
                    <a:gd name="connsiteY4" fmla="*/ 2186940 h 2186940"/>
                    <a:gd name="connsiteX5" fmla="*/ 0 w 2286000"/>
                    <a:gd name="connsiteY5" fmla="*/ 2186940 h 2186940"/>
                    <a:gd name="connsiteX6" fmla="*/ 693420 w 2286000"/>
                    <a:gd name="connsiteY6" fmla="*/ 647700 h 2186940"/>
                    <a:gd name="connsiteX0" fmla="*/ 693420 w 2286000"/>
                    <a:gd name="connsiteY0" fmla="*/ 647700 h 2186940"/>
                    <a:gd name="connsiteX1" fmla="*/ 800100 w 2286000"/>
                    <a:gd name="connsiteY1" fmla="*/ 198120 h 2186940"/>
                    <a:gd name="connsiteX2" fmla="*/ 1363980 w 2286000"/>
                    <a:gd name="connsiteY2" fmla="*/ 0 h 2186940"/>
                    <a:gd name="connsiteX3" fmla="*/ 2011680 w 2286000"/>
                    <a:gd name="connsiteY3" fmla="*/ 236220 h 2186940"/>
                    <a:gd name="connsiteX4" fmla="*/ 2286000 w 2286000"/>
                    <a:gd name="connsiteY4" fmla="*/ 2186940 h 2186940"/>
                    <a:gd name="connsiteX5" fmla="*/ 0 w 2286000"/>
                    <a:gd name="connsiteY5" fmla="*/ 2186940 h 2186940"/>
                    <a:gd name="connsiteX6" fmla="*/ 1120140 w 2286000"/>
                    <a:gd name="connsiteY6" fmla="*/ 480060 h 2186940"/>
                    <a:gd name="connsiteX7" fmla="*/ 693420 w 2286000"/>
                    <a:gd name="connsiteY7" fmla="*/ 647700 h 2186940"/>
                    <a:gd name="connsiteX0" fmla="*/ 693420 w 2286000"/>
                    <a:gd name="connsiteY0" fmla="*/ 647700 h 2186940"/>
                    <a:gd name="connsiteX1" fmla="*/ 800100 w 2286000"/>
                    <a:gd name="connsiteY1" fmla="*/ 198120 h 2186940"/>
                    <a:gd name="connsiteX2" fmla="*/ 1363980 w 2286000"/>
                    <a:gd name="connsiteY2" fmla="*/ 0 h 2186940"/>
                    <a:gd name="connsiteX3" fmla="*/ 2011680 w 2286000"/>
                    <a:gd name="connsiteY3" fmla="*/ 236220 h 2186940"/>
                    <a:gd name="connsiteX4" fmla="*/ 2286000 w 2286000"/>
                    <a:gd name="connsiteY4" fmla="*/ 2186940 h 2186940"/>
                    <a:gd name="connsiteX5" fmla="*/ 0 w 2286000"/>
                    <a:gd name="connsiteY5" fmla="*/ 2186940 h 2186940"/>
                    <a:gd name="connsiteX6" fmla="*/ 1120140 w 2286000"/>
                    <a:gd name="connsiteY6" fmla="*/ 480060 h 2186940"/>
                    <a:gd name="connsiteX7" fmla="*/ 693420 w 2286000"/>
                    <a:gd name="connsiteY7" fmla="*/ 647700 h 2186940"/>
                    <a:gd name="connsiteX0" fmla="*/ 693420 w 2286000"/>
                    <a:gd name="connsiteY0" fmla="*/ 647700 h 2186940"/>
                    <a:gd name="connsiteX1" fmla="*/ 800100 w 2286000"/>
                    <a:gd name="connsiteY1" fmla="*/ 198120 h 2186940"/>
                    <a:gd name="connsiteX2" fmla="*/ 1363980 w 2286000"/>
                    <a:gd name="connsiteY2" fmla="*/ 0 h 2186940"/>
                    <a:gd name="connsiteX3" fmla="*/ 2011680 w 2286000"/>
                    <a:gd name="connsiteY3" fmla="*/ 236220 h 2186940"/>
                    <a:gd name="connsiteX4" fmla="*/ 2286000 w 2286000"/>
                    <a:gd name="connsiteY4" fmla="*/ 2186940 h 2186940"/>
                    <a:gd name="connsiteX5" fmla="*/ 0 w 2286000"/>
                    <a:gd name="connsiteY5" fmla="*/ 2186940 h 2186940"/>
                    <a:gd name="connsiteX6" fmla="*/ 1120140 w 2286000"/>
                    <a:gd name="connsiteY6" fmla="*/ 480060 h 2186940"/>
                    <a:gd name="connsiteX7" fmla="*/ 693420 w 2286000"/>
                    <a:gd name="connsiteY7" fmla="*/ 647700 h 2186940"/>
                    <a:gd name="connsiteX0" fmla="*/ 693420 w 2286000"/>
                    <a:gd name="connsiteY0" fmla="*/ 647700 h 2186940"/>
                    <a:gd name="connsiteX1" fmla="*/ 800100 w 2286000"/>
                    <a:gd name="connsiteY1" fmla="*/ 198120 h 2186940"/>
                    <a:gd name="connsiteX2" fmla="*/ 1363980 w 2286000"/>
                    <a:gd name="connsiteY2" fmla="*/ 0 h 2186940"/>
                    <a:gd name="connsiteX3" fmla="*/ 2011680 w 2286000"/>
                    <a:gd name="connsiteY3" fmla="*/ 236220 h 2186940"/>
                    <a:gd name="connsiteX4" fmla="*/ 2286000 w 2286000"/>
                    <a:gd name="connsiteY4" fmla="*/ 2186940 h 2186940"/>
                    <a:gd name="connsiteX5" fmla="*/ 0 w 2286000"/>
                    <a:gd name="connsiteY5" fmla="*/ 2186940 h 2186940"/>
                    <a:gd name="connsiteX6" fmla="*/ 1120140 w 2286000"/>
                    <a:gd name="connsiteY6" fmla="*/ 480060 h 2186940"/>
                    <a:gd name="connsiteX7" fmla="*/ 693420 w 2286000"/>
                    <a:gd name="connsiteY7" fmla="*/ 647700 h 2186940"/>
                    <a:gd name="connsiteX0" fmla="*/ 647700 w 2286000"/>
                    <a:gd name="connsiteY0" fmla="*/ 678180 h 2186940"/>
                    <a:gd name="connsiteX1" fmla="*/ 800100 w 2286000"/>
                    <a:gd name="connsiteY1" fmla="*/ 198120 h 2186940"/>
                    <a:gd name="connsiteX2" fmla="*/ 1363980 w 2286000"/>
                    <a:gd name="connsiteY2" fmla="*/ 0 h 2186940"/>
                    <a:gd name="connsiteX3" fmla="*/ 2011680 w 2286000"/>
                    <a:gd name="connsiteY3" fmla="*/ 236220 h 2186940"/>
                    <a:gd name="connsiteX4" fmla="*/ 2286000 w 2286000"/>
                    <a:gd name="connsiteY4" fmla="*/ 2186940 h 2186940"/>
                    <a:gd name="connsiteX5" fmla="*/ 0 w 2286000"/>
                    <a:gd name="connsiteY5" fmla="*/ 2186940 h 2186940"/>
                    <a:gd name="connsiteX6" fmla="*/ 1120140 w 2286000"/>
                    <a:gd name="connsiteY6" fmla="*/ 480060 h 2186940"/>
                    <a:gd name="connsiteX7" fmla="*/ 647700 w 2286000"/>
                    <a:gd name="connsiteY7" fmla="*/ 678180 h 2186940"/>
                    <a:gd name="connsiteX0" fmla="*/ 647700 w 2286000"/>
                    <a:gd name="connsiteY0" fmla="*/ 678180 h 2186940"/>
                    <a:gd name="connsiteX1" fmla="*/ 800100 w 2286000"/>
                    <a:gd name="connsiteY1" fmla="*/ 198120 h 2186940"/>
                    <a:gd name="connsiteX2" fmla="*/ 1363980 w 2286000"/>
                    <a:gd name="connsiteY2" fmla="*/ 0 h 2186940"/>
                    <a:gd name="connsiteX3" fmla="*/ 2011680 w 2286000"/>
                    <a:gd name="connsiteY3" fmla="*/ 236220 h 2186940"/>
                    <a:gd name="connsiteX4" fmla="*/ 2286000 w 2286000"/>
                    <a:gd name="connsiteY4" fmla="*/ 2186940 h 2186940"/>
                    <a:gd name="connsiteX5" fmla="*/ 0 w 2286000"/>
                    <a:gd name="connsiteY5" fmla="*/ 2186940 h 2186940"/>
                    <a:gd name="connsiteX6" fmla="*/ 1120140 w 2286000"/>
                    <a:gd name="connsiteY6" fmla="*/ 480060 h 2186940"/>
                    <a:gd name="connsiteX7" fmla="*/ 647700 w 2286000"/>
                    <a:gd name="connsiteY7" fmla="*/ 678180 h 2186940"/>
                    <a:gd name="connsiteX0" fmla="*/ 647700 w 2286000"/>
                    <a:gd name="connsiteY0" fmla="*/ 678180 h 2186940"/>
                    <a:gd name="connsiteX1" fmla="*/ 800100 w 2286000"/>
                    <a:gd name="connsiteY1" fmla="*/ 198120 h 2186940"/>
                    <a:gd name="connsiteX2" fmla="*/ 1363980 w 2286000"/>
                    <a:gd name="connsiteY2" fmla="*/ 0 h 2186940"/>
                    <a:gd name="connsiteX3" fmla="*/ 2011680 w 2286000"/>
                    <a:gd name="connsiteY3" fmla="*/ 236220 h 2186940"/>
                    <a:gd name="connsiteX4" fmla="*/ 2286000 w 2286000"/>
                    <a:gd name="connsiteY4" fmla="*/ 2186940 h 2186940"/>
                    <a:gd name="connsiteX5" fmla="*/ 0 w 2286000"/>
                    <a:gd name="connsiteY5" fmla="*/ 2186940 h 2186940"/>
                    <a:gd name="connsiteX6" fmla="*/ 1120140 w 2286000"/>
                    <a:gd name="connsiteY6" fmla="*/ 480060 h 2186940"/>
                    <a:gd name="connsiteX7" fmla="*/ 647700 w 2286000"/>
                    <a:gd name="connsiteY7" fmla="*/ 678180 h 2186940"/>
                    <a:gd name="connsiteX0" fmla="*/ 670560 w 2286000"/>
                    <a:gd name="connsiteY0" fmla="*/ 693420 h 2186940"/>
                    <a:gd name="connsiteX1" fmla="*/ 800100 w 2286000"/>
                    <a:gd name="connsiteY1" fmla="*/ 198120 h 2186940"/>
                    <a:gd name="connsiteX2" fmla="*/ 1363980 w 2286000"/>
                    <a:gd name="connsiteY2" fmla="*/ 0 h 2186940"/>
                    <a:gd name="connsiteX3" fmla="*/ 2011680 w 2286000"/>
                    <a:gd name="connsiteY3" fmla="*/ 236220 h 2186940"/>
                    <a:gd name="connsiteX4" fmla="*/ 2286000 w 2286000"/>
                    <a:gd name="connsiteY4" fmla="*/ 2186940 h 2186940"/>
                    <a:gd name="connsiteX5" fmla="*/ 0 w 2286000"/>
                    <a:gd name="connsiteY5" fmla="*/ 2186940 h 2186940"/>
                    <a:gd name="connsiteX6" fmla="*/ 1120140 w 2286000"/>
                    <a:gd name="connsiteY6" fmla="*/ 480060 h 2186940"/>
                    <a:gd name="connsiteX7" fmla="*/ 670560 w 2286000"/>
                    <a:gd name="connsiteY7" fmla="*/ 693420 h 2186940"/>
                    <a:gd name="connsiteX0" fmla="*/ 670560 w 2286000"/>
                    <a:gd name="connsiteY0" fmla="*/ 693420 h 2186940"/>
                    <a:gd name="connsiteX1" fmla="*/ 800100 w 2286000"/>
                    <a:gd name="connsiteY1" fmla="*/ 198120 h 2186940"/>
                    <a:gd name="connsiteX2" fmla="*/ 1363980 w 2286000"/>
                    <a:gd name="connsiteY2" fmla="*/ 0 h 2186940"/>
                    <a:gd name="connsiteX3" fmla="*/ 2011680 w 2286000"/>
                    <a:gd name="connsiteY3" fmla="*/ 236220 h 2186940"/>
                    <a:gd name="connsiteX4" fmla="*/ 2286000 w 2286000"/>
                    <a:gd name="connsiteY4" fmla="*/ 2186940 h 2186940"/>
                    <a:gd name="connsiteX5" fmla="*/ 0 w 2286000"/>
                    <a:gd name="connsiteY5" fmla="*/ 2186940 h 2186940"/>
                    <a:gd name="connsiteX6" fmla="*/ 1120140 w 2286000"/>
                    <a:gd name="connsiteY6" fmla="*/ 480060 h 2186940"/>
                    <a:gd name="connsiteX7" fmla="*/ 670560 w 2286000"/>
                    <a:gd name="connsiteY7" fmla="*/ 693420 h 2186940"/>
                    <a:gd name="connsiteX0" fmla="*/ 670560 w 2286000"/>
                    <a:gd name="connsiteY0" fmla="*/ 693420 h 2186940"/>
                    <a:gd name="connsiteX1" fmla="*/ 800100 w 2286000"/>
                    <a:gd name="connsiteY1" fmla="*/ 198120 h 2186940"/>
                    <a:gd name="connsiteX2" fmla="*/ 1363980 w 2286000"/>
                    <a:gd name="connsiteY2" fmla="*/ 0 h 2186940"/>
                    <a:gd name="connsiteX3" fmla="*/ 2011680 w 2286000"/>
                    <a:gd name="connsiteY3" fmla="*/ 236220 h 2186940"/>
                    <a:gd name="connsiteX4" fmla="*/ 2286000 w 2286000"/>
                    <a:gd name="connsiteY4" fmla="*/ 2186940 h 2186940"/>
                    <a:gd name="connsiteX5" fmla="*/ 0 w 2286000"/>
                    <a:gd name="connsiteY5" fmla="*/ 2186940 h 2186940"/>
                    <a:gd name="connsiteX6" fmla="*/ 1120140 w 2286000"/>
                    <a:gd name="connsiteY6" fmla="*/ 480060 h 2186940"/>
                    <a:gd name="connsiteX7" fmla="*/ 670560 w 2286000"/>
                    <a:gd name="connsiteY7" fmla="*/ 693420 h 2186940"/>
                    <a:gd name="connsiteX0" fmla="*/ 670560 w 2286000"/>
                    <a:gd name="connsiteY0" fmla="*/ 693420 h 2186940"/>
                    <a:gd name="connsiteX1" fmla="*/ 800100 w 2286000"/>
                    <a:gd name="connsiteY1" fmla="*/ 198120 h 2186940"/>
                    <a:gd name="connsiteX2" fmla="*/ 1363980 w 2286000"/>
                    <a:gd name="connsiteY2" fmla="*/ 0 h 2186940"/>
                    <a:gd name="connsiteX3" fmla="*/ 2011680 w 2286000"/>
                    <a:gd name="connsiteY3" fmla="*/ 236220 h 2186940"/>
                    <a:gd name="connsiteX4" fmla="*/ 2286000 w 2286000"/>
                    <a:gd name="connsiteY4" fmla="*/ 2186940 h 2186940"/>
                    <a:gd name="connsiteX5" fmla="*/ 0 w 2286000"/>
                    <a:gd name="connsiteY5" fmla="*/ 2186940 h 2186940"/>
                    <a:gd name="connsiteX6" fmla="*/ 1120140 w 2286000"/>
                    <a:gd name="connsiteY6" fmla="*/ 480060 h 2186940"/>
                    <a:gd name="connsiteX7" fmla="*/ 670560 w 2286000"/>
                    <a:gd name="connsiteY7" fmla="*/ 693420 h 2186940"/>
                    <a:gd name="connsiteX0" fmla="*/ 698630 w 2314070"/>
                    <a:gd name="connsiteY0" fmla="*/ 693420 h 2186940"/>
                    <a:gd name="connsiteX1" fmla="*/ 828170 w 2314070"/>
                    <a:gd name="connsiteY1" fmla="*/ 198120 h 2186940"/>
                    <a:gd name="connsiteX2" fmla="*/ 1392050 w 2314070"/>
                    <a:gd name="connsiteY2" fmla="*/ 0 h 2186940"/>
                    <a:gd name="connsiteX3" fmla="*/ 2039750 w 2314070"/>
                    <a:gd name="connsiteY3" fmla="*/ 236220 h 2186940"/>
                    <a:gd name="connsiteX4" fmla="*/ 2314070 w 2314070"/>
                    <a:gd name="connsiteY4" fmla="*/ 2186940 h 2186940"/>
                    <a:gd name="connsiteX5" fmla="*/ 28070 w 2314070"/>
                    <a:gd name="connsiteY5" fmla="*/ 2186940 h 2186940"/>
                    <a:gd name="connsiteX6" fmla="*/ 1277750 w 2314070"/>
                    <a:gd name="connsiteY6" fmla="*/ 624840 h 2186940"/>
                    <a:gd name="connsiteX7" fmla="*/ 1148210 w 2314070"/>
                    <a:gd name="connsiteY7" fmla="*/ 480060 h 2186940"/>
                    <a:gd name="connsiteX8" fmla="*/ 698630 w 2314070"/>
                    <a:gd name="connsiteY8" fmla="*/ 693420 h 2186940"/>
                    <a:gd name="connsiteX0" fmla="*/ 697782 w 2313222"/>
                    <a:gd name="connsiteY0" fmla="*/ 693420 h 2186940"/>
                    <a:gd name="connsiteX1" fmla="*/ 827322 w 2313222"/>
                    <a:gd name="connsiteY1" fmla="*/ 198120 h 2186940"/>
                    <a:gd name="connsiteX2" fmla="*/ 1391202 w 2313222"/>
                    <a:gd name="connsiteY2" fmla="*/ 0 h 2186940"/>
                    <a:gd name="connsiteX3" fmla="*/ 2038902 w 2313222"/>
                    <a:gd name="connsiteY3" fmla="*/ 236220 h 2186940"/>
                    <a:gd name="connsiteX4" fmla="*/ 2313222 w 2313222"/>
                    <a:gd name="connsiteY4" fmla="*/ 2186940 h 2186940"/>
                    <a:gd name="connsiteX5" fmla="*/ 27222 w 2313222"/>
                    <a:gd name="connsiteY5" fmla="*/ 2186940 h 2186940"/>
                    <a:gd name="connsiteX6" fmla="*/ 1322622 w 2313222"/>
                    <a:gd name="connsiteY6" fmla="*/ 495300 h 2186940"/>
                    <a:gd name="connsiteX7" fmla="*/ 1147362 w 2313222"/>
                    <a:gd name="connsiteY7" fmla="*/ 480060 h 2186940"/>
                    <a:gd name="connsiteX8" fmla="*/ 697782 w 2313222"/>
                    <a:gd name="connsiteY8" fmla="*/ 693420 h 2186940"/>
                    <a:gd name="connsiteX0" fmla="*/ 697782 w 2313222"/>
                    <a:gd name="connsiteY0" fmla="*/ 693420 h 2186940"/>
                    <a:gd name="connsiteX1" fmla="*/ 827322 w 2313222"/>
                    <a:gd name="connsiteY1" fmla="*/ 198120 h 2186940"/>
                    <a:gd name="connsiteX2" fmla="*/ 1391202 w 2313222"/>
                    <a:gd name="connsiteY2" fmla="*/ 0 h 2186940"/>
                    <a:gd name="connsiteX3" fmla="*/ 2038902 w 2313222"/>
                    <a:gd name="connsiteY3" fmla="*/ 236220 h 2186940"/>
                    <a:gd name="connsiteX4" fmla="*/ 2313222 w 2313222"/>
                    <a:gd name="connsiteY4" fmla="*/ 2186940 h 2186940"/>
                    <a:gd name="connsiteX5" fmla="*/ 27222 w 2313222"/>
                    <a:gd name="connsiteY5" fmla="*/ 2186940 h 2186940"/>
                    <a:gd name="connsiteX6" fmla="*/ 1322622 w 2313222"/>
                    <a:gd name="connsiteY6" fmla="*/ 495300 h 2186940"/>
                    <a:gd name="connsiteX7" fmla="*/ 1147362 w 2313222"/>
                    <a:gd name="connsiteY7" fmla="*/ 480060 h 2186940"/>
                    <a:gd name="connsiteX8" fmla="*/ 697782 w 2313222"/>
                    <a:gd name="connsiteY8" fmla="*/ 693420 h 2186940"/>
                    <a:gd name="connsiteX0" fmla="*/ 688025 w 2303465"/>
                    <a:gd name="connsiteY0" fmla="*/ 693420 h 2186940"/>
                    <a:gd name="connsiteX1" fmla="*/ 817565 w 2303465"/>
                    <a:gd name="connsiteY1" fmla="*/ 198120 h 2186940"/>
                    <a:gd name="connsiteX2" fmla="*/ 1381445 w 2303465"/>
                    <a:gd name="connsiteY2" fmla="*/ 0 h 2186940"/>
                    <a:gd name="connsiteX3" fmla="*/ 2029145 w 2303465"/>
                    <a:gd name="connsiteY3" fmla="*/ 236220 h 2186940"/>
                    <a:gd name="connsiteX4" fmla="*/ 2303465 w 2303465"/>
                    <a:gd name="connsiteY4" fmla="*/ 2186940 h 2186940"/>
                    <a:gd name="connsiteX5" fmla="*/ 17465 w 2303465"/>
                    <a:gd name="connsiteY5" fmla="*/ 2186940 h 2186940"/>
                    <a:gd name="connsiteX6" fmla="*/ 1891985 w 2303465"/>
                    <a:gd name="connsiteY6" fmla="*/ 914400 h 2186940"/>
                    <a:gd name="connsiteX7" fmla="*/ 1312865 w 2303465"/>
                    <a:gd name="connsiteY7" fmla="*/ 495300 h 2186940"/>
                    <a:gd name="connsiteX8" fmla="*/ 1137605 w 2303465"/>
                    <a:gd name="connsiteY8" fmla="*/ 480060 h 2186940"/>
                    <a:gd name="connsiteX9" fmla="*/ 688025 w 2303465"/>
                    <a:gd name="connsiteY9" fmla="*/ 693420 h 2186940"/>
                    <a:gd name="connsiteX0" fmla="*/ 688025 w 2303465"/>
                    <a:gd name="connsiteY0" fmla="*/ 693420 h 2186940"/>
                    <a:gd name="connsiteX1" fmla="*/ 817565 w 2303465"/>
                    <a:gd name="connsiteY1" fmla="*/ 198120 h 2186940"/>
                    <a:gd name="connsiteX2" fmla="*/ 1381445 w 2303465"/>
                    <a:gd name="connsiteY2" fmla="*/ 0 h 2186940"/>
                    <a:gd name="connsiteX3" fmla="*/ 2029145 w 2303465"/>
                    <a:gd name="connsiteY3" fmla="*/ 236220 h 2186940"/>
                    <a:gd name="connsiteX4" fmla="*/ 2303465 w 2303465"/>
                    <a:gd name="connsiteY4" fmla="*/ 2186940 h 2186940"/>
                    <a:gd name="connsiteX5" fmla="*/ 17465 w 2303465"/>
                    <a:gd name="connsiteY5" fmla="*/ 2186940 h 2186940"/>
                    <a:gd name="connsiteX6" fmla="*/ 1891985 w 2303465"/>
                    <a:gd name="connsiteY6" fmla="*/ 914400 h 2186940"/>
                    <a:gd name="connsiteX7" fmla="*/ 1312865 w 2303465"/>
                    <a:gd name="connsiteY7" fmla="*/ 495300 h 2186940"/>
                    <a:gd name="connsiteX8" fmla="*/ 1137605 w 2303465"/>
                    <a:gd name="connsiteY8" fmla="*/ 480060 h 2186940"/>
                    <a:gd name="connsiteX9" fmla="*/ 688025 w 2303465"/>
                    <a:gd name="connsiteY9" fmla="*/ 693420 h 2186940"/>
                    <a:gd name="connsiteX0" fmla="*/ 688025 w 2303465"/>
                    <a:gd name="connsiteY0" fmla="*/ 693420 h 2186940"/>
                    <a:gd name="connsiteX1" fmla="*/ 817565 w 2303465"/>
                    <a:gd name="connsiteY1" fmla="*/ 198120 h 2186940"/>
                    <a:gd name="connsiteX2" fmla="*/ 1381445 w 2303465"/>
                    <a:gd name="connsiteY2" fmla="*/ 0 h 2186940"/>
                    <a:gd name="connsiteX3" fmla="*/ 2029145 w 2303465"/>
                    <a:gd name="connsiteY3" fmla="*/ 236220 h 2186940"/>
                    <a:gd name="connsiteX4" fmla="*/ 2303465 w 2303465"/>
                    <a:gd name="connsiteY4" fmla="*/ 2186940 h 2186940"/>
                    <a:gd name="connsiteX5" fmla="*/ 17465 w 2303465"/>
                    <a:gd name="connsiteY5" fmla="*/ 2186940 h 2186940"/>
                    <a:gd name="connsiteX6" fmla="*/ 1891985 w 2303465"/>
                    <a:gd name="connsiteY6" fmla="*/ 914400 h 2186940"/>
                    <a:gd name="connsiteX7" fmla="*/ 1312865 w 2303465"/>
                    <a:gd name="connsiteY7" fmla="*/ 495300 h 2186940"/>
                    <a:gd name="connsiteX8" fmla="*/ 1137605 w 2303465"/>
                    <a:gd name="connsiteY8" fmla="*/ 480060 h 2186940"/>
                    <a:gd name="connsiteX9" fmla="*/ 688025 w 2303465"/>
                    <a:gd name="connsiteY9" fmla="*/ 693420 h 2186940"/>
                    <a:gd name="connsiteX0" fmla="*/ 688025 w 2318705"/>
                    <a:gd name="connsiteY0" fmla="*/ 693420 h 2186940"/>
                    <a:gd name="connsiteX1" fmla="*/ 817565 w 2318705"/>
                    <a:gd name="connsiteY1" fmla="*/ 198120 h 2186940"/>
                    <a:gd name="connsiteX2" fmla="*/ 1381445 w 2318705"/>
                    <a:gd name="connsiteY2" fmla="*/ 0 h 2186940"/>
                    <a:gd name="connsiteX3" fmla="*/ 2029145 w 2318705"/>
                    <a:gd name="connsiteY3" fmla="*/ 236220 h 2186940"/>
                    <a:gd name="connsiteX4" fmla="*/ 2318705 w 2318705"/>
                    <a:gd name="connsiteY4" fmla="*/ 1150620 h 2186940"/>
                    <a:gd name="connsiteX5" fmla="*/ 2303465 w 2318705"/>
                    <a:gd name="connsiteY5" fmla="*/ 2186940 h 2186940"/>
                    <a:gd name="connsiteX6" fmla="*/ 17465 w 2318705"/>
                    <a:gd name="connsiteY6" fmla="*/ 2186940 h 2186940"/>
                    <a:gd name="connsiteX7" fmla="*/ 1891985 w 2318705"/>
                    <a:gd name="connsiteY7" fmla="*/ 914400 h 2186940"/>
                    <a:gd name="connsiteX8" fmla="*/ 1312865 w 2318705"/>
                    <a:gd name="connsiteY8" fmla="*/ 495300 h 2186940"/>
                    <a:gd name="connsiteX9" fmla="*/ 1137605 w 2318705"/>
                    <a:gd name="connsiteY9" fmla="*/ 480060 h 2186940"/>
                    <a:gd name="connsiteX10" fmla="*/ 688025 w 2318705"/>
                    <a:gd name="connsiteY10" fmla="*/ 693420 h 2186940"/>
                    <a:gd name="connsiteX0" fmla="*/ 688025 w 2318705"/>
                    <a:gd name="connsiteY0" fmla="*/ 693420 h 2186940"/>
                    <a:gd name="connsiteX1" fmla="*/ 817565 w 2318705"/>
                    <a:gd name="connsiteY1" fmla="*/ 198120 h 2186940"/>
                    <a:gd name="connsiteX2" fmla="*/ 1381445 w 2318705"/>
                    <a:gd name="connsiteY2" fmla="*/ 0 h 2186940"/>
                    <a:gd name="connsiteX3" fmla="*/ 2029145 w 2318705"/>
                    <a:gd name="connsiteY3" fmla="*/ 236220 h 2186940"/>
                    <a:gd name="connsiteX4" fmla="*/ 2318705 w 2318705"/>
                    <a:gd name="connsiteY4" fmla="*/ 1150620 h 2186940"/>
                    <a:gd name="connsiteX5" fmla="*/ 2303465 w 2318705"/>
                    <a:gd name="connsiteY5" fmla="*/ 2186940 h 2186940"/>
                    <a:gd name="connsiteX6" fmla="*/ 17465 w 2318705"/>
                    <a:gd name="connsiteY6" fmla="*/ 2186940 h 2186940"/>
                    <a:gd name="connsiteX7" fmla="*/ 1891985 w 2318705"/>
                    <a:gd name="connsiteY7" fmla="*/ 914400 h 2186940"/>
                    <a:gd name="connsiteX8" fmla="*/ 1312865 w 2318705"/>
                    <a:gd name="connsiteY8" fmla="*/ 495300 h 2186940"/>
                    <a:gd name="connsiteX9" fmla="*/ 1137605 w 2318705"/>
                    <a:gd name="connsiteY9" fmla="*/ 480060 h 2186940"/>
                    <a:gd name="connsiteX10" fmla="*/ 688025 w 2318705"/>
                    <a:gd name="connsiteY10" fmla="*/ 693420 h 2186940"/>
                    <a:gd name="connsiteX0" fmla="*/ 688025 w 2318705"/>
                    <a:gd name="connsiteY0" fmla="*/ 693420 h 2186940"/>
                    <a:gd name="connsiteX1" fmla="*/ 817565 w 2318705"/>
                    <a:gd name="connsiteY1" fmla="*/ 198120 h 2186940"/>
                    <a:gd name="connsiteX2" fmla="*/ 1381445 w 2318705"/>
                    <a:gd name="connsiteY2" fmla="*/ 0 h 2186940"/>
                    <a:gd name="connsiteX3" fmla="*/ 2029145 w 2318705"/>
                    <a:gd name="connsiteY3" fmla="*/ 236220 h 2186940"/>
                    <a:gd name="connsiteX4" fmla="*/ 2318705 w 2318705"/>
                    <a:gd name="connsiteY4" fmla="*/ 1150620 h 2186940"/>
                    <a:gd name="connsiteX5" fmla="*/ 2166305 w 2318705"/>
                    <a:gd name="connsiteY5" fmla="*/ 1379220 h 2186940"/>
                    <a:gd name="connsiteX6" fmla="*/ 2303465 w 2318705"/>
                    <a:gd name="connsiteY6" fmla="*/ 2186940 h 2186940"/>
                    <a:gd name="connsiteX7" fmla="*/ 17465 w 2318705"/>
                    <a:gd name="connsiteY7" fmla="*/ 2186940 h 2186940"/>
                    <a:gd name="connsiteX8" fmla="*/ 1891985 w 2318705"/>
                    <a:gd name="connsiteY8" fmla="*/ 914400 h 2186940"/>
                    <a:gd name="connsiteX9" fmla="*/ 1312865 w 2318705"/>
                    <a:gd name="connsiteY9" fmla="*/ 495300 h 2186940"/>
                    <a:gd name="connsiteX10" fmla="*/ 1137605 w 2318705"/>
                    <a:gd name="connsiteY10" fmla="*/ 480060 h 2186940"/>
                    <a:gd name="connsiteX11" fmla="*/ 688025 w 2318705"/>
                    <a:gd name="connsiteY11" fmla="*/ 693420 h 2186940"/>
                    <a:gd name="connsiteX0" fmla="*/ 688025 w 2318705"/>
                    <a:gd name="connsiteY0" fmla="*/ 693420 h 2186940"/>
                    <a:gd name="connsiteX1" fmla="*/ 817565 w 2318705"/>
                    <a:gd name="connsiteY1" fmla="*/ 198120 h 2186940"/>
                    <a:gd name="connsiteX2" fmla="*/ 1381445 w 2318705"/>
                    <a:gd name="connsiteY2" fmla="*/ 0 h 2186940"/>
                    <a:gd name="connsiteX3" fmla="*/ 2029145 w 2318705"/>
                    <a:gd name="connsiteY3" fmla="*/ 236220 h 2186940"/>
                    <a:gd name="connsiteX4" fmla="*/ 2318705 w 2318705"/>
                    <a:gd name="connsiteY4" fmla="*/ 1150620 h 2186940"/>
                    <a:gd name="connsiteX5" fmla="*/ 2166305 w 2318705"/>
                    <a:gd name="connsiteY5" fmla="*/ 1379220 h 2186940"/>
                    <a:gd name="connsiteX6" fmla="*/ 2303465 w 2318705"/>
                    <a:gd name="connsiteY6" fmla="*/ 2186940 h 2186940"/>
                    <a:gd name="connsiteX7" fmla="*/ 17465 w 2318705"/>
                    <a:gd name="connsiteY7" fmla="*/ 2186940 h 2186940"/>
                    <a:gd name="connsiteX8" fmla="*/ 1891985 w 2318705"/>
                    <a:gd name="connsiteY8" fmla="*/ 914400 h 2186940"/>
                    <a:gd name="connsiteX9" fmla="*/ 1312865 w 2318705"/>
                    <a:gd name="connsiteY9" fmla="*/ 495300 h 2186940"/>
                    <a:gd name="connsiteX10" fmla="*/ 1137605 w 2318705"/>
                    <a:gd name="connsiteY10" fmla="*/ 480060 h 2186940"/>
                    <a:gd name="connsiteX11" fmla="*/ 688025 w 2318705"/>
                    <a:gd name="connsiteY11" fmla="*/ 693420 h 2186940"/>
                    <a:gd name="connsiteX0" fmla="*/ 688025 w 2318705"/>
                    <a:gd name="connsiteY0" fmla="*/ 693420 h 2186940"/>
                    <a:gd name="connsiteX1" fmla="*/ 817565 w 2318705"/>
                    <a:gd name="connsiteY1" fmla="*/ 198120 h 2186940"/>
                    <a:gd name="connsiteX2" fmla="*/ 1381445 w 2318705"/>
                    <a:gd name="connsiteY2" fmla="*/ 0 h 2186940"/>
                    <a:gd name="connsiteX3" fmla="*/ 2029145 w 2318705"/>
                    <a:gd name="connsiteY3" fmla="*/ 236220 h 2186940"/>
                    <a:gd name="connsiteX4" fmla="*/ 2318705 w 2318705"/>
                    <a:gd name="connsiteY4" fmla="*/ 1150620 h 2186940"/>
                    <a:gd name="connsiteX5" fmla="*/ 2151065 w 2318705"/>
                    <a:gd name="connsiteY5" fmla="*/ 1295400 h 2186940"/>
                    <a:gd name="connsiteX6" fmla="*/ 2303465 w 2318705"/>
                    <a:gd name="connsiteY6" fmla="*/ 2186940 h 2186940"/>
                    <a:gd name="connsiteX7" fmla="*/ 17465 w 2318705"/>
                    <a:gd name="connsiteY7" fmla="*/ 2186940 h 2186940"/>
                    <a:gd name="connsiteX8" fmla="*/ 1891985 w 2318705"/>
                    <a:gd name="connsiteY8" fmla="*/ 914400 h 2186940"/>
                    <a:gd name="connsiteX9" fmla="*/ 1312865 w 2318705"/>
                    <a:gd name="connsiteY9" fmla="*/ 495300 h 2186940"/>
                    <a:gd name="connsiteX10" fmla="*/ 1137605 w 2318705"/>
                    <a:gd name="connsiteY10" fmla="*/ 480060 h 2186940"/>
                    <a:gd name="connsiteX11" fmla="*/ 688025 w 2318705"/>
                    <a:gd name="connsiteY11" fmla="*/ 693420 h 2186940"/>
                    <a:gd name="connsiteX0" fmla="*/ 688025 w 2318705"/>
                    <a:gd name="connsiteY0" fmla="*/ 693420 h 2186940"/>
                    <a:gd name="connsiteX1" fmla="*/ 817565 w 2318705"/>
                    <a:gd name="connsiteY1" fmla="*/ 198120 h 2186940"/>
                    <a:gd name="connsiteX2" fmla="*/ 1381445 w 2318705"/>
                    <a:gd name="connsiteY2" fmla="*/ 0 h 2186940"/>
                    <a:gd name="connsiteX3" fmla="*/ 2029145 w 2318705"/>
                    <a:gd name="connsiteY3" fmla="*/ 236220 h 2186940"/>
                    <a:gd name="connsiteX4" fmla="*/ 2318705 w 2318705"/>
                    <a:gd name="connsiteY4" fmla="*/ 1150620 h 2186940"/>
                    <a:gd name="connsiteX5" fmla="*/ 2151065 w 2318705"/>
                    <a:gd name="connsiteY5" fmla="*/ 1295400 h 2186940"/>
                    <a:gd name="connsiteX6" fmla="*/ 2303465 w 2318705"/>
                    <a:gd name="connsiteY6" fmla="*/ 2186940 h 2186940"/>
                    <a:gd name="connsiteX7" fmla="*/ 17465 w 2318705"/>
                    <a:gd name="connsiteY7" fmla="*/ 2186940 h 2186940"/>
                    <a:gd name="connsiteX8" fmla="*/ 1891985 w 2318705"/>
                    <a:gd name="connsiteY8" fmla="*/ 914400 h 2186940"/>
                    <a:gd name="connsiteX9" fmla="*/ 1312865 w 2318705"/>
                    <a:gd name="connsiteY9" fmla="*/ 495300 h 2186940"/>
                    <a:gd name="connsiteX10" fmla="*/ 1137605 w 2318705"/>
                    <a:gd name="connsiteY10" fmla="*/ 480060 h 2186940"/>
                    <a:gd name="connsiteX11" fmla="*/ 688025 w 2318705"/>
                    <a:gd name="connsiteY11" fmla="*/ 693420 h 2186940"/>
                    <a:gd name="connsiteX0" fmla="*/ 688025 w 2318705"/>
                    <a:gd name="connsiteY0" fmla="*/ 693420 h 2186940"/>
                    <a:gd name="connsiteX1" fmla="*/ 817565 w 2318705"/>
                    <a:gd name="connsiteY1" fmla="*/ 198120 h 2186940"/>
                    <a:gd name="connsiteX2" fmla="*/ 1381445 w 2318705"/>
                    <a:gd name="connsiteY2" fmla="*/ 0 h 2186940"/>
                    <a:gd name="connsiteX3" fmla="*/ 2029145 w 2318705"/>
                    <a:gd name="connsiteY3" fmla="*/ 236220 h 2186940"/>
                    <a:gd name="connsiteX4" fmla="*/ 2318705 w 2318705"/>
                    <a:gd name="connsiteY4" fmla="*/ 1150620 h 2186940"/>
                    <a:gd name="connsiteX5" fmla="*/ 2151065 w 2318705"/>
                    <a:gd name="connsiteY5" fmla="*/ 1295400 h 2186940"/>
                    <a:gd name="connsiteX6" fmla="*/ 1076645 w 2318705"/>
                    <a:gd name="connsiteY6" fmla="*/ 1859280 h 2186940"/>
                    <a:gd name="connsiteX7" fmla="*/ 17465 w 2318705"/>
                    <a:gd name="connsiteY7" fmla="*/ 2186940 h 2186940"/>
                    <a:gd name="connsiteX8" fmla="*/ 1891985 w 2318705"/>
                    <a:gd name="connsiteY8" fmla="*/ 914400 h 2186940"/>
                    <a:gd name="connsiteX9" fmla="*/ 1312865 w 2318705"/>
                    <a:gd name="connsiteY9" fmla="*/ 495300 h 2186940"/>
                    <a:gd name="connsiteX10" fmla="*/ 1137605 w 2318705"/>
                    <a:gd name="connsiteY10" fmla="*/ 480060 h 2186940"/>
                    <a:gd name="connsiteX11" fmla="*/ 688025 w 2318705"/>
                    <a:gd name="connsiteY11" fmla="*/ 693420 h 2186940"/>
                    <a:gd name="connsiteX0" fmla="*/ 688025 w 2318705"/>
                    <a:gd name="connsiteY0" fmla="*/ 693420 h 2186940"/>
                    <a:gd name="connsiteX1" fmla="*/ 817565 w 2318705"/>
                    <a:gd name="connsiteY1" fmla="*/ 198120 h 2186940"/>
                    <a:gd name="connsiteX2" fmla="*/ 1381445 w 2318705"/>
                    <a:gd name="connsiteY2" fmla="*/ 0 h 2186940"/>
                    <a:gd name="connsiteX3" fmla="*/ 2029145 w 2318705"/>
                    <a:gd name="connsiteY3" fmla="*/ 236220 h 2186940"/>
                    <a:gd name="connsiteX4" fmla="*/ 2318705 w 2318705"/>
                    <a:gd name="connsiteY4" fmla="*/ 1150620 h 2186940"/>
                    <a:gd name="connsiteX5" fmla="*/ 2151065 w 2318705"/>
                    <a:gd name="connsiteY5" fmla="*/ 1295400 h 2186940"/>
                    <a:gd name="connsiteX6" fmla="*/ 1076645 w 2318705"/>
                    <a:gd name="connsiteY6" fmla="*/ 1859280 h 2186940"/>
                    <a:gd name="connsiteX7" fmla="*/ 787085 w 2318705"/>
                    <a:gd name="connsiteY7" fmla="*/ 1790700 h 2186940"/>
                    <a:gd name="connsiteX8" fmla="*/ 17465 w 2318705"/>
                    <a:gd name="connsiteY8" fmla="*/ 2186940 h 2186940"/>
                    <a:gd name="connsiteX9" fmla="*/ 1891985 w 2318705"/>
                    <a:gd name="connsiteY9" fmla="*/ 914400 h 2186940"/>
                    <a:gd name="connsiteX10" fmla="*/ 1312865 w 2318705"/>
                    <a:gd name="connsiteY10" fmla="*/ 495300 h 2186940"/>
                    <a:gd name="connsiteX11" fmla="*/ 1137605 w 2318705"/>
                    <a:gd name="connsiteY11" fmla="*/ 480060 h 2186940"/>
                    <a:gd name="connsiteX12" fmla="*/ 688025 w 2318705"/>
                    <a:gd name="connsiteY12" fmla="*/ 693420 h 2186940"/>
                    <a:gd name="connsiteX0" fmla="*/ 688025 w 2318705"/>
                    <a:gd name="connsiteY0" fmla="*/ 693420 h 2186940"/>
                    <a:gd name="connsiteX1" fmla="*/ 817565 w 2318705"/>
                    <a:gd name="connsiteY1" fmla="*/ 198120 h 2186940"/>
                    <a:gd name="connsiteX2" fmla="*/ 1381445 w 2318705"/>
                    <a:gd name="connsiteY2" fmla="*/ 0 h 2186940"/>
                    <a:gd name="connsiteX3" fmla="*/ 2029145 w 2318705"/>
                    <a:gd name="connsiteY3" fmla="*/ 236220 h 2186940"/>
                    <a:gd name="connsiteX4" fmla="*/ 2318705 w 2318705"/>
                    <a:gd name="connsiteY4" fmla="*/ 1150620 h 2186940"/>
                    <a:gd name="connsiteX5" fmla="*/ 2151065 w 2318705"/>
                    <a:gd name="connsiteY5" fmla="*/ 1295400 h 2186940"/>
                    <a:gd name="connsiteX6" fmla="*/ 1076645 w 2318705"/>
                    <a:gd name="connsiteY6" fmla="*/ 1859280 h 2186940"/>
                    <a:gd name="connsiteX7" fmla="*/ 787085 w 2318705"/>
                    <a:gd name="connsiteY7" fmla="*/ 1790700 h 2186940"/>
                    <a:gd name="connsiteX8" fmla="*/ 17465 w 2318705"/>
                    <a:gd name="connsiteY8" fmla="*/ 2186940 h 2186940"/>
                    <a:gd name="connsiteX9" fmla="*/ 1891985 w 2318705"/>
                    <a:gd name="connsiteY9" fmla="*/ 914400 h 2186940"/>
                    <a:gd name="connsiteX10" fmla="*/ 1312865 w 2318705"/>
                    <a:gd name="connsiteY10" fmla="*/ 495300 h 2186940"/>
                    <a:gd name="connsiteX11" fmla="*/ 1137605 w 2318705"/>
                    <a:gd name="connsiteY11" fmla="*/ 480060 h 2186940"/>
                    <a:gd name="connsiteX12" fmla="*/ 688025 w 2318705"/>
                    <a:gd name="connsiteY12" fmla="*/ 693420 h 2186940"/>
                    <a:gd name="connsiteX0" fmla="*/ 688025 w 2318705"/>
                    <a:gd name="connsiteY0" fmla="*/ 693420 h 2186940"/>
                    <a:gd name="connsiteX1" fmla="*/ 817565 w 2318705"/>
                    <a:gd name="connsiteY1" fmla="*/ 198120 h 2186940"/>
                    <a:gd name="connsiteX2" fmla="*/ 1381445 w 2318705"/>
                    <a:gd name="connsiteY2" fmla="*/ 0 h 2186940"/>
                    <a:gd name="connsiteX3" fmla="*/ 2029145 w 2318705"/>
                    <a:gd name="connsiteY3" fmla="*/ 236220 h 2186940"/>
                    <a:gd name="connsiteX4" fmla="*/ 2318705 w 2318705"/>
                    <a:gd name="connsiteY4" fmla="*/ 1150620 h 2186940"/>
                    <a:gd name="connsiteX5" fmla="*/ 2151065 w 2318705"/>
                    <a:gd name="connsiteY5" fmla="*/ 1295400 h 2186940"/>
                    <a:gd name="connsiteX6" fmla="*/ 1076645 w 2318705"/>
                    <a:gd name="connsiteY6" fmla="*/ 1859280 h 2186940"/>
                    <a:gd name="connsiteX7" fmla="*/ 787085 w 2318705"/>
                    <a:gd name="connsiteY7" fmla="*/ 1790700 h 2186940"/>
                    <a:gd name="connsiteX8" fmla="*/ 17465 w 2318705"/>
                    <a:gd name="connsiteY8" fmla="*/ 2186940 h 2186940"/>
                    <a:gd name="connsiteX9" fmla="*/ 1891985 w 2318705"/>
                    <a:gd name="connsiteY9" fmla="*/ 914400 h 2186940"/>
                    <a:gd name="connsiteX10" fmla="*/ 1312865 w 2318705"/>
                    <a:gd name="connsiteY10" fmla="*/ 495300 h 2186940"/>
                    <a:gd name="connsiteX11" fmla="*/ 1137605 w 2318705"/>
                    <a:gd name="connsiteY11" fmla="*/ 480060 h 2186940"/>
                    <a:gd name="connsiteX12" fmla="*/ 688025 w 2318705"/>
                    <a:gd name="connsiteY12" fmla="*/ 693420 h 2186940"/>
                    <a:gd name="connsiteX0" fmla="*/ 688025 w 2318705"/>
                    <a:gd name="connsiteY0" fmla="*/ 693420 h 2186940"/>
                    <a:gd name="connsiteX1" fmla="*/ 817565 w 2318705"/>
                    <a:gd name="connsiteY1" fmla="*/ 198120 h 2186940"/>
                    <a:gd name="connsiteX2" fmla="*/ 1381445 w 2318705"/>
                    <a:gd name="connsiteY2" fmla="*/ 0 h 2186940"/>
                    <a:gd name="connsiteX3" fmla="*/ 2029145 w 2318705"/>
                    <a:gd name="connsiteY3" fmla="*/ 236220 h 2186940"/>
                    <a:gd name="connsiteX4" fmla="*/ 2318705 w 2318705"/>
                    <a:gd name="connsiteY4" fmla="*/ 1150620 h 2186940"/>
                    <a:gd name="connsiteX5" fmla="*/ 2151065 w 2318705"/>
                    <a:gd name="connsiteY5" fmla="*/ 1295400 h 2186940"/>
                    <a:gd name="connsiteX6" fmla="*/ 1076645 w 2318705"/>
                    <a:gd name="connsiteY6" fmla="*/ 1859280 h 2186940"/>
                    <a:gd name="connsiteX7" fmla="*/ 962345 w 2318705"/>
                    <a:gd name="connsiteY7" fmla="*/ 1577340 h 2186940"/>
                    <a:gd name="connsiteX8" fmla="*/ 17465 w 2318705"/>
                    <a:gd name="connsiteY8" fmla="*/ 2186940 h 2186940"/>
                    <a:gd name="connsiteX9" fmla="*/ 1891985 w 2318705"/>
                    <a:gd name="connsiteY9" fmla="*/ 914400 h 2186940"/>
                    <a:gd name="connsiteX10" fmla="*/ 1312865 w 2318705"/>
                    <a:gd name="connsiteY10" fmla="*/ 495300 h 2186940"/>
                    <a:gd name="connsiteX11" fmla="*/ 1137605 w 2318705"/>
                    <a:gd name="connsiteY11" fmla="*/ 480060 h 2186940"/>
                    <a:gd name="connsiteX12" fmla="*/ 688025 w 2318705"/>
                    <a:gd name="connsiteY12" fmla="*/ 693420 h 2186940"/>
                    <a:gd name="connsiteX0" fmla="*/ 688025 w 2318705"/>
                    <a:gd name="connsiteY0" fmla="*/ 693420 h 2186940"/>
                    <a:gd name="connsiteX1" fmla="*/ 817565 w 2318705"/>
                    <a:gd name="connsiteY1" fmla="*/ 198120 h 2186940"/>
                    <a:gd name="connsiteX2" fmla="*/ 1381445 w 2318705"/>
                    <a:gd name="connsiteY2" fmla="*/ 0 h 2186940"/>
                    <a:gd name="connsiteX3" fmla="*/ 2029145 w 2318705"/>
                    <a:gd name="connsiteY3" fmla="*/ 236220 h 2186940"/>
                    <a:gd name="connsiteX4" fmla="*/ 2318705 w 2318705"/>
                    <a:gd name="connsiteY4" fmla="*/ 1150620 h 2186940"/>
                    <a:gd name="connsiteX5" fmla="*/ 2151065 w 2318705"/>
                    <a:gd name="connsiteY5" fmla="*/ 1295400 h 2186940"/>
                    <a:gd name="connsiteX6" fmla="*/ 1076645 w 2318705"/>
                    <a:gd name="connsiteY6" fmla="*/ 1859280 h 2186940"/>
                    <a:gd name="connsiteX7" fmla="*/ 962345 w 2318705"/>
                    <a:gd name="connsiteY7" fmla="*/ 1577340 h 2186940"/>
                    <a:gd name="connsiteX8" fmla="*/ 17465 w 2318705"/>
                    <a:gd name="connsiteY8" fmla="*/ 2186940 h 2186940"/>
                    <a:gd name="connsiteX9" fmla="*/ 1891985 w 2318705"/>
                    <a:gd name="connsiteY9" fmla="*/ 914400 h 2186940"/>
                    <a:gd name="connsiteX10" fmla="*/ 1312865 w 2318705"/>
                    <a:gd name="connsiteY10" fmla="*/ 495300 h 2186940"/>
                    <a:gd name="connsiteX11" fmla="*/ 1137605 w 2318705"/>
                    <a:gd name="connsiteY11" fmla="*/ 480060 h 2186940"/>
                    <a:gd name="connsiteX12" fmla="*/ 688025 w 2318705"/>
                    <a:gd name="connsiteY12" fmla="*/ 693420 h 2186940"/>
                    <a:gd name="connsiteX0" fmla="*/ 804980 w 2435660"/>
                    <a:gd name="connsiteY0" fmla="*/ 693420 h 2186940"/>
                    <a:gd name="connsiteX1" fmla="*/ 934520 w 2435660"/>
                    <a:gd name="connsiteY1" fmla="*/ 198120 h 2186940"/>
                    <a:gd name="connsiteX2" fmla="*/ 1498400 w 2435660"/>
                    <a:gd name="connsiteY2" fmla="*/ 0 h 2186940"/>
                    <a:gd name="connsiteX3" fmla="*/ 2146100 w 2435660"/>
                    <a:gd name="connsiteY3" fmla="*/ 236220 h 2186940"/>
                    <a:gd name="connsiteX4" fmla="*/ 2435660 w 2435660"/>
                    <a:gd name="connsiteY4" fmla="*/ 1150620 h 2186940"/>
                    <a:gd name="connsiteX5" fmla="*/ 2268020 w 2435660"/>
                    <a:gd name="connsiteY5" fmla="*/ 1295400 h 2186940"/>
                    <a:gd name="connsiteX6" fmla="*/ 1193600 w 2435660"/>
                    <a:gd name="connsiteY6" fmla="*/ 1859280 h 2186940"/>
                    <a:gd name="connsiteX7" fmla="*/ 1079300 w 2435660"/>
                    <a:gd name="connsiteY7" fmla="*/ 1577340 h 2186940"/>
                    <a:gd name="connsiteX8" fmla="*/ 134420 w 2435660"/>
                    <a:gd name="connsiteY8" fmla="*/ 2186940 h 2186940"/>
                    <a:gd name="connsiteX9" fmla="*/ 149660 w 2435660"/>
                    <a:gd name="connsiteY9" fmla="*/ 883920 h 2186940"/>
                    <a:gd name="connsiteX10" fmla="*/ 2008940 w 2435660"/>
                    <a:gd name="connsiteY10" fmla="*/ 914400 h 2186940"/>
                    <a:gd name="connsiteX11" fmla="*/ 1429820 w 2435660"/>
                    <a:gd name="connsiteY11" fmla="*/ 495300 h 2186940"/>
                    <a:gd name="connsiteX12" fmla="*/ 1254560 w 2435660"/>
                    <a:gd name="connsiteY12" fmla="*/ 480060 h 2186940"/>
                    <a:gd name="connsiteX13" fmla="*/ 804980 w 2435660"/>
                    <a:gd name="connsiteY13" fmla="*/ 693420 h 2186940"/>
                    <a:gd name="connsiteX0" fmla="*/ 804980 w 2435660"/>
                    <a:gd name="connsiteY0" fmla="*/ 693420 h 2186940"/>
                    <a:gd name="connsiteX1" fmla="*/ 934520 w 2435660"/>
                    <a:gd name="connsiteY1" fmla="*/ 198120 h 2186940"/>
                    <a:gd name="connsiteX2" fmla="*/ 1498400 w 2435660"/>
                    <a:gd name="connsiteY2" fmla="*/ 0 h 2186940"/>
                    <a:gd name="connsiteX3" fmla="*/ 2146100 w 2435660"/>
                    <a:gd name="connsiteY3" fmla="*/ 236220 h 2186940"/>
                    <a:gd name="connsiteX4" fmla="*/ 2435660 w 2435660"/>
                    <a:gd name="connsiteY4" fmla="*/ 1150620 h 2186940"/>
                    <a:gd name="connsiteX5" fmla="*/ 2268020 w 2435660"/>
                    <a:gd name="connsiteY5" fmla="*/ 1295400 h 2186940"/>
                    <a:gd name="connsiteX6" fmla="*/ 1193600 w 2435660"/>
                    <a:gd name="connsiteY6" fmla="*/ 1859280 h 2186940"/>
                    <a:gd name="connsiteX7" fmla="*/ 1079300 w 2435660"/>
                    <a:gd name="connsiteY7" fmla="*/ 1577340 h 2186940"/>
                    <a:gd name="connsiteX8" fmla="*/ 835460 w 2435660"/>
                    <a:gd name="connsiteY8" fmla="*/ 1417320 h 2186940"/>
                    <a:gd name="connsiteX9" fmla="*/ 134420 w 2435660"/>
                    <a:gd name="connsiteY9" fmla="*/ 2186940 h 2186940"/>
                    <a:gd name="connsiteX10" fmla="*/ 149660 w 2435660"/>
                    <a:gd name="connsiteY10" fmla="*/ 883920 h 2186940"/>
                    <a:gd name="connsiteX11" fmla="*/ 2008940 w 2435660"/>
                    <a:gd name="connsiteY11" fmla="*/ 914400 h 2186940"/>
                    <a:gd name="connsiteX12" fmla="*/ 1429820 w 2435660"/>
                    <a:gd name="connsiteY12" fmla="*/ 495300 h 2186940"/>
                    <a:gd name="connsiteX13" fmla="*/ 1254560 w 2435660"/>
                    <a:gd name="connsiteY13" fmla="*/ 480060 h 2186940"/>
                    <a:gd name="connsiteX14" fmla="*/ 804980 w 2435660"/>
                    <a:gd name="connsiteY14" fmla="*/ 693420 h 2186940"/>
                    <a:gd name="connsiteX0" fmla="*/ 804980 w 2435660"/>
                    <a:gd name="connsiteY0" fmla="*/ 693420 h 2186940"/>
                    <a:gd name="connsiteX1" fmla="*/ 934520 w 2435660"/>
                    <a:gd name="connsiteY1" fmla="*/ 198120 h 2186940"/>
                    <a:gd name="connsiteX2" fmla="*/ 1498400 w 2435660"/>
                    <a:gd name="connsiteY2" fmla="*/ 0 h 2186940"/>
                    <a:gd name="connsiteX3" fmla="*/ 2146100 w 2435660"/>
                    <a:gd name="connsiteY3" fmla="*/ 236220 h 2186940"/>
                    <a:gd name="connsiteX4" fmla="*/ 2435660 w 2435660"/>
                    <a:gd name="connsiteY4" fmla="*/ 1150620 h 2186940"/>
                    <a:gd name="connsiteX5" fmla="*/ 2268020 w 2435660"/>
                    <a:gd name="connsiteY5" fmla="*/ 1295400 h 2186940"/>
                    <a:gd name="connsiteX6" fmla="*/ 1193600 w 2435660"/>
                    <a:gd name="connsiteY6" fmla="*/ 1859280 h 2186940"/>
                    <a:gd name="connsiteX7" fmla="*/ 1079300 w 2435660"/>
                    <a:gd name="connsiteY7" fmla="*/ 1577340 h 2186940"/>
                    <a:gd name="connsiteX8" fmla="*/ 835460 w 2435660"/>
                    <a:gd name="connsiteY8" fmla="*/ 1417320 h 2186940"/>
                    <a:gd name="connsiteX9" fmla="*/ 134420 w 2435660"/>
                    <a:gd name="connsiteY9" fmla="*/ 2186940 h 2186940"/>
                    <a:gd name="connsiteX10" fmla="*/ 149660 w 2435660"/>
                    <a:gd name="connsiteY10" fmla="*/ 883920 h 2186940"/>
                    <a:gd name="connsiteX11" fmla="*/ 2008940 w 2435660"/>
                    <a:gd name="connsiteY11" fmla="*/ 914400 h 2186940"/>
                    <a:gd name="connsiteX12" fmla="*/ 1429820 w 2435660"/>
                    <a:gd name="connsiteY12" fmla="*/ 495300 h 2186940"/>
                    <a:gd name="connsiteX13" fmla="*/ 1254560 w 2435660"/>
                    <a:gd name="connsiteY13" fmla="*/ 480060 h 2186940"/>
                    <a:gd name="connsiteX14" fmla="*/ 804980 w 2435660"/>
                    <a:gd name="connsiteY14" fmla="*/ 693420 h 2186940"/>
                    <a:gd name="connsiteX0" fmla="*/ 804980 w 2435660"/>
                    <a:gd name="connsiteY0" fmla="*/ 693420 h 2186940"/>
                    <a:gd name="connsiteX1" fmla="*/ 934520 w 2435660"/>
                    <a:gd name="connsiteY1" fmla="*/ 198120 h 2186940"/>
                    <a:gd name="connsiteX2" fmla="*/ 1498400 w 2435660"/>
                    <a:gd name="connsiteY2" fmla="*/ 0 h 2186940"/>
                    <a:gd name="connsiteX3" fmla="*/ 2146100 w 2435660"/>
                    <a:gd name="connsiteY3" fmla="*/ 236220 h 2186940"/>
                    <a:gd name="connsiteX4" fmla="*/ 2435660 w 2435660"/>
                    <a:gd name="connsiteY4" fmla="*/ 1150620 h 2186940"/>
                    <a:gd name="connsiteX5" fmla="*/ 2268020 w 2435660"/>
                    <a:gd name="connsiteY5" fmla="*/ 1295400 h 2186940"/>
                    <a:gd name="connsiteX6" fmla="*/ 1193600 w 2435660"/>
                    <a:gd name="connsiteY6" fmla="*/ 1859280 h 2186940"/>
                    <a:gd name="connsiteX7" fmla="*/ 1079300 w 2435660"/>
                    <a:gd name="connsiteY7" fmla="*/ 1577340 h 2186940"/>
                    <a:gd name="connsiteX8" fmla="*/ 835460 w 2435660"/>
                    <a:gd name="connsiteY8" fmla="*/ 1417320 h 2186940"/>
                    <a:gd name="connsiteX9" fmla="*/ 134420 w 2435660"/>
                    <a:gd name="connsiteY9" fmla="*/ 2186940 h 2186940"/>
                    <a:gd name="connsiteX10" fmla="*/ 149660 w 2435660"/>
                    <a:gd name="connsiteY10" fmla="*/ 883920 h 2186940"/>
                    <a:gd name="connsiteX11" fmla="*/ 2008940 w 2435660"/>
                    <a:gd name="connsiteY11" fmla="*/ 914400 h 2186940"/>
                    <a:gd name="connsiteX12" fmla="*/ 1429820 w 2435660"/>
                    <a:gd name="connsiteY12" fmla="*/ 495300 h 2186940"/>
                    <a:gd name="connsiteX13" fmla="*/ 1254560 w 2435660"/>
                    <a:gd name="connsiteY13" fmla="*/ 480060 h 2186940"/>
                    <a:gd name="connsiteX14" fmla="*/ 804980 w 2435660"/>
                    <a:gd name="connsiteY14" fmla="*/ 693420 h 2186940"/>
                    <a:gd name="connsiteX0" fmla="*/ 804980 w 2435660"/>
                    <a:gd name="connsiteY0" fmla="*/ 693420 h 2186940"/>
                    <a:gd name="connsiteX1" fmla="*/ 934520 w 2435660"/>
                    <a:gd name="connsiteY1" fmla="*/ 198120 h 2186940"/>
                    <a:gd name="connsiteX2" fmla="*/ 1498400 w 2435660"/>
                    <a:gd name="connsiteY2" fmla="*/ 0 h 2186940"/>
                    <a:gd name="connsiteX3" fmla="*/ 2146100 w 2435660"/>
                    <a:gd name="connsiteY3" fmla="*/ 236220 h 2186940"/>
                    <a:gd name="connsiteX4" fmla="*/ 2435660 w 2435660"/>
                    <a:gd name="connsiteY4" fmla="*/ 1150620 h 2186940"/>
                    <a:gd name="connsiteX5" fmla="*/ 2268020 w 2435660"/>
                    <a:gd name="connsiteY5" fmla="*/ 1295400 h 2186940"/>
                    <a:gd name="connsiteX6" fmla="*/ 1193600 w 2435660"/>
                    <a:gd name="connsiteY6" fmla="*/ 1859280 h 2186940"/>
                    <a:gd name="connsiteX7" fmla="*/ 1079300 w 2435660"/>
                    <a:gd name="connsiteY7" fmla="*/ 1577340 h 2186940"/>
                    <a:gd name="connsiteX8" fmla="*/ 835460 w 2435660"/>
                    <a:gd name="connsiteY8" fmla="*/ 1417320 h 2186940"/>
                    <a:gd name="connsiteX9" fmla="*/ 591620 w 2435660"/>
                    <a:gd name="connsiteY9" fmla="*/ 1272540 h 2186940"/>
                    <a:gd name="connsiteX10" fmla="*/ 134420 w 2435660"/>
                    <a:gd name="connsiteY10" fmla="*/ 2186940 h 2186940"/>
                    <a:gd name="connsiteX11" fmla="*/ 149660 w 2435660"/>
                    <a:gd name="connsiteY11" fmla="*/ 883920 h 2186940"/>
                    <a:gd name="connsiteX12" fmla="*/ 2008940 w 2435660"/>
                    <a:gd name="connsiteY12" fmla="*/ 914400 h 2186940"/>
                    <a:gd name="connsiteX13" fmla="*/ 1429820 w 2435660"/>
                    <a:gd name="connsiteY13" fmla="*/ 495300 h 2186940"/>
                    <a:gd name="connsiteX14" fmla="*/ 1254560 w 2435660"/>
                    <a:gd name="connsiteY14" fmla="*/ 480060 h 2186940"/>
                    <a:gd name="connsiteX15" fmla="*/ 804980 w 2435660"/>
                    <a:gd name="connsiteY15" fmla="*/ 693420 h 2186940"/>
                    <a:gd name="connsiteX0" fmla="*/ 804980 w 2435660"/>
                    <a:gd name="connsiteY0" fmla="*/ 693420 h 2186940"/>
                    <a:gd name="connsiteX1" fmla="*/ 934520 w 2435660"/>
                    <a:gd name="connsiteY1" fmla="*/ 198120 h 2186940"/>
                    <a:gd name="connsiteX2" fmla="*/ 1498400 w 2435660"/>
                    <a:gd name="connsiteY2" fmla="*/ 0 h 2186940"/>
                    <a:gd name="connsiteX3" fmla="*/ 2146100 w 2435660"/>
                    <a:gd name="connsiteY3" fmla="*/ 236220 h 2186940"/>
                    <a:gd name="connsiteX4" fmla="*/ 2435660 w 2435660"/>
                    <a:gd name="connsiteY4" fmla="*/ 1150620 h 2186940"/>
                    <a:gd name="connsiteX5" fmla="*/ 2268020 w 2435660"/>
                    <a:gd name="connsiteY5" fmla="*/ 1295400 h 2186940"/>
                    <a:gd name="connsiteX6" fmla="*/ 1193600 w 2435660"/>
                    <a:gd name="connsiteY6" fmla="*/ 1859280 h 2186940"/>
                    <a:gd name="connsiteX7" fmla="*/ 1079300 w 2435660"/>
                    <a:gd name="connsiteY7" fmla="*/ 1577340 h 2186940"/>
                    <a:gd name="connsiteX8" fmla="*/ 835460 w 2435660"/>
                    <a:gd name="connsiteY8" fmla="*/ 1417320 h 2186940"/>
                    <a:gd name="connsiteX9" fmla="*/ 591620 w 2435660"/>
                    <a:gd name="connsiteY9" fmla="*/ 1272540 h 2186940"/>
                    <a:gd name="connsiteX10" fmla="*/ 134420 w 2435660"/>
                    <a:gd name="connsiteY10" fmla="*/ 2186940 h 2186940"/>
                    <a:gd name="connsiteX11" fmla="*/ 149660 w 2435660"/>
                    <a:gd name="connsiteY11" fmla="*/ 883920 h 2186940"/>
                    <a:gd name="connsiteX12" fmla="*/ 2008940 w 2435660"/>
                    <a:gd name="connsiteY12" fmla="*/ 914400 h 2186940"/>
                    <a:gd name="connsiteX13" fmla="*/ 1429820 w 2435660"/>
                    <a:gd name="connsiteY13" fmla="*/ 495300 h 2186940"/>
                    <a:gd name="connsiteX14" fmla="*/ 1254560 w 2435660"/>
                    <a:gd name="connsiteY14" fmla="*/ 480060 h 2186940"/>
                    <a:gd name="connsiteX15" fmla="*/ 804980 w 2435660"/>
                    <a:gd name="connsiteY15" fmla="*/ 693420 h 2186940"/>
                    <a:gd name="connsiteX0" fmla="*/ 804980 w 2435660"/>
                    <a:gd name="connsiteY0" fmla="*/ 693420 h 2186940"/>
                    <a:gd name="connsiteX1" fmla="*/ 934520 w 2435660"/>
                    <a:gd name="connsiteY1" fmla="*/ 198120 h 2186940"/>
                    <a:gd name="connsiteX2" fmla="*/ 1498400 w 2435660"/>
                    <a:gd name="connsiteY2" fmla="*/ 0 h 2186940"/>
                    <a:gd name="connsiteX3" fmla="*/ 2146100 w 2435660"/>
                    <a:gd name="connsiteY3" fmla="*/ 236220 h 2186940"/>
                    <a:gd name="connsiteX4" fmla="*/ 2435660 w 2435660"/>
                    <a:gd name="connsiteY4" fmla="*/ 1150620 h 2186940"/>
                    <a:gd name="connsiteX5" fmla="*/ 2268020 w 2435660"/>
                    <a:gd name="connsiteY5" fmla="*/ 1295400 h 2186940"/>
                    <a:gd name="connsiteX6" fmla="*/ 1193600 w 2435660"/>
                    <a:gd name="connsiteY6" fmla="*/ 1859280 h 2186940"/>
                    <a:gd name="connsiteX7" fmla="*/ 1079300 w 2435660"/>
                    <a:gd name="connsiteY7" fmla="*/ 1577340 h 2186940"/>
                    <a:gd name="connsiteX8" fmla="*/ 835460 w 2435660"/>
                    <a:gd name="connsiteY8" fmla="*/ 1417320 h 2186940"/>
                    <a:gd name="connsiteX9" fmla="*/ 591620 w 2435660"/>
                    <a:gd name="connsiteY9" fmla="*/ 1272540 h 2186940"/>
                    <a:gd name="connsiteX10" fmla="*/ 134420 w 2435660"/>
                    <a:gd name="connsiteY10" fmla="*/ 2186940 h 2186940"/>
                    <a:gd name="connsiteX11" fmla="*/ 149660 w 2435660"/>
                    <a:gd name="connsiteY11" fmla="*/ 883920 h 2186940"/>
                    <a:gd name="connsiteX12" fmla="*/ 2008940 w 2435660"/>
                    <a:gd name="connsiteY12" fmla="*/ 914400 h 2186940"/>
                    <a:gd name="connsiteX13" fmla="*/ 1429820 w 2435660"/>
                    <a:gd name="connsiteY13" fmla="*/ 495300 h 2186940"/>
                    <a:gd name="connsiteX14" fmla="*/ 1254560 w 2435660"/>
                    <a:gd name="connsiteY14" fmla="*/ 480060 h 2186940"/>
                    <a:gd name="connsiteX15" fmla="*/ 804980 w 2435660"/>
                    <a:gd name="connsiteY15" fmla="*/ 693420 h 2186940"/>
                    <a:gd name="connsiteX0" fmla="*/ 804980 w 2435660"/>
                    <a:gd name="connsiteY0" fmla="*/ 693420 h 2186940"/>
                    <a:gd name="connsiteX1" fmla="*/ 934520 w 2435660"/>
                    <a:gd name="connsiteY1" fmla="*/ 198120 h 2186940"/>
                    <a:gd name="connsiteX2" fmla="*/ 1498400 w 2435660"/>
                    <a:gd name="connsiteY2" fmla="*/ 0 h 2186940"/>
                    <a:gd name="connsiteX3" fmla="*/ 2146100 w 2435660"/>
                    <a:gd name="connsiteY3" fmla="*/ 236220 h 2186940"/>
                    <a:gd name="connsiteX4" fmla="*/ 2435660 w 2435660"/>
                    <a:gd name="connsiteY4" fmla="*/ 1150620 h 2186940"/>
                    <a:gd name="connsiteX5" fmla="*/ 2268020 w 2435660"/>
                    <a:gd name="connsiteY5" fmla="*/ 1295400 h 2186940"/>
                    <a:gd name="connsiteX6" fmla="*/ 1193600 w 2435660"/>
                    <a:gd name="connsiteY6" fmla="*/ 1859280 h 2186940"/>
                    <a:gd name="connsiteX7" fmla="*/ 1079300 w 2435660"/>
                    <a:gd name="connsiteY7" fmla="*/ 1577340 h 2186940"/>
                    <a:gd name="connsiteX8" fmla="*/ 835460 w 2435660"/>
                    <a:gd name="connsiteY8" fmla="*/ 1417320 h 2186940"/>
                    <a:gd name="connsiteX9" fmla="*/ 591620 w 2435660"/>
                    <a:gd name="connsiteY9" fmla="*/ 1272540 h 2186940"/>
                    <a:gd name="connsiteX10" fmla="*/ 134420 w 2435660"/>
                    <a:gd name="connsiteY10" fmla="*/ 2186940 h 2186940"/>
                    <a:gd name="connsiteX11" fmla="*/ 149660 w 2435660"/>
                    <a:gd name="connsiteY11" fmla="*/ 883920 h 2186940"/>
                    <a:gd name="connsiteX12" fmla="*/ 2008940 w 2435660"/>
                    <a:gd name="connsiteY12" fmla="*/ 914400 h 2186940"/>
                    <a:gd name="connsiteX13" fmla="*/ 1429820 w 2435660"/>
                    <a:gd name="connsiteY13" fmla="*/ 495300 h 2186940"/>
                    <a:gd name="connsiteX14" fmla="*/ 1254560 w 2435660"/>
                    <a:gd name="connsiteY14" fmla="*/ 480060 h 2186940"/>
                    <a:gd name="connsiteX15" fmla="*/ 804980 w 2435660"/>
                    <a:gd name="connsiteY15" fmla="*/ 693420 h 2186940"/>
                    <a:gd name="connsiteX0" fmla="*/ 655320 w 2286000"/>
                    <a:gd name="connsiteY0" fmla="*/ 693420 h 1891406"/>
                    <a:gd name="connsiteX1" fmla="*/ 784860 w 2286000"/>
                    <a:gd name="connsiteY1" fmla="*/ 198120 h 1891406"/>
                    <a:gd name="connsiteX2" fmla="*/ 1348740 w 2286000"/>
                    <a:gd name="connsiteY2" fmla="*/ 0 h 1891406"/>
                    <a:gd name="connsiteX3" fmla="*/ 1996440 w 2286000"/>
                    <a:gd name="connsiteY3" fmla="*/ 236220 h 1891406"/>
                    <a:gd name="connsiteX4" fmla="*/ 2286000 w 2286000"/>
                    <a:gd name="connsiteY4" fmla="*/ 1150620 h 1891406"/>
                    <a:gd name="connsiteX5" fmla="*/ 2118360 w 2286000"/>
                    <a:gd name="connsiteY5" fmla="*/ 1295400 h 1891406"/>
                    <a:gd name="connsiteX6" fmla="*/ 1043940 w 2286000"/>
                    <a:gd name="connsiteY6" fmla="*/ 1859280 h 1891406"/>
                    <a:gd name="connsiteX7" fmla="*/ 929640 w 2286000"/>
                    <a:gd name="connsiteY7" fmla="*/ 1577340 h 1891406"/>
                    <a:gd name="connsiteX8" fmla="*/ 685800 w 2286000"/>
                    <a:gd name="connsiteY8" fmla="*/ 1417320 h 1891406"/>
                    <a:gd name="connsiteX9" fmla="*/ 441960 w 2286000"/>
                    <a:gd name="connsiteY9" fmla="*/ 1272540 h 1891406"/>
                    <a:gd name="connsiteX10" fmla="*/ 0 w 2286000"/>
                    <a:gd name="connsiteY10" fmla="*/ 883920 h 1891406"/>
                    <a:gd name="connsiteX11" fmla="*/ 1859280 w 2286000"/>
                    <a:gd name="connsiteY11" fmla="*/ 914400 h 1891406"/>
                    <a:gd name="connsiteX12" fmla="*/ 1280160 w 2286000"/>
                    <a:gd name="connsiteY12" fmla="*/ 495300 h 1891406"/>
                    <a:gd name="connsiteX13" fmla="*/ 1104900 w 2286000"/>
                    <a:gd name="connsiteY13" fmla="*/ 480060 h 1891406"/>
                    <a:gd name="connsiteX14" fmla="*/ 655320 w 2286000"/>
                    <a:gd name="connsiteY14" fmla="*/ 693420 h 1891406"/>
                    <a:gd name="connsiteX0" fmla="*/ 472440 w 2103120"/>
                    <a:gd name="connsiteY0" fmla="*/ 693420 h 1891406"/>
                    <a:gd name="connsiteX1" fmla="*/ 601980 w 2103120"/>
                    <a:gd name="connsiteY1" fmla="*/ 198120 h 1891406"/>
                    <a:gd name="connsiteX2" fmla="*/ 1165860 w 2103120"/>
                    <a:gd name="connsiteY2" fmla="*/ 0 h 1891406"/>
                    <a:gd name="connsiteX3" fmla="*/ 1813560 w 2103120"/>
                    <a:gd name="connsiteY3" fmla="*/ 236220 h 1891406"/>
                    <a:gd name="connsiteX4" fmla="*/ 2103120 w 2103120"/>
                    <a:gd name="connsiteY4" fmla="*/ 1150620 h 1891406"/>
                    <a:gd name="connsiteX5" fmla="*/ 1935480 w 2103120"/>
                    <a:gd name="connsiteY5" fmla="*/ 1295400 h 1891406"/>
                    <a:gd name="connsiteX6" fmla="*/ 861060 w 2103120"/>
                    <a:gd name="connsiteY6" fmla="*/ 1859280 h 1891406"/>
                    <a:gd name="connsiteX7" fmla="*/ 746760 w 2103120"/>
                    <a:gd name="connsiteY7" fmla="*/ 1577340 h 1891406"/>
                    <a:gd name="connsiteX8" fmla="*/ 502920 w 2103120"/>
                    <a:gd name="connsiteY8" fmla="*/ 1417320 h 1891406"/>
                    <a:gd name="connsiteX9" fmla="*/ 259080 w 2103120"/>
                    <a:gd name="connsiteY9" fmla="*/ 1272540 h 1891406"/>
                    <a:gd name="connsiteX10" fmla="*/ 0 w 2103120"/>
                    <a:gd name="connsiteY10" fmla="*/ 1097280 h 1891406"/>
                    <a:gd name="connsiteX11" fmla="*/ 1676400 w 2103120"/>
                    <a:gd name="connsiteY11" fmla="*/ 914400 h 1891406"/>
                    <a:gd name="connsiteX12" fmla="*/ 1097280 w 2103120"/>
                    <a:gd name="connsiteY12" fmla="*/ 495300 h 1891406"/>
                    <a:gd name="connsiteX13" fmla="*/ 922020 w 2103120"/>
                    <a:gd name="connsiteY13" fmla="*/ 480060 h 1891406"/>
                    <a:gd name="connsiteX14" fmla="*/ 472440 w 2103120"/>
                    <a:gd name="connsiteY14" fmla="*/ 693420 h 1891406"/>
                    <a:gd name="connsiteX0" fmla="*/ 503358 w 2134038"/>
                    <a:gd name="connsiteY0" fmla="*/ 693420 h 1891406"/>
                    <a:gd name="connsiteX1" fmla="*/ 632898 w 2134038"/>
                    <a:gd name="connsiteY1" fmla="*/ 198120 h 1891406"/>
                    <a:gd name="connsiteX2" fmla="*/ 1196778 w 2134038"/>
                    <a:gd name="connsiteY2" fmla="*/ 0 h 1891406"/>
                    <a:gd name="connsiteX3" fmla="*/ 1844478 w 2134038"/>
                    <a:gd name="connsiteY3" fmla="*/ 236220 h 1891406"/>
                    <a:gd name="connsiteX4" fmla="*/ 2134038 w 2134038"/>
                    <a:gd name="connsiteY4" fmla="*/ 1150620 h 1891406"/>
                    <a:gd name="connsiteX5" fmla="*/ 1966398 w 2134038"/>
                    <a:gd name="connsiteY5" fmla="*/ 1295400 h 1891406"/>
                    <a:gd name="connsiteX6" fmla="*/ 891978 w 2134038"/>
                    <a:gd name="connsiteY6" fmla="*/ 1859280 h 1891406"/>
                    <a:gd name="connsiteX7" fmla="*/ 777678 w 2134038"/>
                    <a:gd name="connsiteY7" fmla="*/ 1577340 h 1891406"/>
                    <a:gd name="connsiteX8" fmla="*/ 533838 w 2134038"/>
                    <a:gd name="connsiteY8" fmla="*/ 1417320 h 1891406"/>
                    <a:gd name="connsiteX9" fmla="*/ 289998 w 2134038"/>
                    <a:gd name="connsiteY9" fmla="*/ 1272540 h 1891406"/>
                    <a:gd name="connsiteX10" fmla="*/ 30918 w 2134038"/>
                    <a:gd name="connsiteY10" fmla="*/ 1097280 h 1891406"/>
                    <a:gd name="connsiteX11" fmla="*/ 1707318 w 2134038"/>
                    <a:gd name="connsiteY11" fmla="*/ 914400 h 1891406"/>
                    <a:gd name="connsiteX12" fmla="*/ 1128198 w 2134038"/>
                    <a:gd name="connsiteY12" fmla="*/ 495300 h 1891406"/>
                    <a:gd name="connsiteX13" fmla="*/ 952938 w 2134038"/>
                    <a:gd name="connsiteY13" fmla="*/ 480060 h 1891406"/>
                    <a:gd name="connsiteX14" fmla="*/ 503358 w 2134038"/>
                    <a:gd name="connsiteY14" fmla="*/ 693420 h 1891406"/>
                    <a:gd name="connsiteX0" fmla="*/ 508409 w 2139089"/>
                    <a:gd name="connsiteY0" fmla="*/ 693420 h 1891406"/>
                    <a:gd name="connsiteX1" fmla="*/ 637949 w 2139089"/>
                    <a:gd name="connsiteY1" fmla="*/ 198120 h 1891406"/>
                    <a:gd name="connsiteX2" fmla="*/ 1201829 w 2139089"/>
                    <a:gd name="connsiteY2" fmla="*/ 0 h 1891406"/>
                    <a:gd name="connsiteX3" fmla="*/ 1849529 w 2139089"/>
                    <a:gd name="connsiteY3" fmla="*/ 236220 h 1891406"/>
                    <a:gd name="connsiteX4" fmla="*/ 2139089 w 2139089"/>
                    <a:gd name="connsiteY4" fmla="*/ 1150620 h 1891406"/>
                    <a:gd name="connsiteX5" fmla="*/ 1971449 w 2139089"/>
                    <a:gd name="connsiteY5" fmla="*/ 1295400 h 1891406"/>
                    <a:gd name="connsiteX6" fmla="*/ 897029 w 2139089"/>
                    <a:gd name="connsiteY6" fmla="*/ 1859280 h 1891406"/>
                    <a:gd name="connsiteX7" fmla="*/ 782729 w 2139089"/>
                    <a:gd name="connsiteY7" fmla="*/ 1577340 h 1891406"/>
                    <a:gd name="connsiteX8" fmla="*/ 538889 w 2139089"/>
                    <a:gd name="connsiteY8" fmla="*/ 1417320 h 1891406"/>
                    <a:gd name="connsiteX9" fmla="*/ 295049 w 2139089"/>
                    <a:gd name="connsiteY9" fmla="*/ 1272540 h 1891406"/>
                    <a:gd name="connsiteX10" fmla="*/ 35969 w 2139089"/>
                    <a:gd name="connsiteY10" fmla="*/ 1097280 h 1891406"/>
                    <a:gd name="connsiteX11" fmla="*/ 1712369 w 2139089"/>
                    <a:gd name="connsiteY11" fmla="*/ 914400 h 1891406"/>
                    <a:gd name="connsiteX12" fmla="*/ 1133249 w 2139089"/>
                    <a:gd name="connsiteY12" fmla="*/ 495300 h 1891406"/>
                    <a:gd name="connsiteX13" fmla="*/ 957989 w 2139089"/>
                    <a:gd name="connsiteY13" fmla="*/ 480060 h 1891406"/>
                    <a:gd name="connsiteX14" fmla="*/ 508409 w 2139089"/>
                    <a:gd name="connsiteY14" fmla="*/ 693420 h 1891406"/>
                    <a:gd name="connsiteX0" fmla="*/ 508409 w 2139089"/>
                    <a:gd name="connsiteY0" fmla="*/ 693420 h 1891406"/>
                    <a:gd name="connsiteX1" fmla="*/ 637949 w 2139089"/>
                    <a:gd name="connsiteY1" fmla="*/ 198120 h 1891406"/>
                    <a:gd name="connsiteX2" fmla="*/ 1201829 w 2139089"/>
                    <a:gd name="connsiteY2" fmla="*/ 0 h 1891406"/>
                    <a:gd name="connsiteX3" fmla="*/ 1849529 w 2139089"/>
                    <a:gd name="connsiteY3" fmla="*/ 236220 h 1891406"/>
                    <a:gd name="connsiteX4" fmla="*/ 2139089 w 2139089"/>
                    <a:gd name="connsiteY4" fmla="*/ 1150620 h 1891406"/>
                    <a:gd name="connsiteX5" fmla="*/ 1971449 w 2139089"/>
                    <a:gd name="connsiteY5" fmla="*/ 1295400 h 1891406"/>
                    <a:gd name="connsiteX6" fmla="*/ 897029 w 2139089"/>
                    <a:gd name="connsiteY6" fmla="*/ 1859280 h 1891406"/>
                    <a:gd name="connsiteX7" fmla="*/ 782729 w 2139089"/>
                    <a:gd name="connsiteY7" fmla="*/ 1577340 h 1891406"/>
                    <a:gd name="connsiteX8" fmla="*/ 538889 w 2139089"/>
                    <a:gd name="connsiteY8" fmla="*/ 1417320 h 1891406"/>
                    <a:gd name="connsiteX9" fmla="*/ 295049 w 2139089"/>
                    <a:gd name="connsiteY9" fmla="*/ 1272540 h 1891406"/>
                    <a:gd name="connsiteX10" fmla="*/ 35969 w 2139089"/>
                    <a:gd name="connsiteY10" fmla="*/ 1097280 h 1891406"/>
                    <a:gd name="connsiteX11" fmla="*/ 279810 w 2139089"/>
                    <a:gd name="connsiteY11" fmla="*/ 1021080 h 1891406"/>
                    <a:gd name="connsiteX12" fmla="*/ 1712369 w 2139089"/>
                    <a:gd name="connsiteY12" fmla="*/ 914400 h 1891406"/>
                    <a:gd name="connsiteX13" fmla="*/ 1133249 w 2139089"/>
                    <a:gd name="connsiteY13" fmla="*/ 495300 h 1891406"/>
                    <a:gd name="connsiteX14" fmla="*/ 957989 w 2139089"/>
                    <a:gd name="connsiteY14" fmla="*/ 480060 h 1891406"/>
                    <a:gd name="connsiteX15" fmla="*/ 508409 w 2139089"/>
                    <a:gd name="connsiteY15" fmla="*/ 693420 h 1891406"/>
                    <a:gd name="connsiteX0" fmla="*/ 508409 w 2139089"/>
                    <a:gd name="connsiteY0" fmla="*/ 693420 h 1891406"/>
                    <a:gd name="connsiteX1" fmla="*/ 637949 w 2139089"/>
                    <a:gd name="connsiteY1" fmla="*/ 198120 h 1891406"/>
                    <a:gd name="connsiteX2" fmla="*/ 1201829 w 2139089"/>
                    <a:gd name="connsiteY2" fmla="*/ 0 h 1891406"/>
                    <a:gd name="connsiteX3" fmla="*/ 1849529 w 2139089"/>
                    <a:gd name="connsiteY3" fmla="*/ 236220 h 1891406"/>
                    <a:gd name="connsiteX4" fmla="*/ 2139089 w 2139089"/>
                    <a:gd name="connsiteY4" fmla="*/ 1150620 h 1891406"/>
                    <a:gd name="connsiteX5" fmla="*/ 1971449 w 2139089"/>
                    <a:gd name="connsiteY5" fmla="*/ 1295400 h 1891406"/>
                    <a:gd name="connsiteX6" fmla="*/ 897029 w 2139089"/>
                    <a:gd name="connsiteY6" fmla="*/ 1859280 h 1891406"/>
                    <a:gd name="connsiteX7" fmla="*/ 782729 w 2139089"/>
                    <a:gd name="connsiteY7" fmla="*/ 1577340 h 1891406"/>
                    <a:gd name="connsiteX8" fmla="*/ 538889 w 2139089"/>
                    <a:gd name="connsiteY8" fmla="*/ 1417320 h 1891406"/>
                    <a:gd name="connsiteX9" fmla="*/ 295049 w 2139089"/>
                    <a:gd name="connsiteY9" fmla="*/ 1272540 h 1891406"/>
                    <a:gd name="connsiteX10" fmla="*/ 35969 w 2139089"/>
                    <a:gd name="connsiteY10" fmla="*/ 1097280 h 1891406"/>
                    <a:gd name="connsiteX11" fmla="*/ 279810 w 2139089"/>
                    <a:gd name="connsiteY11" fmla="*/ 1021080 h 1891406"/>
                    <a:gd name="connsiteX12" fmla="*/ 996090 w 2139089"/>
                    <a:gd name="connsiteY12" fmla="*/ 1798320 h 1891406"/>
                    <a:gd name="connsiteX13" fmla="*/ 1712369 w 2139089"/>
                    <a:gd name="connsiteY13" fmla="*/ 914400 h 1891406"/>
                    <a:gd name="connsiteX14" fmla="*/ 1133249 w 2139089"/>
                    <a:gd name="connsiteY14" fmla="*/ 495300 h 1891406"/>
                    <a:gd name="connsiteX15" fmla="*/ 957989 w 2139089"/>
                    <a:gd name="connsiteY15" fmla="*/ 480060 h 1891406"/>
                    <a:gd name="connsiteX16" fmla="*/ 508409 w 2139089"/>
                    <a:gd name="connsiteY16" fmla="*/ 693420 h 1891406"/>
                    <a:gd name="connsiteX0" fmla="*/ 508409 w 2139089"/>
                    <a:gd name="connsiteY0" fmla="*/ 693420 h 1891406"/>
                    <a:gd name="connsiteX1" fmla="*/ 637949 w 2139089"/>
                    <a:gd name="connsiteY1" fmla="*/ 198120 h 1891406"/>
                    <a:gd name="connsiteX2" fmla="*/ 1201829 w 2139089"/>
                    <a:gd name="connsiteY2" fmla="*/ 0 h 1891406"/>
                    <a:gd name="connsiteX3" fmla="*/ 1849529 w 2139089"/>
                    <a:gd name="connsiteY3" fmla="*/ 236220 h 1891406"/>
                    <a:gd name="connsiteX4" fmla="*/ 2139089 w 2139089"/>
                    <a:gd name="connsiteY4" fmla="*/ 1150620 h 1891406"/>
                    <a:gd name="connsiteX5" fmla="*/ 1971449 w 2139089"/>
                    <a:gd name="connsiteY5" fmla="*/ 1295400 h 1891406"/>
                    <a:gd name="connsiteX6" fmla="*/ 897029 w 2139089"/>
                    <a:gd name="connsiteY6" fmla="*/ 1859280 h 1891406"/>
                    <a:gd name="connsiteX7" fmla="*/ 782729 w 2139089"/>
                    <a:gd name="connsiteY7" fmla="*/ 1577340 h 1891406"/>
                    <a:gd name="connsiteX8" fmla="*/ 538889 w 2139089"/>
                    <a:gd name="connsiteY8" fmla="*/ 1417320 h 1891406"/>
                    <a:gd name="connsiteX9" fmla="*/ 295049 w 2139089"/>
                    <a:gd name="connsiteY9" fmla="*/ 1272540 h 1891406"/>
                    <a:gd name="connsiteX10" fmla="*/ 35969 w 2139089"/>
                    <a:gd name="connsiteY10" fmla="*/ 1097280 h 1891406"/>
                    <a:gd name="connsiteX11" fmla="*/ 241710 w 2139089"/>
                    <a:gd name="connsiteY11" fmla="*/ 1021080 h 1891406"/>
                    <a:gd name="connsiteX12" fmla="*/ 996090 w 2139089"/>
                    <a:gd name="connsiteY12" fmla="*/ 1798320 h 1891406"/>
                    <a:gd name="connsiteX13" fmla="*/ 1712369 w 2139089"/>
                    <a:gd name="connsiteY13" fmla="*/ 914400 h 1891406"/>
                    <a:gd name="connsiteX14" fmla="*/ 1133249 w 2139089"/>
                    <a:gd name="connsiteY14" fmla="*/ 495300 h 1891406"/>
                    <a:gd name="connsiteX15" fmla="*/ 957989 w 2139089"/>
                    <a:gd name="connsiteY15" fmla="*/ 480060 h 1891406"/>
                    <a:gd name="connsiteX16" fmla="*/ 508409 w 2139089"/>
                    <a:gd name="connsiteY16" fmla="*/ 693420 h 1891406"/>
                    <a:gd name="connsiteX0" fmla="*/ 508409 w 2139089"/>
                    <a:gd name="connsiteY0" fmla="*/ 693420 h 1891406"/>
                    <a:gd name="connsiteX1" fmla="*/ 637949 w 2139089"/>
                    <a:gd name="connsiteY1" fmla="*/ 198120 h 1891406"/>
                    <a:gd name="connsiteX2" fmla="*/ 1201829 w 2139089"/>
                    <a:gd name="connsiteY2" fmla="*/ 0 h 1891406"/>
                    <a:gd name="connsiteX3" fmla="*/ 1849529 w 2139089"/>
                    <a:gd name="connsiteY3" fmla="*/ 236220 h 1891406"/>
                    <a:gd name="connsiteX4" fmla="*/ 2139089 w 2139089"/>
                    <a:gd name="connsiteY4" fmla="*/ 1150620 h 1891406"/>
                    <a:gd name="connsiteX5" fmla="*/ 1971449 w 2139089"/>
                    <a:gd name="connsiteY5" fmla="*/ 1295400 h 1891406"/>
                    <a:gd name="connsiteX6" fmla="*/ 897029 w 2139089"/>
                    <a:gd name="connsiteY6" fmla="*/ 1859280 h 1891406"/>
                    <a:gd name="connsiteX7" fmla="*/ 782729 w 2139089"/>
                    <a:gd name="connsiteY7" fmla="*/ 1577340 h 1891406"/>
                    <a:gd name="connsiteX8" fmla="*/ 538889 w 2139089"/>
                    <a:gd name="connsiteY8" fmla="*/ 1417320 h 1891406"/>
                    <a:gd name="connsiteX9" fmla="*/ 295049 w 2139089"/>
                    <a:gd name="connsiteY9" fmla="*/ 1272540 h 1891406"/>
                    <a:gd name="connsiteX10" fmla="*/ 35969 w 2139089"/>
                    <a:gd name="connsiteY10" fmla="*/ 1097280 h 1891406"/>
                    <a:gd name="connsiteX11" fmla="*/ 241710 w 2139089"/>
                    <a:gd name="connsiteY11" fmla="*/ 1021080 h 1891406"/>
                    <a:gd name="connsiteX12" fmla="*/ 333150 w 2139089"/>
                    <a:gd name="connsiteY12" fmla="*/ 1234440 h 1891406"/>
                    <a:gd name="connsiteX13" fmla="*/ 996090 w 2139089"/>
                    <a:gd name="connsiteY13" fmla="*/ 1798320 h 1891406"/>
                    <a:gd name="connsiteX14" fmla="*/ 1712369 w 2139089"/>
                    <a:gd name="connsiteY14" fmla="*/ 914400 h 1891406"/>
                    <a:gd name="connsiteX15" fmla="*/ 1133249 w 2139089"/>
                    <a:gd name="connsiteY15" fmla="*/ 495300 h 1891406"/>
                    <a:gd name="connsiteX16" fmla="*/ 957989 w 2139089"/>
                    <a:gd name="connsiteY16" fmla="*/ 480060 h 1891406"/>
                    <a:gd name="connsiteX17" fmla="*/ 508409 w 2139089"/>
                    <a:gd name="connsiteY17" fmla="*/ 693420 h 1891406"/>
                    <a:gd name="connsiteX0" fmla="*/ 508409 w 2139089"/>
                    <a:gd name="connsiteY0" fmla="*/ 693420 h 1891406"/>
                    <a:gd name="connsiteX1" fmla="*/ 637949 w 2139089"/>
                    <a:gd name="connsiteY1" fmla="*/ 198120 h 1891406"/>
                    <a:gd name="connsiteX2" fmla="*/ 1201829 w 2139089"/>
                    <a:gd name="connsiteY2" fmla="*/ 0 h 1891406"/>
                    <a:gd name="connsiteX3" fmla="*/ 1849529 w 2139089"/>
                    <a:gd name="connsiteY3" fmla="*/ 236220 h 1891406"/>
                    <a:gd name="connsiteX4" fmla="*/ 2139089 w 2139089"/>
                    <a:gd name="connsiteY4" fmla="*/ 1150620 h 1891406"/>
                    <a:gd name="connsiteX5" fmla="*/ 1971449 w 2139089"/>
                    <a:gd name="connsiteY5" fmla="*/ 1295400 h 1891406"/>
                    <a:gd name="connsiteX6" fmla="*/ 897029 w 2139089"/>
                    <a:gd name="connsiteY6" fmla="*/ 1859280 h 1891406"/>
                    <a:gd name="connsiteX7" fmla="*/ 782729 w 2139089"/>
                    <a:gd name="connsiteY7" fmla="*/ 1577340 h 1891406"/>
                    <a:gd name="connsiteX8" fmla="*/ 538889 w 2139089"/>
                    <a:gd name="connsiteY8" fmla="*/ 1417320 h 1891406"/>
                    <a:gd name="connsiteX9" fmla="*/ 295049 w 2139089"/>
                    <a:gd name="connsiteY9" fmla="*/ 1272540 h 1891406"/>
                    <a:gd name="connsiteX10" fmla="*/ 35969 w 2139089"/>
                    <a:gd name="connsiteY10" fmla="*/ 1097280 h 1891406"/>
                    <a:gd name="connsiteX11" fmla="*/ 241710 w 2139089"/>
                    <a:gd name="connsiteY11" fmla="*/ 1021080 h 1891406"/>
                    <a:gd name="connsiteX12" fmla="*/ 333150 w 2139089"/>
                    <a:gd name="connsiteY12" fmla="*/ 1234440 h 1891406"/>
                    <a:gd name="connsiteX13" fmla="*/ 996090 w 2139089"/>
                    <a:gd name="connsiteY13" fmla="*/ 1798320 h 1891406"/>
                    <a:gd name="connsiteX14" fmla="*/ 1712369 w 2139089"/>
                    <a:gd name="connsiteY14" fmla="*/ 914400 h 1891406"/>
                    <a:gd name="connsiteX15" fmla="*/ 1133249 w 2139089"/>
                    <a:gd name="connsiteY15" fmla="*/ 495300 h 1891406"/>
                    <a:gd name="connsiteX16" fmla="*/ 957989 w 2139089"/>
                    <a:gd name="connsiteY16" fmla="*/ 480060 h 1891406"/>
                    <a:gd name="connsiteX17" fmla="*/ 508409 w 2139089"/>
                    <a:gd name="connsiteY17" fmla="*/ 693420 h 1891406"/>
                    <a:gd name="connsiteX0" fmla="*/ 508409 w 2139089"/>
                    <a:gd name="connsiteY0" fmla="*/ 693420 h 1891406"/>
                    <a:gd name="connsiteX1" fmla="*/ 637949 w 2139089"/>
                    <a:gd name="connsiteY1" fmla="*/ 198120 h 1891406"/>
                    <a:gd name="connsiteX2" fmla="*/ 1201829 w 2139089"/>
                    <a:gd name="connsiteY2" fmla="*/ 0 h 1891406"/>
                    <a:gd name="connsiteX3" fmla="*/ 1849529 w 2139089"/>
                    <a:gd name="connsiteY3" fmla="*/ 236220 h 1891406"/>
                    <a:gd name="connsiteX4" fmla="*/ 2139089 w 2139089"/>
                    <a:gd name="connsiteY4" fmla="*/ 1150620 h 1891406"/>
                    <a:gd name="connsiteX5" fmla="*/ 1971449 w 2139089"/>
                    <a:gd name="connsiteY5" fmla="*/ 1295400 h 1891406"/>
                    <a:gd name="connsiteX6" fmla="*/ 897029 w 2139089"/>
                    <a:gd name="connsiteY6" fmla="*/ 1859280 h 1891406"/>
                    <a:gd name="connsiteX7" fmla="*/ 782729 w 2139089"/>
                    <a:gd name="connsiteY7" fmla="*/ 1577340 h 1891406"/>
                    <a:gd name="connsiteX8" fmla="*/ 538889 w 2139089"/>
                    <a:gd name="connsiteY8" fmla="*/ 1417320 h 1891406"/>
                    <a:gd name="connsiteX9" fmla="*/ 295049 w 2139089"/>
                    <a:gd name="connsiteY9" fmla="*/ 1272540 h 1891406"/>
                    <a:gd name="connsiteX10" fmla="*/ 35969 w 2139089"/>
                    <a:gd name="connsiteY10" fmla="*/ 1097280 h 1891406"/>
                    <a:gd name="connsiteX11" fmla="*/ 241710 w 2139089"/>
                    <a:gd name="connsiteY11" fmla="*/ 1021080 h 1891406"/>
                    <a:gd name="connsiteX12" fmla="*/ 333150 w 2139089"/>
                    <a:gd name="connsiteY12" fmla="*/ 1234440 h 1891406"/>
                    <a:gd name="connsiteX13" fmla="*/ 996090 w 2139089"/>
                    <a:gd name="connsiteY13" fmla="*/ 1798320 h 1891406"/>
                    <a:gd name="connsiteX14" fmla="*/ 1712369 w 2139089"/>
                    <a:gd name="connsiteY14" fmla="*/ 914400 h 1891406"/>
                    <a:gd name="connsiteX15" fmla="*/ 1133249 w 2139089"/>
                    <a:gd name="connsiteY15" fmla="*/ 495300 h 1891406"/>
                    <a:gd name="connsiteX16" fmla="*/ 957989 w 2139089"/>
                    <a:gd name="connsiteY16" fmla="*/ 480060 h 1891406"/>
                    <a:gd name="connsiteX17" fmla="*/ 508409 w 2139089"/>
                    <a:gd name="connsiteY17" fmla="*/ 693420 h 1891406"/>
                    <a:gd name="connsiteX0" fmla="*/ 508409 w 2139089"/>
                    <a:gd name="connsiteY0" fmla="*/ 693420 h 1891406"/>
                    <a:gd name="connsiteX1" fmla="*/ 637949 w 2139089"/>
                    <a:gd name="connsiteY1" fmla="*/ 198120 h 1891406"/>
                    <a:gd name="connsiteX2" fmla="*/ 1201829 w 2139089"/>
                    <a:gd name="connsiteY2" fmla="*/ 0 h 1891406"/>
                    <a:gd name="connsiteX3" fmla="*/ 1849529 w 2139089"/>
                    <a:gd name="connsiteY3" fmla="*/ 236220 h 1891406"/>
                    <a:gd name="connsiteX4" fmla="*/ 2139089 w 2139089"/>
                    <a:gd name="connsiteY4" fmla="*/ 1150620 h 1891406"/>
                    <a:gd name="connsiteX5" fmla="*/ 1971449 w 2139089"/>
                    <a:gd name="connsiteY5" fmla="*/ 1295400 h 1891406"/>
                    <a:gd name="connsiteX6" fmla="*/ 897029 w 2139089"/>
                    <a:gd name="connsiteY6" fmla="*/ 1859280 h 1891406"/>
                    <a:gd name="connsiteX7" fmla="*/ 782729 w 2139089"/>
                    <a:gd name="connsiteY7" fmla="*/ 1577340 h 1891406"/>
                    <a:gd name="connsiteX8" fmla="*/ 538889 w 2139089"/>
                    <a:gd name="connsiteY8" fmla="*/ 1417320 h 1891406"/>
                    <a:gd name="connsiteX9" fmla="*/ 295049 w 2139089"/>
                    <a:gd name="connsiteY9" fmla="*/ 1272540 h 1891406"/>
                    <a:gd name="connsiteX10" fmla="*/ 35969 w 2139089"/>
                    <a:gd name="connsiteY10" fmla="*/ 1097280 h 1891406"/>
                    <a:gd name="connsiteX11" fmla="*/ 241710 w 2139089"/>
                    <a:gd name="connsiteY11" fmla="*/ 1021080 h 1891406"/>
                    <a:gd name="connsiteX12" fmla="*/ 333150 w 2139089"/>
                    <a:gd name="connsiteY12" fmla="*/ 1234440 h 1891406"/>
                    <a:gd name="connsiteX13" fmla="*/ 561750 w 2139089"/>
                    <a:gd name="connsiteY13" fmla="*/ 1402080 h 1891406"/>
                    <a:gd name="connsiteX14" fmla="*/ 996090 w 2139089"/>
                    <a:gd name="connsiteY14" fmla="*/ 1798320 h 1891406"/>
                    <a:gd name="connsiteX15" fmla="*/ 1712369 w 2139089"/>
                    <a:gd name="connsiteY15" fmla="*/ 914400 h 1891406"/>
                    <a:gd name="connsiteX16" fmla="*/ 1133249 w 2139089"/>
                    <a:gd name="connsiteY16" fmla="*/ 495300 h 1891406"/>
                    <a:gd name="connsiteX17" fmla="*/ 957989 w 2139089"/>
                    <a:gd name="connsiteY17" fmla="*/ 480060 h 1891406"/>
                    <a:gd name="connsiteX18" fmla="*/ 508409 w 2139089"/>
                    <a:gd name="connsiteY18" fmla="*/ 693420 h 1891406"/>
                    <a:gd name="connsiteX0" fmla="*/ 508409 w 2139089"/>
                    <a:gd name="connsiteY0" fmla="*/ 693420 h 1891406"/>
                    <a:gd name="connsiteX1" fmla="*/ 637949 w 2139089"/>
                    <a:gd name="connsiteY1" fmla="*/ 198120 h 1891406"/>
                    <a:gd name="connsiteX2" fmla="*/ 1201829 w 2139089"/>
                    <a:gd name="connsiteY2" fmla="*/ 0 h 1891406"/>
                    <a:gd name="connsiteX3" fmla="*/ 1849529 w 2139089"/>
                    <a:gd name="connsiteY3" fmla="*/ 236220 h 1891406"/>
                    <a:gd name="connsiteX4" fmla="*/ 2139089 w 2139089"/>
                    <a:gd name="connsiteY4" fmla="*/ 1150620 h 1891406"/>
                    <a:gd name="connsiteX5" fmla="*/ 1971449 w 2139089"/>
                    <a:gd name="connsiteY5" fmla="*/ 1295400 h 1891406"/>
                    <a:gd name="connsiteX6" fmla="*/ 897029 w 2139089"/>
                    <a:gd name="connsiteY6" fmla="*/ 1859280 h 1891406"/>
                    <a:gd name="connsiteX7" fmla="*/ 782729 w 2139089"/>
                    <a:gd name="connsiteY7" fmla="*/ 1577340 h 1891406"/>
                    <a:gd name="connsiteX8" fmla="*/ 538889 w 2139089"/>
                    <a:gd name="connsiteY8" fmla="*/ 1417320 h 1891406"/>
                    <a:gd name="connsiteX9" fmla="*/ 295049 w 2139089"/>
                    <a:gd name="connsiteY9" fmla="*/ 1272540 h 1891406"/>
                    <a:gd name="connsiteX10" fmla="*/ 35969 w 2139089"/>
                    <a:gd name="connsiteY10" fmla="*/ 1097280 h 1891406"/>
                    <a:gd name="connsiteX11" fmla="*/ 241710 w 2139089"/>
                    <a:gd name="connsiteY11" fmla="*/ 1021080 h 1891406"/>
                    <a:gd name="connsiteX12" fmla="*/ 333150 w 2139089"/>
                    <a:gd name="connsiteY12" fmla="*/ 1234440 h 1891406"/>
                    <a:gd name="connsiteX13" fmla="*/ 561750 w 2139089"/>
                    <a:gd name="connsiteY13" fmla="*/ 1402080 h 1891406"/>
                    <a:gd name="connsiteX14" fmla="*/ 996090 w 2139089"/>
                    <a:gd name="connsiteY14" fmla="*/ 1798320 h 1891406"/>
                    <a:gd name="connsiteX15" fmla="*/ 1712369 w 2139089"/>
                    <a:gd name="connsiteY15" fmla="*/ 914400 h 1891406"/>
                    <a:gd name="connsiteX16" fmla="*/ 1133249 w 2139089"/>
                    <a:gd name="connsiteY16" fmla="*/ 495300 h 1891406"/>
                    <a:gd name="connsiteX17" fmla="*/ 957989 w 2139089"/>
                    <a:gd name="connsiteY17" fmla="*/ 480060 h 1891406"/>
                    <a:gd name="connsiteX18" fmla="*/ 508409 w 2139089"/>
                    <a:gd name="connsiteY18" fmla="*/ 693420 h 1891406"/>
                    <a:gd name="connsiteX0" fmla="*/ 508409 w 2139089"/>
                    <a:gd name="connsiteY0" fmla="*/ 693420 h 1891406"/>
                    <a:gd name="connsiteX1" fmla="*/ 637949 w 2139089"/>
                    <a:gd name="connsiteY1" fmla="*/ 198120 h 1891406"/>
                    <a:gd name="connsiteX2" fmla="*/ 1201829 w 2139089"/>
                    <a:gd name="connsiteY2" fmla="*/ 0 h 1891406"/>
                    <a:gd name="connsiteX3" fmla="*/ 1849529 w 2139089"/>
                    <a:gd name="connsiteY3" fmla="*/ 236220 h 1891406"/>
                    <a:gd name="connsiteX4" fmla="*/ 2139089 w 2139089"/>
                    <a:gd name="connsiteY4" fmla="*/ 1150620 h 1891406"/>
                    <a:gd name="connsiteX5" fmla="*/ 1971449 w 2139089"/>
                    <a:gd name="connsiteY5" fmla="*/ 1295400 h 1891406"/>
                    <a:gd name="connsiteX6" fmla="*/ 897029 w 2139089"/>
                    <a:gd name="connsiteY6" fmla="*/ 1859280 h 1891406"/>
                    <a:gd name="connsiteX7" fmla="*/ 782729 w 2139089"/>
                    <a:gd name="connsiteY7" fmla="*/ 1577340 h 1891406"/>
                    <a:gd name="connsiteX8" fmla="*/ 538889 w 2139089"/>
                    <a:gd name="connsiteY8" fmla="*/ 1417320 h 1891406"/>
                    <a:gd name="connsiteX9" fmla="*/ 295049 w 2139089"/>
                    <a:gd name="connsiteY9" fmla="*/ 1272540 h 1891406"/>
                    <a:gd name="connsiteX10" fmla="*/ 35969 w 2139089"/>
                    <a:gd name="connsiteY10" fmla="*/ 1097280 h 1891406"/>
                    <a:gd name="connsiteX11" fmla="*/ 241710 w 2139089"/>
                    <a:gd name="connsiteY11" fmla="*/ 1021080 h 1891406"/>
                    <a:gd name="connsiteX12" fmla="*/ 333150 w 2139089"/>
                    <a:gd name="connsiteY12" fmla="*/ 1234440 h 1891406"/>
                    <a:gd name="connsiteX13" fmla="*/ 561750 w 2139089"/>
                    <a:gd name="connsiteY13" fmla="*/ 1402080 h 1891406"/>
                    <a:gd name="connsiteX14" fmla="*/ 996090 w 2139089"/>
                    <a:gd name="connsiteY14" fmla="*/ 1798320 h 1891406"/>
                    <a:gd name="connsiteX15" fmla="*/ 1712369 w 2139089"/>
                    <a:gd name="connsiteY15" fmla="*/ 914400 h 1891406"/>
                    <a:gd name="connsiteX16" fmla="*/ 1133249 w 2139089"/>
                    <a:gd name="connsiteY16" fmla="*/ 495300 h 1891406"/>
                    <a:gd name="connsiteX17" fmla="*/ 957989 w 2139089"/>
                    <a:gd name="connsiteY17" fmla="*/ 480060 h 1891406"/>
                    <a:gd name="connsiteX18" fmla="*/ 508409 w 2139089"/>
                    <a:gd name="connsiteY18" fmla="*/ 693420 h 1891406"/>
                    <a:gd name="connsiteX0" fmla="*/ 508409 w 2139089"/>
                    <a:gd name="connsiteY0" fmla="*/ 693420 h 1891406"/>
                    <a:gd name="connsiteX1" fmla="*/ 637949 w 2139089"/>
                    <a:gd name="connsiteY1" fmla="*/ 198120 h 1891406"/>
                    <a:gd name="connsiteX2" fmla="*/ 1201829 w 2139089"/>
                    <a:gd name="connsiteY2" fmla="*/ 0 h 1891406"/>
                    <a:gd name="connsiteX3" fmla="*/ 1849529 w 2139089"/>
                    <a:gd name="connsiteY3" fmla="*/ 236220 h 1891406"/>
                    <a:gd name="connsiteX4" fmla="*/ 2139089 w 2139089"/>
                    <a:gd name="connsiteY4" fmla="*/ 1150620 h 1891406"/>
                    <a:gd name="connsiteX5" fmla="*/ 1971449 w 2139089"/>
                    <a:gd name="connsiteY5" fmla="*/ 1295400 h 1891406"/>
                    <a:gd name="connsiteX6" fmla="*/ 897029 w 2139089"/>
                    <a:gd name="connsiteY6" fmla="*/ 1859280 h 1891406"/>
                    <a:gd name="connsiteX7" fmla="*/ 782729 w 2139089"/>
                    <a:gd name="connsiteY7" fmla="*/ 1577340 h 1891406"/>
                    <a:gd name="connsiteX8" fmla="*/ 538889 w 2139089"/>
                    <a:gd name="connsiteY8" fmla="*/ 1417320 h 1891406"/>
                    <a:gd name="connsiteX9" fmla="*/ 295049 w 2139089"/>
                    <a:gd name="connsiteY9" fmla="*/ 1272540 h 1891406"/>
                    <a:gd name="connsiteX10" fmla="*/ 35969 w 2139089"/>
                    <a:gd name="connsiteY10" fmla="*/ 1097280 h 1891406"/>
                    <a:gd name="connsiteX11" fmla="*/ 241710 w 2139089"/>
                    <a:gd name="connsiteY11" fmla="*/ 1021080 h 1891406"/>
                    <a:gd name="connsiteX12" fmla="*/ 333150 w 2139089"/>
                    <a:gd name="connsiteY12" fmla="*/ 1234440 h 1891406"/>
                    <a:gd name="connsiteX13" fmla="*/ 561750 w 2139089"/>
                    <a:gd name="connsiteY13" fmla="*/ 1402080 h 1891406"/>
                    <a:gd name="connsiteX14" fmla="*/ 996090 w 2139089"/>
                    <a:gd name="connsiteY14" fmla="*/ 1798320 h 1891406"/>
                    <a:gd name="connsiteX15" fmla="*/ 1712369 w 2139089"/>
                    <a:gd name="connsiteY15" fmla="*/ 914400 h 1891406"/>
                    <a:gd name="connsiteX16" fmla="*/ 1133249 w 2139089"/>
                    <a:gd name="connsiteY16" fmla="*/ 495300 h 1891406"/>
                    <a:gd name="connsiteX17" fmla="*/ 957989 w 2139089"/>
                    <a:gd name="connsiteY17" fmla="*/ 480060 h 1891406"/>
                    <a:gd name="connsiteX18" fmla="*/ 508409 w 2139089"/>
                    <a:gd name="connsiteY18" fmla="*/ 693420 h 1891406"/>
                    <a:gd name="connsiteX0" fmla="*/ 508409 w 2139089"/>
                    <a:gd name="connsiteY0" fmla="*/ 693420 h 1891406"/>
                    <a:gd name="connsiteX1" fmla="*/ 637949 w 2139089"/>
                    <a:gd name="connsiteY1" fmla="*/ 198120 h 1891406"/>
                    <a:gd name="connsiteX2" fmla="*/ 1201829 w 2139089"/>
                    <a:gd name="connsiteY2" fmla="*/ 0 h 1891406"/>
                    <a:gd name="connsiteX3" fmla="*/ 1849529 w 2139089"/>
                    <a:gd name="connsiteY3" fmla="*/ 236220 h 1891406"/>
                    <a:gd name="connsiteX4" fmla="*/ 2139089 w 2139089"/>
                    <a:gd name="connsiteY4" fmla="*/ 1150620 h 1891406"/>
                    <a:gd name="connsiteX5" fmla="*/ 1971449 w 2139089"/>
                    <a:gd name="connsiteY5" fmla="*/ 1295400 h 1891406"/>
                    <a:gd name="connsiteX6" fmla="*/ 897029 w 2139089"/>
                    <a:gd name="connsiteY6" fmla="*/ 1859280 h 1891406"/>
                    <a:gd name="connsiteX7" fmla="*/ 782729 w 2139089"/>
                    <a:gd name="connsiteY7" fmla="*/ 1577340 h 1891406"/>
                    <a:gd name="connsiteX8" fmla="*/ 538889 w 2139089"/>
                    <a:gd name="connsiteY8" fmla="*/ 1417320 h 1891406"/>
                    <a:gd name="connsiteX9" fmla="*/ 295049 w 2139089"/>
                    <a:gd name="connsiteY9" fmla="*/ 1272540 h 1891406"/>
                    <a:gd name="connsiteX10" fmla="*/ 35969 w 2139089"/>
                    <a:gd name="connsiteY10" fmla="*/ 1097280 h 1891406"/>
                    <a:gd name="connsiteX11" fmla="*/ 241710 w 2139089"/>
                    <a:gd name="connsiteY11" fmla="*/ 1021080 h 1891406"/>
                    <a:gd name="connsiteX12" fmla="*/ 333150 w 2139089"/>
                    <a:gd name="connsiteY12" fmla="*/ 1234440 h 1891406"/>
                    <a:gd name="connsiteX13" fmla="*/ 561750 w 2139089"/>
                    <a:gd name="connsiteY13" fmla="*/ 1402080 h 1891406"/>
                    <a:gd name="connsiteX14" fmla="*/ 996090 w 2139089"/>
                    <a:gd name="connsiteY14" fmla="*/ 1798320 h 1891406"/>
                    <a:gd name="connsiteX15" fmla="*/ 1712369 w 2139089"/>
                    <a:gd name="connsiteY15" fmla="*/ 914400 h 1891406"/>
                    <a:gd name="connsiteX16" fmla="*/ 1133249 w 2139089"/>
                    <a:gd name="connsiteY16" fmla="*/ 495300 h 1891406"/>
                    <a:gd name="connsiteX17" fmla="*/ 957989 w 2139089"/>
                    <a:gd name="connsiteY17" fmla="*/ 480060 h 1891406"/>
                    <a:gd name="connsiteX18" fmla="*/ 508409 w 2139089"/>
                    <a:gd name="connsiteY18" fmla="*/ 693420 h 1891406"/>
                    <a:gd name="connsiteX0" fmla="*/ 508409 w 2139089"/>
                    <a:gd name="connsiteY0" fmla="*/ 693420 h 1891406"/>
                    <a:gd name="connsiteX1" fmla="*/ 637949 w 2139089"/>
                    <a:gd name="connsiteY1" fmla="*/ 198120 h 1891406"/>
                    <a:gd name="connsiteX2" fmla="*/ 1201829 w 2139089"/>
                    <a:gd name="connsiteY2" fmla="*/ 0 h 1891406"/>
                    <a:gd name="connsiteX3" fmla="*/ 1849529 w 2139089"/>
                    <a:gd name="connsiteY3" fmla="*/ 236220 h 1891406"/>
                    <a:gd name="connsiteX4" fmla="*/ 2139089 w 2139089"/>
                    <a:gd name="connsiteY4" fmla="*/ 1150620 h 1891406"/>
                    <a:gd name="connsiteX5" fmla="*/ 1971449 w 2139089"/>
                    <a:gd name="connsiteY5" fmla="*/ 1295400 h 1891406"/>
                    <a:gd name="connsiteX6" fmla="*/ 897029 w 2139089"/>
                    <a:gd name="connsiteY6" fmla="*/ 1859280 h 1891406"/>
                    <a:gd name="connsiteX7" fmla="*/ 782729 w 2139089"/>
                    <a:gd name="connsiteY7" fmla="*/ 1577340 h 1891406"/>
                    <a:gd name="connsiteX8" fmla="*/ 538889 w 2139089"/>
                    <a:gd name="connsiteY8" fmla="*/ 1417320 h 1891406"/>
                    <a:gd name="connsiteX9" fmla="*/ 295049 w 2139089"/>
                    <a:gd name="connsiteY9" fmla="*/ 1272540 h 1891406"/>
                    <a:gd name="connsiteX10" fmla="*/ 35969 w 2139089"/>
                    <a:gd name="connsiteY10" fmla="*/ 1097280 h 1891406"/>
                    <a:gd name="connsiteX11" fmla="*/ 241710 w 2139089"/>
                    <a:gd name="connsiteY11" fmla="*/ 1021080 h 1891406"/>
                    <a:gd name="connsiteX12" fmla="*/ 333150 w 2139089"/>
                    <a:gd name="connsiteY12" fmla="*/ 1234440 h 1891406"/>
                    <a:gd name="connsiteX13" fmla="*/ 561750 w 2139089"/>
                    <a:gd name="connsiteY13" fmla="*/ 1402080 h 1891406"/>
                    <a:gd name="connsiteX14" fmla="*/ 805590 w 2139089"/>
                    <a:gd name="connsiteY14" fmla="*/ 1554480 h 1891406"/>
                    <a:gd name="connsiteX15" fmla="*/ 996090 w 2139089"/>
                    <a:gd name="connsiteY15" fmla="*/ 1798320 h 1891406"/>
                    <a:gd name="connsiteX16" fmla="*/ 1712369 w 2139089"/>
                    <a:gd name="connsiteY16" fmla="*/ 914400 h 1891406"/>
                    <a:gd name="connsiteX17" fmla="*/ 1133249 w 2139089"/>
                    <a:gd name="connsiteY17" fmla="*/ 495300 h 1891406"/>
                    <a:gd name="connsiteX18" fmla="*/ 957989 w 2139089"/>
                    <a:gd name="connsiteY18" fmla="*/ 480060 h 1891406"/>
                    <a:gd name="connsiteX19" fmla="*/ 508409 w 2139089"/>
                    <a:gd name="connsiteY19" fmla="*/ 693420 h 1891406"/>
                    <a:gd name="connsiteX0" fmla="*/ 508409 w 2139089"/>
                    <a:gd name="connsiteY0" fmla="*/ 693420 h 1891406"/>
                    <a:gd name="connsiteX1" fmla="*/ 637949 w 2139089"/>
                    <a:gd name="connsiteY1" fmla="*/ 198120 h 1891406"/>
                    <a:gd name="connsiteX2" fmla="*/ 1201829 w 2139089"/>
                    <a:gd name="connsiteY2" fmla="*/ 0 h 1891406"/>
                    <a:gd name="connsiteX3" fmla="*/ 1849529 w 2139089"/>
                    <a:gd name="connsiteY3" fmla="*/ 236220 h 1891406"/>
                    <a:gd name="connsiteX4" fmla="*/ 2139089 w 2139089"/>
                    <a:gd name="connsiteY4" fmla="*/ 1150620 h 1891406"/>
                    <a:gd name="connsiteX5" fmla="*/ 1971449 w 2139089"/>
                    <a:gd name="connsiteY5" fmla="*/ 1295400 h 1891406"/>
                    <a:gd name="connsiteX6" fmla="*/ 897029 w 2139089"/>
                    <a:gd name="connsiteY6" fmla="*/ 1859280 h 1891406"/>
                    <a:gd name="connsiteX7" fmla="*/ 782729 w 2139089"/>
                    <a:gd name="connsiteY7" fmla="*/ 1577340 h 1891406"/>
                    <a:gd name="connsiteX8" fmla="*/ 538889 w 2139089"/>
                    <a:gd name="connsiteY8" fmla="*/ 1417320 h 1891406"/>
                    <a:gd name="connsiteX9" fmla="*/ 295049 w 2139089"/>
                    <a:gd name="connsiteY9" fmla="*/ 1272540 h 1891406"/>
                    <a:gd name="connsiteX10" fmla="*/ 35969 w 2139089"/>
                    <a:gd name="connsiteY10" fmla="*/ 1097280 h 1891406"/>
                    <a:gd name="connsiteX11" fmla="*/ 241710 w 2139089"/>
                    <a:gd name="connsiteY11" fmla="*/ 1021080 h 1891406"/>
                    <a:gd name="connsiteX12" fmla="*/ 333150 w 2139089"/>
                    <a:gd name="connsiteY12" fmla="*/ 1234440 h 1891406"/>
                    <a:gd name="connsiteX13" fmla="*/ 561750 w 2139089"/>
                    <a:gd name="connsiteY13" fmla="*/ 1402080 h 1891406"/>
                    <a:gd name="connsiteX14" fmla="*/ 805590 w 2139089"/>
                    <a:gd name="connsiteY14" fmla="*/ 1554480 h 1891406"/>
                    <a:gd name="connsiteX15" fmla="*/ 996090 w 2139089"/>
                    <a:gd name="connsiteY15" fmla="*/ 1798320 h 1891406"/>
                    <a:gd name="connsiteX16" fmla="*/ 1712369 w 2139089"/>
                    <a:gd name="connsiteY16" fmla="*/ 914400 h 1891406"/>
                    <a:gd name="connsiteX17" fmla="*/ 1133249 w 2139089"/>
                    <a:gd name="connsiteY17" fmla="*/ 495300 h 1891406"/>
                    <a:gd name="connsiteX18" fmla="*/ 957989 w 2139089"/>
                    <a:gd name="connsiteY18" fmla="*/ 480060 h 1891406"/>
                    <a:gd name="connsiteX19" fmla="*/ 508409 w 2139089"/>
                    <a:gd name="connsiteY19" fmla="*/ 693420 h 1891406"/>
                    <a:gd name="connsiteX0" fmla="*/ 508409 w 2139089"/>
                    <a:gd name="connsiteY0" fmla="*/ 693420 h 1891406"/>
                    <a:gd name="connsiteX1" fmla="*/ 637949 w 2139089"/>
                    <a:gd name="connsiteY1" fmla="*/ 198120 h 1891406"/>
                    <a:gd name="connsiteX2" fmla="*/ 1201829 w 2139089"/>
                    <a:gd name="connsiteY2" fmla="*/ 0 h 1891406"/>
                    <a:gd name="connsiteX3" fmla="*/ 1849529 w 2139089"/>
                    <a:gd name="connsiteY3" fmla="*/ 236220 h 1891406"/>
                    <a:gd name="connsiteX4" fmla="*/ 2139089 w 2139089"/>
                    <a:gd name="connsiteY4" fmla="*/ 1150620 h 1891406"/>
                    <a:gd name="connsiteX5" fmla="*/ 1971449 w 2139089"/>
                    <a:gd name="connsiteY5" fmla="*/ 1295400 h 1891406"/>
                    <a:gd name="connsiteX6" fmla="*/ 897029 w 2139089"/>
                    <a:gd name="connsiteY6" fmla="*/ 1859280 h 1891406"/>
                    <a:gd name="connsiteX7" fmla="*/ 782729 w 2139089"/>
                    <a:gd name="connsiteY7" fmla="*/ 1577340 h 1891406"/>
                    <a:gd name="connsiteX8" fmla="*/ 538889 w 2139089"/>
                    <a:gd name="connsiteY8" fmla="*/ 1417320 h 1891406"/>
                    <a:gd name="connsiteX9" fmla="*/ 295049 w 2139089"/>
                    <a:gd name="connsiteY9" fmla="*/ 1272540 h 1891406"/>
                    <a:gd name="connsiteX10" fmla="*/ 35969 w 2139089"/>
                    <a:gd name="connsiteY10" fmla="*/ 1097280 h 1891406"/>
                    <a:gd name="connsiteX11" fmla="*/ 241710 w 2139089"/>
                    <a:gd name="connsiteY11" fmla="*/ 1021080 h 1891406"/>
                    <a:gd name="connsiteX12" fmla="*/ 333150 w 2139089"/>
                    <a:gd name="connsiteY12" fmla="*/ 1234440 h 1891406"/>
                    <a:gd name="connsiteX13" fmla="*/ 561750 w 2139089"/>
                    <a:gd name="connsiteY13" fmla="*/ 1402080 h 1891406"/>
                    <a:gd name="connsiteX14" fmla="*/ 805590 w 2139089"/>
                    <a:gd name="connsiteY14" fmla="*/ 1554480 h 1891406"/>
                    <a:gd name="connsiteX15" fmla="*/ 996090 w 2139089"/>
                    <a:gd name="connsiteY15" fmla="*/ 1798320 h 1891406"/>
                    <a:gd name="connsiteX16" fmla="*/ 1712369 w 2139089"/>
                    <a:gd name="connsiteY16" fmla="*/ 914400 h 1891406"/>
                    <a:gd name="connsiteX17" fmla="*/ 1133249 w 2139089"/>
                    <a:gd name="connsiteY17" fmla="*/ 495300 h 1891406"/>
                    <a:gd name="connsiteX18" fmla="*/ 957989 w 2139089"/>
                    <a:gd name="connsiteY18" fmla="*/ 480060 h 1891406"/>
                    <a:gd name="connsiteX19" fmla="*/ 508409 w 2139089"/>
                    <a:gd name="connsiteY19" fmla="*/ 693420 h 1891406"/>
                    <a:gd name="connsiteX0" fmla="*/ 508409 w 2139089"/>
                    <a:gd name="connsiteY0" fmla="*/ 693420 h 1891406"/>
                    <a:gd name="connsiteX1" fmla="*/ 637949 w 2139089"/>
                    <a:gd name="connsiteY1" fmla="*/ 198120 h 1891406"/>
                    <a:gd name="connsiteX2" fmla="*/ 1201829 w 2139089"/>
                    <a:gd name="connsiteY2" fmla="*/ 0 h 1891406"/>
                    <a:gd name="connsiteX3" fmla="*/ 1849529 w 2139089"/>
                    <a:gd name="connsiteY3" fmla="*/ 236220 h 1891406"/>
                    <a:gd name="connsiteX4" fmla="*/ 2139089 w 2139089"/>
                    <a:gd name="connsiteY4" fmla="*/ 1150620 h 1891406"/>
                    <a:gd name="connsiteX5" fmla="*/ 1971449 w 2139089"/>
                    <a:gd name="connsiteY5" fmla="*/ 1295400 h 1891406"/>
                    <a:gd name="connsiteX6" fmla="*/ 897029 w 2139089"/>
                    <a:gd name="connsiteY6" fmla="*/ 1859280 h 1891406"/>
                    <a:gd name="connsiteX7" fmla="*/ 782729 w 2139089"/>
                    <a:gd name="connsiteY7" fmla="*/ 1577340 h 1891406"/>
                    <a:gd name="connsiteX8" fmla="*/ 538889 w 2139089"/>
                    <a:gd name="connsiteY8" fmla="*/ 1417320 h 1891406"/>
                    <a:gd name="connsiteX9" fmla="*/ 295049 w 2139089"/>
                    <a:gd name="connsiteY9" fmla="*/ 1272540 h 1891406"/>
                    <a:gd name="connsiteX10" fmla="*/ 35969 w 2139089"/>
                    <a:gd name="connsiteY10" fmla="*/ 1097280 h 1891406"/>
                    <a:gd name="connsiteX11" fmla="*/ 241710 w 2139089"/>
                    <a:gd name="connsiteY11" fmla="*/ 1021080 h 1891406"/>
                    <a:gd name="connsiteX12" fmla="*/ 333150 w 2139089"/>
                    <a:gd name="connsiteY12" fmla="*/ 1234440 h 1891406"/>
                    <a:gd name="connsiteX13" fmla="*/ 561750 w 2139089"/>
                    <a:gd name="connsiteY13" fmla="*/ 1402080 h 1891406"/>
                    <a:gd name="connsiteX14" fmla="*/ 805590 w 2139089"/>
                    <a:gd name="connsiteY14" fmla="*/ 1554480 h 1891406"/>
                    <a:gd name="connsiteX15" fmla="*/ 851310 w 2139089"/>
                    <a:gd name="connsiteY15" fmla="*/ 1790700 h 1891406"/>
                    <a:gd name="connsiteX16" fmla="*/ 996090 w 2139089"/>
                    <a:gd name="connsiteY16" fmla="*/ 1798320 h 1891406"/>
                    <a:gd name="connsiteX17" fmla="*/ 1712369 w 2139089"/>
                    <a:gd name="connsiteY17" fmla="*/ 914400 h 1891406"/>
                    <a:gd name="connsiteX18" fmla="*/ 1133249 w 2139089"/>
                    <a:gd name="connsiteY18" fmla="*/ 495300 h 1891406"/>
                    <a:gd name="connsiteX19" fmla="*/ 957989 w 2139089"/>
                    <a:gd name="connsiteY19" fmla="*/ 480060 h 1891406"/>
                    <a:gd name="connsiteX20" fmla="*/ 508409 w 2139089"/>
                    <a:gd name="connsiteY20" fmla="*/ 693420 h 1891406"/>
                    <a:gd name="connsiteX0" fmla="*/ 508409 w 2139089"/>
                    <a:gd name="connsiteY0" fmla="*/ 693420 h 1891406"/>
                    <a:gd name="connsiteX1" fmla="*/ 637949 w 2139089"/>
                    <a:gd name="connsiteY1" fmla="*/ 198120 h 1891406"/>
                    <a:gd name="connsiteX2" fmla="*/ 1201829 w 2139089"/>
                    <a:gd name="connsiteY2" fmla="*/ 0 h 1891406"/>
                    <a:gd name="connsiteX3" fmla="*/ 1849529 w 2139089"/>
                    <a:gd name="connsiteY3" fmla="*/ 236220 h 1891406"/>
                    <a:gd name="connsiteX4" fmla="*/ 2139089 w 2139089"/>
                    <a:gd name="connsiteY4" fmla="*/ 1150620 h 1891406"/>
                    <a:gd name="connsiteX5" fmla="*/ 1971449 w 2139089"/>
                    <a:gd name="connsiteY5" fmla="*/ 1295400 h 1891406"/>
                    <a:gd name="connsiteX6" fmla="*/ 897029 w 2139089"/>
                    <a:gd name="connsiteY6" fmla="*/ 1859280 h 1891406"/>
                    <a:gd name="connsiteX7" fmla="*/ 782729 w 2139089"/>
                    <a:gd name="connsiteY7" fmla="*/ 1577340 h 1891406"/>
                    <a:gd name="connsiteX8" fmla="*/ 538889 w 2139089"/>
                    <a:gd name="connsiteY8" fmla="*/ 1417320 h 1891406"/>
                    <a:gd name="connsiteX9" fmla="*/ 295049 w 2139089"/>
                    <a:gd name="connsiteY9" fmla="*/ 1272540 h 1891406"/>
                    <a:gd name="connsiteX10" fmla="*/ 35969 w 2139089"/>
                    <a:gd name="connsiteY10" fmla="*/ 1097280 h 1891406"/>
                    <a:gd name="connsiteX11" fmla="*/ 241710 w 2139089"/>
                    <a:gd name="connsiteY11" fmla="*/ 1021080 h 1891406"/>
                    <a:gd name="connsiteX12" fmla="*/ 333150 w 2139089"/>
                    <a:gd name="connsiteY12" fmla="*/ 1234440 h 1891406"/>
                    <a:gd name="connsiteX13" fmla="*/ 561750 w 2139089"/>
                    <a:gd name="connsiteY13" fmla="*/ 1402080 h 1891406"/>
                    <a:gd name="connsiteX14" fmla="*/ 805590 w 2139089"/>
                    <a:gd name="connsiteY14" fmla="*/ 1554480 h 1891406"/>
                    <a:gd name="connsiteX15" fmla="*/ 851310 w 2139089"/>
                    <a:gd name="connsiteY15" fmla="*/ 1790700 h 1891406"/>
                    <a:gd name="connsiteX16" fmla="*/ 996090 w 2139089"/>
                    <a:gd name="connsiteY16" fmla="*/ 1798320 h 1891406"/>
                    <a:gd name="connsiteX17" fmla="*/ 1712369 w 2139089"/>
                    <a:gd name="connsiteY17" fmla="*/ 914400 h 1891406"/>
                    <a:gd name="connsiteX18" fmla="*/ 1133249 w 2139089"/>
                    <a:gd name="connsiteY18" fmla="*/ 495300 h 1891406"/>
                    <a:gd name="connsiteX19" fmla="*/ 957989 w 2139089"/>
                    <a:gd name="connsiteY19" fmla="*/ 480060 h 1891406"/>
                    <a:gd name="connsiteX20" fmla="*/ 508409 w 2139089"/>
                    <a:gd name="connsiteY20" fmla="*/ 693420 h 1891406"/>
                    <a:gd name="connsiteX0" fmla="*/ 508409 w 2139089"/>
                    <a:gd name="connsiteY0" fmla="*/ 693420 h 1891406"/>
                    <a:gd name="connsiteX1" fmla="*/ 637949 w 2139089"/>
                    <a:gd name="connsiteY1" fmla="*/ 198120 h 1891406"/>
                    <a:gd name="connsiteX2" fmla="*/ 1201829 w 2139089"/>
                    <a:gd name="connsiteY2" fmla="*/ 0 h 1891406"/>
                    <a:gd name="connsiteX3" fmla="*/ 1849529 w 2139089"/>
                    <a:gd name="connsiteY3" fmla="*/ 236220 h 1891406"/>
                    <a:gd name="connsiteX4" fmla="*/ 2139089 w 2139089"/>
                    <a:gd name="connsiteY4" fmla="*/ 1150620 h 1891406"/>
                    <a:gd name="connsiteX5" fmla="*/ 1971449 w 2139089"/>
                    <a:gd name="connsiteY5" fmla="*/ 1295400 h 1891406"/>
                    <a:gd name="connsiteX6" fmla="*/ 897029 w 2139089"/>
                    <a:gd name="connsiteY6" fmla="*/ 1859280 h 1891406"/>
                    <a:gd name="connsiteX7" fmla="*/ 782729 w 2139089"/>
                    <a:gd name="connsiteY7" fmla="*/ 1577340 h 1891406"/>
                    <a:gd name="connsiteX8" fmla="*/ 538889 w 2139089"/>
                    <a:gd name="connsiteY8" fmla="*/ 1417320 h 1891406"/>
                    <a:gd name="connsiteX9" fmla="*/ 295049 w 2139089"/>
                    <a:gd name="connsiteY9" fmla="*/ 1272540 h 1891406"/>
                    <a:gd name="connsiteX10" fmla="*/ 35969 w 2139089"/>
                    <a:gd name="connsiteY10" fmla="*/ 1097280 h 1891406"/>
                    <a:gd name="connsiteX11" fmla="*/ 241710 w 2139089"/>
                    <a:gd name="connsiteY11" fmla="*/ 1021080 h 1891406"/>
                    <a:gd name="connsiteX12" fmla="*/ 333150 w 2139089"/>
                    <a:gd name="connsiteY12" fmla="*/ 1234440 h 1891406"/>
                    <a:gd name="connsiteX13" fmla="*/ 561750 w 2139089"/>
                    <a:gd name="connsiteY13" fmla="*/ 1402080 h 1891406"/>
                    <a:gd name="connsiteX14" fmla="*/ 805590 w 2139089"/>
                    <a:gd name="connsiteY14" fmla="*/ 1554480 h 1891406"/>
                    <a:gd name="connsiteX15" fmla="*/ 851310 w 2139089"/>
                    <a:gd name="connsiteY15" fmla="*/ 1790700 h 1891406"/>
                    <a:gd name="connsiteX16" fmla="*/ 996090 w 2139089"/>
                    <a:gd name="connsiteY16" fmla="*/ 1798320 h 1891406"/>
                    <a:gd name="connsiteX17" fmla="*/ 1699669 w 2139089"/>
                    <a:gd name="connsiteY17" fmla="*/ 977900 h 1891406"/>
                    <a:gd name="connsiteX18" fmla="*/ 1133249 w 2139089"/>
                    <a:gd name="connsiteY18" fmla="*/ 495300 h 1891406"/>
                    <a:gd name="connsiteX19" fmla="*/ 957989 w 2139089"/>
                    <a:gd name="connsiteY19" fmla="*/ 480060 h 1891406"/>
                    <a:gd name="connsiteX20" fmla="*/ 508409 w 2139089"/>
                    <a:gd name="connsiteY20" fmla="*/ 693420 h 1891406"/>
                    <a:gd name="connsiteX0" fmla="*/ 508409 w 2139089"/>
                    <a:gd name="connsiteY0" fmla="*/ 693420 h 1891406"/>
                    <a:gd name="connsiteX1" fmla="*/ 637949 w 2139089"/>
                    <a:gd name="connsiteY1" fmla="*/ 198120 h 1891406"/>
                    <a:gd name="connsiteX2" fmla="*/ 1201829 w 2139089"/>
                    <a:gd name="connsiteY2" fmla="*/ 0 h 1891406"/>
                    <a:gd name="connsiteX3" fmla="*/ 1849529 w 2139089"/>
                    <a:gd name="connsiteY3" fmla="*/ 236220 h 1891406"/>
                    <a:gd name="connsiteX4" fmla="*/ 2139089 w 2139089"/>
                    <a:gd name="connsiteY4" fmla="*/ 1150620 h 1891406"/>
                    <a:gd name="connsiteX5" fmla="*/ 1971449 w 2139089"/>
                    <a:gd name="connsiteY5" fmla="*/ 1295400 h 1891406"/>
                    <a:gd name="connsiteX6" fmla="*/ 897029 w 2139089"/>
                    <a:gd name="connsiteY6" fmla="*/ 1859280 h 1891406"/>
                    <a:gd name="connsiteX7" fmla="*/ 782729 w 2139089"/>
                    <a:gd name="connsiteY7" fmla="*/ 1577340 h 1891406"/>
                    <a:gd name="connsiteX8" fmla="*/ 538889 w 2139089"/>
                    <a:gd name="connsiteY8" fmla="*/ 1417320 h 1891406"/>
                    <a:gd name="connsiteX9" fmla="*/ 295049 w 2139089"/>
                    <a:gd name="connsiteY9" fmla="*/ 1272540 h 1891406"/>
                    <a:gd name="connsiteX10" fmla="*/ 35969 w 2139089"/>
                    <a:gd name="connsiteY10" fmla="*/ 1097280 h 1891406"/>
                    <a:gd name="connsiteX11" fmla="*/ 241710 w 2139089"/>
                    <a:gd name="connsiteY11" fmla="*/ 1021080 h 1891406"/>
                    <a:gd name="connsiteX12" fmla="*/ 333150 w 2139089"/>
                    <a:gd name="connsiteY12" fmla="*/ 1234440 h 1891406"/>
                    <a:gd name="connsiteX13" fmla="*/ 561750 w 2139089"/>
                    <a:gd name="connsiteY13" fmla="*/ 1402080 h 1891406"/>
                    <a:gd name="connsiteX14" fmla="*/ 805590 w 2139089"/>
                    <a:gd name="connsiteY14" fmla="*/ 1554480 h 1891406"/>
                    <a:gd name="connsiteX15" fmla="*/ 996090 w 2139089"/>
                    <a:gd name="connsiteY15" fmla="*/ 1798320 h 1891406"/>
                    <a:gd name="connsiteX16" fmla="*/ 1699669 w 2139089"/>
                    <a:gd name="connsiteY16" fmla="*/ 977900 h 1891406"/>
                    <a:gd name="connsiteX17" fmla="*/ 1133249 w 2139089"/>
                    <a:gd name="connsiteY17" fmla="*/ 495300 h 1891406"/>
                    <a:gd name="connsiteX18" fmla="*/ 957989 w 2139089"/>
                    <a:gd name="connsiteY18" fmla="*/ 480060 h 1891406"/>
                    <a:gd name="connsiteX19" fmla="*/ 508409 w 2139089"/>
                    <a:gd name="connsiteY19" fmla="*/ 693420 h 1891406"/>
                    <a:gd name="connsiteX0" fmla="*/ 508409 w 2139089"/>
                    <a:gd name="connsiteY0" fmla="*/ 693420 h 1818548"/>
                    <a:gd name="connsiteX1" fmla="*/ 637949 w 2139089"/>
                    <a:gd name="connsiteY1" fmla="*/ 198120 h 1818548"/>
                    <a:gd name="connsiteX2" fmla="*/ 1201829 w 2139089"/>
                    <a:gd name="connsiteY2" fmla="*/ 0 h 1818548"/>
                    <a:gd name="connsiteX3" fmla="*/ 1849529 w 2139089"/>
                    <a:gd name="connsiteY3" fmla="*/ 236220 h 1818548"/>
                    <a:gd name="connsiteX4" fmla="*/ 2139089 w 2139089"/>
                    <a:gd name="connsiteY4" fmla="*/ 1150620 h 1818548"/>
                    <a:gd name="connsiteX5" fmla="*/ 1971449 w 2139089"/>
                    <a:gd name="connsiteY5" fmla="*/ 1295400 h 1818548"/>
                    <a:gd name="connsiteX6" fmla="*/ 782729 w 2139089"/>
                    <a:gd name="connsiteY6" fmla="*/ 1577340 h 1818548"/>
                    <a:gd name="connsiteX7" fmla="*/ 538889 w 2139089"/>
                    <a:gd name="connsiteY7" fmla="*/ 1417320 h 1818548"/>
                    <a:gd name="connsiteX8" fmla="*/ 295049 w 2139089"/>
                    <a:gd name="connsiteY8" fmla="*/ 1272540 h 1818548"/>
                    <a:gd name="connsiteX9" fmla="*/ 35969 w 2139089"/>
                    <a:gd name="connsiteY9" fmla="*/ 1097280 h 1818548"/>
                    <a:gd name="connsiteX10" fmla="*/ 241710 w 2139089"/>
                    <a:gd name="connsiteY10" fmla="*/ 1021080 h 1818548"/>
                    <a:gd name="connsiteX11" fmla="*/ 333150 w 2139089"/>
                    <a:gd name="connsiteY11" fmla="*/ 1234440 h 1818548"/>
                    <a:gd name="connsiteX12" fmla="*/ 561750 w 2139089"/>
                    <a:gd name="connsiteY12" fmla="*/ 1402080 h 1818548"/>
                    <a:gd name="connsiteX13" fmla="*/ 805590 w 2139089"/>
                    <a:gd name="connsiteY13" fmla="*/ 1554480 h 1818548"/>
                    <a:gd name="connsiteX14" fmla="*/ 996090 w 2139089"/>
                    <a:gd name="connsiteY14" fmla="*/ 1798320 h 1818548"/>
                    <a:gd name="connsiteX15" fmla="*/ 1699669 w 2139089"/>
                    <a:gd name="connsiteY15" fmla="*/ 977900 h 1818548"/>
                    <a:gd name="connsiteX16" fmla="*/ 1133249 w 2139089"/>
                    <a:gd name="connsiteY16" fmla="*/ 495300 h 1818548"/>
                    <a:gd name="connsiteX17" fmla="*/ 957989 w 2139089"/>
                    <a:gd name="connsiteY17" fmla="*/ 480060 h 1818548"/>
                    <a:gd name="connsiteX18" fmla="*/ 508409 w 2139089"/>
                    <a:gd name="connsiteY18" fmla="*/ 693420 h 1818548"/>
                    <a:gd name="connsiteX0" fmla="*/ 508409 w 2139089"/>
                    <a:gd name="connsiteY0" fmla="*/ 693420 h 1807175"/>
                    <a:gd name="connsiteX1" fmla="*/ 637949 w 2139089"/>
                    <a:gd name="connsiteY1" fmla="*/ 198120 h 1807175"/>
                    <a:gd name="connsiteX2" fmla="*/ 1201829 w 2139089"/>
                    <a:gd name="connsiteY2" fmla="*/ 0 h 1807175"/>
                    <a:gd name="connsiteX3" fmla="*/ 1849529 w 2139089"/>
                    <a:gd name="connsiteY3" fmla="*/ 236220 h 1807175"/>
                    <a:gd name="connsiteX4" fmla="*/ 2139089 w 2139089"/>
                    <a:gd name="connsiteY4" fmla="*/ 1150620 h 1807175"/>
                    <a:gd name="connsiteX5" fmla="*/ 1971449 w 2139089"/>
                    <a:gd name="connsiteY5" fmla="*/ 1295400 h 1807175"/>
                    <a:gd name="connsiteX6" fmla="*/ 782729 w 2139089"/>
                    <a:gd name="connsiteY6" fmla="*/ 1577340 h 1807175"/>
                    <a:gd name="connsiteX7" fmla="*/ 538889 w 2139089"/>
                    <a:gd name="connsiteY7" fmla="*/ 1417320 h 1807175"/>
                    <a:gd name="connsiteX8" fmla="*/ 295049 w 2139089"/>
                    <a:gd name="connsiteY8" fmla="*/ 1272540 h 1807175"/>
                    <a:gd name="connsiteX9" fmla="*/ 35969 w 2139089"/>
                    <a:gd name="connsiteY9" fmla="*/ 1097280 h 1807175"/>
                    <a:gd name="connsiteX10" fmla="*/ 241710 w 2139089"/>
                    <a:gd name="connsiteY10" fmla="*/ 1021080 h 1807175"/>
                    <a:gd name="connsiteX11" fmla="*/ 333150 w 2139089"/>
                    <a:gd name="connsiteY11" fmla="*/ 1234440 h 1807175"/>
                    <a:gd name="connsiteX12" fmla="*/ 561750 w 2139089"/>
                    <a:gd name="connsiteY12" fmla="*/ 1402080 h 1807175"/>
                    <a:gd name="connsiteX13" fmla="*/ 996090 w 2139089"/>
                    <a:gd name="connsiteY13" fmla="*/ 1798320 h 1807175"/>
                    <a:gd name="connsiteX14" fmla="*/ 1699669 w 2139089"/>
                    <a:gd name="connsiteY14" fmla="*/ 977900 h 1807175"/>
                    <a:gd name="connsiteX15" fmla="*/ 1133249 w 2139089"/>
                    <a:gd name="connsiteY15" fmla="*/ 495300 h 1807175"/>
                    <a:gd name="connsiteX16" fmla="*/ 957989 w 2139089"/>
                    <a:gd name="connsiteY16" fmla="*/ 480060 h 1807175"/>
                    <a:gd name="connsiteX17" fmla="*/ 508409 w 2139089"/>
                    <a:gd name="connsiteY17" fmla="*/ 693420 h 1807175"/>
                    <a:gd name="connsiteX0" fmla="*/ 508409 w 2139089"/>
                    <a:gd name="connsiteY0" fmla="*/ 693420 h 1807175"/>
                    <a:gd name="connsiteX1" fmla="*/ 637949 w 2139089"/>
                    <a:gd name="connsiteY1" fmla="*/ 198120 h 1807175"/>
                    <a:gd name="connsiteX2" fmla="*/ 1201829 w 2139089"/>
                    <a:gd name="connsiteY2" fmla="*/ 0 h 1807175"/>
                    <a:gd name="connsiteX3" fmla="*/ 1849529 w 2139089"/>
                    <a:gd name="connsiteY3" fmla="*/ 236220 h 1807175"/>
                    <a:gd name="connsiteX4" fmla="*/ 2139089 w 2139089"/>
                    <a:gd name="connsiteY4" fmla="*/ 1150620 h 1807175"/>
                    <a:gd name="connsiteX5" fmla="*/ 1971449 w 2139089"/>
                    <a:gd name="connsiteY5" fmla="*/ 1295400 h 1807175"/>
                    <a:gd name="connsiteX6" fmla="*/ 538889 w 2139089"/>
                    <a:gd name="connsiteY6" fmla="*/ 1417320 h 1807175"/>
                    <a:gd name="connsiteX7" fmla="*/ 295049 w 2139089"/>
                    <a:gd name="connsiteY7" fmla="*/ 1272540 h 1807175"/>
                    <a:gd name="connsiteX8" fmla="*/ 35969 w 2139089"/>
                    <a:gd name="connsiteY8" fmla="*/ 1097280 h 1807175"/>
                    <a:gd name="connsiteX9" fmla="*/ 241710 w 2139089"/>
                    <a:gd name="connsiteY9" fmla="*/ 1021080 h 1807175"/>
                    <a:gd name="connsiteX10" fmla="*/ 333150 w 2139089"/>
                    <a:gd name="connsiteY10" fmla="*/ 1234440 h 1807175"/>
                    <a:gd name="connsiteX11" fmla="*/ 561750 w 2139089"/>
                    <a:gd name="connsiteY11" fmla="*/ 1402080 h 1807175"/>
                    <a:gd name="connsiteX12" fmla="*/ 996090 w 2139089"/>
                    <a:gd name="connsiteY12" fmla="*/ 1798320 h 1807175"/>
                    <a:gd name="connsiteX13" fmla="*/ 1699669 w 2139089"/>
                    <a:gd name="connsiteY13" fmla="*/ 977900 h 1807175"/>
                    <a:gd name="connsiteX14" fmla="*/ 1133249 w 2139089"/>
                    <a:gd name="connsiteY14" fmla="*/ 495300 h 1807175"/>
                    <a:gd name="connsiteX15" fmla="*/ 957989 w 2139089"/>
                    <a:gd name="connsiteY15" fmla="*/ 480060 h 1807175"/>
                    <a:gd name="connsiteX16" fmla="*/ 508409 w 2139089"/>
                    <a:gd name="connsiteY16" fmla="*/ 693420 h 1807175"/>
                    <a:gd name="connsiteX0" fmla="*/ 508409 w 2139089"/>
                    <a:gd name="connsiteY0" fmla="*/ 693420 h 1589851"/>
                    <a:gd name="connsiteX1" fmla="*/ 637949 w 2139089"/>
                    <a:gd name="connsiteY1" fmla="*/ 198120 h 1589851"/>
                    <a:gd name="connsiteX2" fmla="*/ 1201829 w 2139089"/>
                    <a:gd name="connsiteY2" fmla="*/ 0 h 1589851"/>
                    <a:gd name="connsiteX3" fmla="*/ 1849529 w 2139089"/>
                    <a:gd name="connsiteY3" fmla="*/ 236220 h 1589851"/>
                    <a:gd name="connsiteX4" fmla="*/ 2139089 w 2139089"/>
                    <a:gd name="connsiteY4" fmla="*/ 1150620 h 1589851"/>
                    <a:gd name="connsiteX5" fmla="*/ 1971449 w 2139089"/>
                    <a:gd name="connsiteY5" fmla="*/ 1295400 h 1589851"/>
                    <a:gd name="connsiteX6" fmla="*/ 538889 w 2139089"/>
                    <a:gd name="connsiteY6" fmla="*/ 1417320 h 1589851"/>
                    <a:gd name="connsiteX7" fmla="*/ 295049 w 2139089"/>
                    <a:gd name="connsiteY7" fmla="*/ 1272540 h 1589851"/>
                    <a:gd name="connsiteX8" fmla="*/ 35969 w 2139089"/>
                    <a:gd name="connsiteY8" fmla="*/ 1097280 h 1589851"/>
                    <a:gd name="connsiteX9" fmla="*/ 241710 w 2139089"/>
                    <a:gd name="connsiteY9" fmla="*/ 1021080 h 1589851"/>
                    <a:gd name="connsiteX10" fmla="*/ 333150 w 2139089"/>
                    <a:gd name="connsiteY10" fmla="*/ 1234440 h 1589851"/>
                    <a:gd name="connsiteX11" fmla="*/ 561750 w 2139089"/>
                    <a:gd name="connsiteY11" fmla="*/ 1402080 h 1589851"/>
                    <a:gd name="connsiteX12" fmla="*/ 1699669 w 2139089"/>
                    <a:gd name="connsiteY12" fmla="*/ 977900 h 1589851"/>
                    <a:gd name="connsiteX13" fmla="*/ 1133249 w 2139089"/>
                    <a:gd name="connsiteY13" fmla="*/ 495300 h 1589851"/>
                    <a:gd name="connsiteX14" fmla="*/ 957989 w 2139089"/>
                    <a:gd name="connsiteY14" fmla="*/ 480060 h 1589851"/>
                    <a:gd name="connsiteX15" fmla="*/ 508409 w 2139089"/>
                    <a:gd name="connsiteY15" fmla="*/ 693420 h 1589851"/>
                    <a:gd name="connsiteX0" fmla="*/ 508409 w 2139089"/>
                    <a:gd name="connsiteY0" fmla="*/ 693420 h 1402080"/>
                    <a:gd name="connsiteX1" fmla="*/ 637949 w 2139089"/>
                    <a:gd name="connsiteY1" fmla="*/ 198120 h 1402080"/>
                    <a:gd name="connsiteX2" fmla="*/ 1201829 w 2139089"/>
                    <a:gd name="connsiteY2" fmla="*/ 0 h 1402080"/>
                    <a:gd name="connsiteX3" fmla="*/ 1849529 w 2139089"/>
                    <a:gd name="connsiteY3" fmla="*/ 236220 h 1402080"/>
                    <a:gd name="connsiteX4" fmla="*/ 2139089 w 2139089"/>
                    <a:gd name="connsiteY4" fmla="*/ 1150620 h 1402080"/>
                    <a:gd name="connsiteX5" fmla="*/ 1971449 w 2139089"/>
                    <a:gd name="connsiteY5" fmla="*/ 1295400 h 1402080"/>
                    <a:gd name="connsiteX6" fmla="*/ 295049 w 2139089"/>
                    <a:gd name="connsiteY6" fmla="*/ 1272540 h 1402080"/>
                    <a:gd name="connsiteX7" fmla="*/ 35969 w 2139089"/>
                    <a:gd name="connsiteY7" fmla="*/ 1097280 h 1402080"/>
                    <a:gd name="connsiteX8" fmla="*/ 241710 w 2139089"/>
                    <a:gd name="connsiteY8" fmla="*/ 1021080 h 1402080"/>
                    <a:gd name="connsiteX9" fmla="*/ 333150 w 2139089"/>
                    <a:gd name="connsiteY9" fmla="*/ 1234440 h 1402080"/>
                    <a:gd name="connsiteX10" fmla="*/ 561750 w 2139089"/>
                    <a:gd name="connsiteY10" fmla="*/ 1402080 h 1402080"/>
                    <a:gd name="connsiteX11" fmla="*/ 1699669 w 2139089"/>
                    <a:gd name="connsiteY11" fmla="*/ 977900 h 1402080"/>
                    <a:gd name="connsiteX12" fmla="*/ 1133249 w 2139089"/>
                    <a:gd name="connsiteY12" fmla="*/ 495300 h 1402080"/>
                    <a:gd name="connsiteX13" fmla="*/ 957989 w 2139089"/>
                    <a:gd name="connsiteY13" fmla="*/ 480060 h 1402080"/>
                    <a:gd name="connsiteX14" fmla="*/ 508409 w 2139089"/>
                    <a:gd name="connsiteY14" fmla="*/ 693420 h 1402080"/>
                    <a:gd name="connsiteX0" fmla="*/ 508409 w 2139089"/>
                    <a:gd name="connsiteY0" fmla="*/ 693420 h 1345083"/>
                    <a:gd name="connsiteX1" fmla="*/ 637949 w 2139089"/>
                    <a:gd name="connsiteY1" fmla="*/ 198120 h 1345083"/>
                    <a:gd name="connsiteX2" fmla="*/ 1201829 w 2139089"/>
                    <a:gd name="connsiteY2" fmla="*/ 0 h 1345083"/>
                    <a:gd name="connsiteX3" fmla="*/ 1849529 w 2139089"/>
                    <a:gd name="connsiteY3" fmla="*/ 236220 h 1345083"/>
                    <a:gd name="connsiteX4" fmla="*/ 2139089 w 2139089"/>
                    <a:gd name="connsiteY4" fmla="*/ 1150620 h 1345083"/>
                    <a:gd name="connsiteX5" fmla="*/ 1971449 w 2139089"/>
                    <a:gd name="connsiteY5" fmla="*/ 1295400 h 1345083"/>
                    <a:gd name="connsiteX6" fmla="*/ 295049 w 2139089"/>
                    <a:gd name="connsiteY6" fmla="*/ 1272540 h 1345083"/>
                    <a:gd name="connsiteX7" fmla="*/ 35969 w 2139089"/>
                    <a:gd name="connsiteY7" fmla="*/ 1097280 h 1345083"/>
                    <a:gd name="connsiteX8" fmla="*/ 241710 w 2139089"/>
                    <a:gd name="connsiteY8" fmla="*/ 1021080 h 1345083"/>
                    <a:gd name="connsiteX9" fmla="*/ 333150 w 2139089"/>
                    <a:gd name="connsiteY9" fmla="*/ 1234440 h 1345083"/>
                    <a:gd name="connsiteX10" fmla="*/ 1699669 w 2139089"/>
                    <a:gd name="connsiteY10" fmla="*/ 977900 h 1345083"/>
                    <a:gd name="connsiteX11" fmla="*/ 1133249 w 2139089"/>
                    <a:gd name="connsiteY11" fmla="*/ 495300 h 1345083"/>
                    <a:gd name="connsiteX12" fmla="*/ 957989 w 2139089"/>
                    <a:gd name="connsiteY12" fmla="*/ 480060 h 1345083"/>
                    <a:gd name="connsiteX13" fmla="*/ 508409 w 2139089"/>
                    <a:gd name="connsiteY13" fmla="*/ 693420 h 1345083"/>
                    <a:gd name="connsiteX0" fmla="*/ 508409 w 2139089"/>
                    <a:gd name="connsiteY0" fmla="*/ 693420 h 1345083"/>
                    <a:gd name="connsiteX1" fmla="*/ 637949 w 2139089"/>
                    <a:gd name="connsiteY1" fmla="*/ 198120 h 1345083"/>
                    <a:gd name="connsiteX2" fmla="*/ 1201829 w 2139089"/>
                    <a:gd name="connsiteY2" fmla="*/ 0 h 1345083"/>
                    <a:gd name="connsiteX3" fmla="*/ 1849529 w 2139089"/>
                    <a:gd name="connsiteY3" fmla="*/ 236220 h 1345083"/>
                    <a:gd name="connsiteX4" fmla="*/ 2139089 w 2139089"/>
                    <a:gd name="connsiteY4" fmla="*/ 1150620 h 1345083"/>
                    <a:gd name="connsiteX5" fmla="*/ 1971449 w 2139089"/>
                    <a:gd name="connsiteY5" fmla="*/ 1295400 h 1345083"/>
                    <a:gd name="connsiteX6" fmla="*/ 295049 w 2139089"/>
                    <a:gd name="connsiteY6" fmla="*/ 1272540 h 1345083"/>
                    <a:gd name="connsiteX7" fmla="*/ 35969 w 2139089"/>
                    <a:gd name="connsiteY7" fmla="*/ 1097280 h 1345083"/>
                    <a:gd name="connsiteX8" fmla="*/ 241710 w 2139089"/>
                    <a:gd name="connsiteY8" fmla="*/ 1021080 h 1345083"/>
                    <a:gd name="connsiteX9" fmla="*/ 1699669 w 2139089"/>
                    <a:gd name="connsiteY9" fmla="*/ 977900 h 1345083"/>
                    <a:gd name="connsiteX10" fmla="*/ 1133249 w 2139089"/>
                    <a:gd name="connsiteY10" fmla="*/ 495300 h 1345083"/>
                    <a:gd name="connsiteX11" fmla="*/ 957989 w 2139089"/>
                    <a:gd name="connsiteY11" fmla="*/ 480060 h 1345083"/>
                    <a:gd name="connsiteX12" fmla="*/ 508409 w 2139089"/>
                    <a:gd name="connsiteY12" fmla="*/ 693420 h 1345083"/>
                    <a:gd name="connsiteX0" fmla="*/ 508409 w 2139089"/>
                    <a:gd name="connsiteY0" fmla="*/ 693420 h 1345083"/>
                    <a:gd name="connsiteX1" fmla="*/ 637949 w 2139089"/>
                    <a:gd name="connsiteY1" fmla="*/ 198120 h 1345083"/>
                    <a:gd name="connsiteX2" fmla="*/ 1201829 w 2139089"/>
                    <a:gd name="connsiteY2" fmla="*/ 0 h 1345083"/>
                    <a:gd name="connsiteX3" fmla="*/ 1849529 w 2139089"/>
                    <a:gd name="connsiteY3" fmla="*/ 236220 h 1345083"/>
                    <a:gd name="connsiteX4" fmla="*/ 2139089 w 2139089"/>
                    <a:gd name="connsiteY4" fmla="*/ 1150620 h 1345083"/>
                    <a:gd name="connsiteX5" fmla="*/ 1971449 w 2139089"/>
                    <a:gd name="connsiteY5" fmla="*/ 1295400 h 1345083"/>
                    <a:gd name="connsiteX6" fmla="*/ 295049 w 2139089"/>
                    <a:gd name="connsiteY6" fmla="*/ 1272540 h 1345083"/>
                    <a:gd name="connsiteX7" fmla="*/ 35969 w 2139089"/>
                    <a:gd name="connsiteY7" fmla="*/ 1097280 h 1345083"/>
                    <a:gd name="connsiteX8" fmla="*/ 1699669 w 2139089"/>
                    <a:gd name="connsiteY8" fmla="*/ 977900 h 1345083"/>
                    <a:gd name="connsiteX9" fmla="*/ 1133249 w 2139089"/>
                    <a:gd name="connsiteY9" fmla="*/ 495300 h 1345083"/>
                    <a:gd name="connsiteX10" fmla="*/ 957989 w 2139089"/>
                    <a:gd name="connsiteY10" fmla="*/ 480060 h 1345083"/>
                    <a:gd name="connsiteX11" fmla="*/ 508409 w 2139089"/>
                    <a:gd name="connsiteY11" fmla="*/ 693420 h 1345083"/>
                    <a:gd name="connsiteX0" fmla="*/ 472440 w 2103120"/>
                    <a:gd name="connsiteY0" fmla="*/ 693420 h 1297961"/>
                    <a:gd name="connsiteX1" fmla="*/ 601980 w 2103120"/>
                    <a:gd name="connsiteY1" fmla="*/ 198120 h 1297961"/>
                    <a:gd name="connsiteX2" fmla="*/ 1165860 w 2103120"/>
                    <a:gd name="connsiteY2" fmla="*/ 0 h 1297961"/>
                    <a:gd name="connsiteX3" fmla="*/ 1813560 w 2103120"/>
                    <a:gd name="connsiteY3" fmla="*/ 236220 h 1297961"/>
                    <a:gd name="connsiteX4" fmla="*/ 2103120 w 2103120"/>
                    <a:gd name="connsiteY4" fmla="*/ 1150620 h 1297961"/>
                    <a:gd name="connsiteX5" fmla="*/ 1935480 w 2103120"/>
                    <a:gd name="connsiteY5" fmla="*/ 1295400 h 1297961"/>
                    <a:gd name="connsiteX6" fmla="*/ 0 w 2103120"/>
                    <a:gd name="connsiteY6" fmla="*/ 1097280 h 1297961"/>
                    <a:gd name="connsiteX7" fmla="*/ 1663700 w 2103120"/>
                    <a:gd name="connsiteY7" fmla="*/ 977900 h 1297961"/>
                    <a:gd name="connsiteX8" fmla="*/ 1097280 w 2103120"/>
                    <a:gd name="connsiteY8" fmla="*/ 495300 h 1297961"/>
                    <a:gd name="connsiteX9" fmla="*/ 922020 w 2103120"/>
                    <a:gd name="connsiteY9" fmla="*/ 480060 h 1297961"/>
                    <a:gd name="connsiteX10" fmla="*/ 472440 w 2103120"/>
                    <a:gd name="connsiteY10" fmla="*/ 693420 h 1297961"/>
                    <a:gd name="connsiteX0" fmla="*/ 0 w 1630680"/>
                    <a:gd name="connsiteY0" fmla="*/ 693420 h 1297961"/>
                    <a:gd name="connsiteX1" fmla="*/ 129540 w 1630680"/>
                    <a:gd name="connsiteY1" fmla="*/ 198120 h 1297961"/>
                    <a:gd name="connsiteX2" fmla="*/ 693420 w 1630680"/>
                    <a:gd name="connsiteY2" fmla="*/ 0 h 1297961"/>
                    <a:gd name="connsiteX3" fmla="*/ 1341120 w 1630680"/>
                    <a:gd name="connsiteY3" fmla="*/ 236220 h 1297961"/>
                    <a:gd name="connsiteX4" fmla="*/ 1630680 w 1630680"/>
                    <a:gd name="connsiteY4" fmla="*/ 1150620 h 1297961"/>
                    <a:gd name="connsiteX5" fmla="*/ 1463040 w 1630680"/>
                    <a:gd name="connsiteY5" fmla="*/ 1295400 h 1297961"/>
                    <a:gd name="connsiteX6" fmla="*/ 1191260 w 1630680"/>
                    <a:gd name="connsiteY6" fmla="*/ 977900 h 1297961"/>
                    <a:gd name="connsiteX7" fmla="*/ 624840 w 1630680"/>
                    <a:gd name="connsiteY7" fmla="*/ 495300 h 1297961"/>
                    <a:gd name="connsiteX8" fmla="*/ 449580 w 1630680"/>
                    <a:gd name="connsiteY8" fmla="*/ 480060 h 1297961"/>
                    <a:gd name="connsiteX9" fmla="*/ 0 w 1630680"/>
                    <a:gd name="connsiteY9" fmla="*/ 693420 h 1297961"/>
                    <a:gd name="connsiteX0" fmla="*/ 0 w 1630680"/>
                    <a:gd name="connsiteY0" fmla="*/ 693420 h 1297961"/>
                    <a:gd name="connsiteX1" fmla="*/ 129540 w 1630680"/>
                    <a:gd name="connsiteY1" fmla="*/ 198120 h 1297961"/>
                    <a:gd name="connsiteX2" fmla="*/ 693420 w 1630680"/>
                    <a:gd name="connsiteY2" fmla="*/ 0 h 1297961"/>
                    <a:gd name="connsiteX3" fmla="*/ 1341120 w 1630680"/>
                    <a:gd name="connsiteY3" fmla="*/ 236220 h 1297961"/>
                    <a:gd name="connsiteX4" fmla="*/ 1630680 w 1630680"/>
                    <a:gd name="connsiteY4" fmla="*/ 1150620 h 1297961"/>
                    <a:gd name="connsiteX5" fmla="*/ 1463040 w 1630680"/>
                    <a:gd name="connsiteY5" fmla="*/ 1295400 h 1297961"/>
                    <a:gd name="connsiteX6" fmla="*/ 1191260 w 1630680"/>
                    <a:gd name="connsiteY6" fmla="*/ 977900 h 1297961"/>
                    <a:gd name="connsiteX7" fmla="*/ 624840 w 1630680"/>
                    <a:gd name="connsiteY7" fmla="*/ 495300 h 1297961"/>
                    <a:gd name="connsiteX8" fmla="*/ 449580 w 1630680"/>
                    <a:gd name="connsiteY8" fmla="*/ 480060 h 1297961"/>
                    <a:gd name="connsiteX9" fmla="*/ 0 w 1630680"/>
                    <a:gd name="connsiteY9" fmla="*/ 693420 h 1297961"/>
                    <a:gd name="connsiteX0" fmla="*/ 0 w 1630680"/>
                    <a:gd name="connsiteY0" fmla="*/ 693420 h 1297961"/>
                    <a:gd name="connsiteX1" fmla="*/ 129540 w 1630680"/>
                    <a:gd name="connsiteY1" fmla="*/ 198120 h 1297961"/>
                    <a:gd name="connsiteX2" fmla="*/ 693420 w 1630680"/>
                    <a:gd name="connsiteY2" fmla="*/ 0 h 1297961"/>
                    <a:gd name="connsiteX3" fmla="*/ 1341120 w 1630680"/>
                    <a:gd name="connsiteY3" fmla="*/ 236220 h 1297961"/>
                    <a:gd name="connsiteX4" fmla="*/ 1630680 w 1630680"/>
                    <a:gd name="connsiteY4" fmla="*/ 1150620 h 1297961"/>
                    <a:gd name="connsiteX5" fmla="*/ 1463040 w 1630680"/>
                    <a:gd name="connsiteY5" fmla="*/ 1295400 h 1297961"/>
                    <a:gd name="connsiteX6" fmla="*/ 1165860 w 1630680"/>
                    <a:gd name="connsiteY6" fmla="*/ 1028700 h 1297961"/>
                    <a:gd name="connsiteX7" fmla="*/ 624840 w 1630680"/>
                    <a:gd name="connsiteY7" fmla="*/ 495300 h 1297961"/>
                    <a:gd name="connsiteX8" fmla="*/ 449580 w 1630680"/>
                    <a:gd name="connsiteY8" fmla="*/ 480060 h 1297961"/>
                    <a:gd name="connsiteX9" fmla="*/ 0 w 1630680"/>
                    <a:gd name="connsiteY9" fmla="*/ 693420 h 1297961"/>
                    <a:gd name="connsiteX0" fmla="*/ 0 w 1630680"/>
                    <a:gd name="connsiteY0" fmla="*/ 693420 h 1297961"/>
                    <a:gd name="connsiteX1" fmla="*/ 129540 w 1630680"/>
                    <a:gd name="connsiteY1" fmla="*/ 198120 h 1297961"/>
                    <a:gd name="connsiteX2" fmla="*/ 693420 w 1630680"/>
                    <a:gd name="connsiteY2" fmla="*/ 0 h 1297961"/>
                    <a:gd name="connsiteX3" fmla="*/ 1341120 w 1630680"/>
                    <a:gd name="connsiteY3" fmla="*/ 236220 h 1297961"/>
                    <a:gd name="connsiteX4" fmla="*/ 1630680 w 1630680"/>
                    <a:gd name="connsiteY4" fmla="*/ 1150620 h 1297961"/>
                    <a:gd name="connsiteX5" fmla="*/ 1463040 w 1630680"/>
                    <a:gd name="connsiteY5" fmla="*/ 1295400 h 1297961"/>
                    <a:gd name="connsiteX6" fmla="*/ 1267460 w 1630680"/>
                    <a:gd name="connsiteY6" fmla="*/ 990600 h 1297961"/>
                    <a:gd name="connsiteX7" fmla="*/ 624840 w 1630680"/>
                    <a:gd name="connsiteY7" fmla="*/ 495300 h 1297961"/>
                    <a:gd name="connsiteX8" fmla="*/ 449580 w 1630680"/>
                    <a:gd name="connsiteY8" fmla="*/ 480060 h 1297961"/>
                    <a:gd name="connsiteX9" fmla="*/ 0 w 1630680"/>
                    <a:gd name="connsiteY9" fmla="*/ 693420 h 1297961"/>
                    <a:gd name="connsiteX0" fmla="*/ 0 w 1630680"/>
                    <a:gd name="connsiteY0" fmla="*/ 693420 h 1297961"/>
                    <a:gd name="connsiteX1" fmla="*/ 129540 w 1630680"/>
                    <a:gd name="connsiteY1" fmla="*/ 198120 h 1297961"/>
                    <a:gd name="connsiteX2" fmla="*/ 693420 w 1630680"/>
                    <a:gd name="connsiteY2" fmla="*/ 0 h 1297961"/>
                    <a:gd name="connsiteX3" fmla="*/ 1341120 w 1630680"/>
                    <a:gd name="connsiteY3" fmla="*/ 236220 h 1297961"/>
                    <a:gd name="connsiteX4" fmla="*/ 1630680 w 1630680"/>
                    <a:gd name="connsiteY4" fmla="*/ 1150620 h 1297961"/>
                    <a:gd name="connsiteX5" fmla="*/ 1463040 w 1630680"/>
                    <a:gd name="connsiteY5" fmla="*/ 1295400 h 1297961"/>
                    <a:gd name="connsiteX6" fmla="*/ 1229360 w 1630680"/>
                    <a:gd name="connsiteY6" fmla="*/ 920750 h 1297961"/>
                    <a:gd name="connsiteX7" fmla="*/ 624840 w 1630680"/>
                    <a:gd name="connsiteY7" fmla="*/ 495300 h 1297961"/>
                    <a:gd name="connsiteX8" fmla="*/ 449580 w 1630680"/>
                    <a:gd name="connsiteY8" fmla="*/ 480060 h 1297961"/>
                    <a:gd name="connsiteX9" fmla="*/ 0 w 1630680"/>
                    <a:gd name="connsiteY9" fmla="*/ 693420 h 1297961"/>
                    <a:gd name="connsiteX0" fmla="*/ 0 w 1630680"/>
                    <a:gd name="connsiteY0" fmla="*/ 693420 h 1297961"/>
                    <a:gd name="connsiteX1" fmla="*/ 129540 w 1630680"/>
                    <a:gd name="connsiteY1" fmla="*/ 198120 h 1297961"/>
                    <a:gd name="connsiteX2" fmla="*/ 693420 w 1630680"/>
                    <a:gd name="connsiteY2" fmla="*/ 0 h 1297961"/>
                    <a:gd name="connsiteX3" fmla="*/ 1341120 w 1630680"/>
                    <a:gd name="connsiteY3" fmla="*/ 236220 h 1297961"/>
                    <a:gd name="connsiteX4" fmla="*/ 1630680 w 1630680"/>
                    <a:gd name="connsiteY4" fmla="*/ 1150620 h 1297961"/>
                    <a:gd name="connsiteX5" fmla="*/ 1463040 w 1630680"/>
                    <a:gd name="connsiteY5" fmla="*/ 1295400 h 1297961"/>
                    <a:gd name="connsiteX6" fmla="*/ 1229360 w 1630680"/>
                    <a:gd name="connsiteY6" fmla="*/ 920750 h 1297961"/>
                    <a:gd name="connsiteX7" fmla="*/ 624840 w 1630680"/>
                    <a:gd name="connsiteY7" fmla="*/ 495300 h 1297961"/>
                    <a:gd name="connsiteX8" fmla="*/ 449580 w 1630680"/>
                    <a:gd name="connsiteY8" fmla="*/ 480060 h 1297961"/>
                    <a:gd name="connsiteX9" fmla="*/ 0 w 1630680"/>
                    <a:gd name="connsiteY9" fmla="*/ 693420 h 1297961"/>
                    <a:gd name="connsiteX0" fmla="*/ 0 w 1630680"/>
                    <a:gd name="connsiteY0" fmla="*/ 693420 h 1297961"/>
                    <a:gd name="connsiteX1" fmla="*/ 129540 w 1630680"/>
                    <a:gd name="connsiteY1" fmla="*/ 198120 h 1297961"/>
                    <a:gd name="connsiteX2" fmla="*/ 693420 w 1630680"/>
                    <a:gd name="connsiteY2" fmla="*/ 0 h 1297961"/>
                    <a:gd name="connsiteX3" fmla="*/ 1341120 w 1630680"/>
                    <a:gd name="connsiteY3" fmla="*/ 236220 h 1297961"/>
                    <a:gd name="connsiteX4" fmla="*/ 1630680 w 1630680"/>
                    <a:gd name="connsiteY4" fmla="*/ 1150620 h 1297961"/>
                    <a:gd name="connsiteX5" fmla="*/ 1463040 w 1630680"/>
                    <a:gd name="connsiteY5" fmla="*/ 1295400 h 1297961"/>
                    <a:gd name="connsiteX6" fmla="*/ 1229360 w 1630680"/>
                    <a:gd name="connsiteY6" fmla="*/ 920750 h 1297961"/>
                    <a:gd name="connsiteX7" fmla="*/ 624840 w 1630680"/>
                    <a:gd name="connsiteY7" fmla="*/ 495300 h 1297961"/>
                    <a:gd name="connsiteX8" fmla="*/ 449580 w 1630680"/>
                    <a:gd name="connsiteY8" fmla="*/ 480060 h 1297961"/>
                    <a:gd name="connsiteX9" fmla="*/ 0 w 1630680"/>
                    <a:gd name="connsiteY9" fmla="*/ 693420 h 1297961"/>
                    <a:gd name="connsiteX0" fmla="*/ 0 w 1630680"/>
                    <a:gd name="connsiteY0" fmla="*/ 693420 h 1297961"/>
                    <a:gd name="connsiteX1" fmla="*/ 129540 w 1630680"/>
                    <a:gd name="connsiteY1" fmla="*/ 198120 h 1297961"/>
                    <a:gd name="connsiteX2" fmla="*/ 693420 w 1630680"/>
                    <a:gd name="connsiteY2" fmla="*/ 0 h 1297961"/>
                    <a:gd name="connsiteX3" fmla="*/ 1341120 w 1630680"/>
                    <a:gd name="connsiteY3" fmla="*/ 236220 h 1297961"/>
                    <a:gd name="connsiteX4" fmla="*/ 1630680 w 1630680"/>
                    <a:gd name="connsiteY4" fmla="*/ 1150620 h 1297961"/>
                    <a:gd name="connsiteX5" fmla="*/ 1463040 w 1630680"/>
                    <a:gd name="connsiteY5" fmla="*/ 1295400 h 1297961"/>
                    <a:gd name="connsiteX6" fmla="*/ 1273810 w 1630680"/>
                    <a:gd name="connsiteY6" fmla="*/ 889000 h 1297961"/>
                    <a:gd name="connsiteX7" fmla="*/ 624840 w 1630680"/>
                    <a:gd name="connsiteY7" fmla="*/ 495300 h 1297961"/>
                    <a:gd name="connsiteX8" fmla="*/ 449580 w 1630680"/>
                    <a:gd name="connsiteY8" fmla="*/ 480060 h 1297961"/>
                    <a:gd name="connsiteX9" fmla="*/ 0 w 1630680"/>
                    <a:gd name="connsiteY9" fmla="*/ 693420 h 1297961"/>
                    <a:gd name="connsiteX0" fmla="*/ 0 w 1630680"/>
                    <a:gd name="connsiteY0" fmla="*/ 693420 h 1297961"/>
                    <a:gd name="connsiteX1" fmla="*/ 129540 w 1630680"/>
                    <a:gd name="connsiteY1" fmla="*/ 198120 h 1297961"/>
                    <a:gd name="connsiteX2" fmla="*/ 693420 w 1630680"/>
                    <a:gd name="connsiteY2" fmla="*/ 0 h 1297961"/>
                    <a:gd name="connsiteX3" fmla="*/ 1341120 w 1630680"/>
                    <a:gd name="connsiteY3" fmla="*/ 236220 h 1297961"/>
                    <a:gd name="connsiteX4" fmla="*/ 1630680 w 1630680"/>
                    <a:gd name="connsiteY4" fmla="*/ 1150620 h 1297961"/>
                    <a:gd name="connsiteX5" fmla="*/ 1463040 w 1630680"/>
                    <a:gd name="connsiteY5" fmla="*/ 1295400 h 1297961"/>
                    <a:gd name="connsiteX6" fmla="*/ 1273810 w 1630680"/>
                    <a:gd name="connsiteY6" fmla="*/ 889000 h 1297961"/>
                    <a:gd name="connsiteX7" fmla="*/ 624840 w 1630680"/>
                    <a:gd name="connsiteY7" fmla="*/ 495300 h 1297961"/>
                    <a:gd name="connsiteX8" fmla="*/ 449580 w 1630680"/>
                    <a:gd name="connsiteY8" fmla="*/ 480060 h 1297961"/>
                    <a:gd name="connsiteX9" fmla="*/ 0 w 1630680"/>
                    <a:gd name="connsiteY9" fmla="*/ 693420 h 1297961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273810 w 1630680"/>
                    <a:gd name="connsiteY6" fmla="*/ 889000 h 1310277"/>
                    <a:gd name="connsiteX7" fmla="*/ 624840 w 1630680"/>
                    <a:gd name="connsiteY7" fmla="*/ 495300 h 1310277"/>
                    <a:gd name="connsiteX8" fmla="*/ 449580 w 1630680"/>
                    <a:gd name="connsiteY8" fmla="*/ 480060 h 1310277"/>
                    <a:gd name="connsiteX9" fmla="*/ 0 w 1630680"/>
                    <a:gd name="connsiteY9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993140 w 1630680"/>
                    <a:gd name="connsiteY6" fmla="*/ 904242 h 1310277"/>
                    <a:gd name="connsiteX7" fmla="*/ 1273810 w 1630680"/>
                    <a:gd name="connsiteY7" fmla="*/ 889000 h 1310277"/>
                    <a:gd name="connsiteX8" fmla="*/ 624840 w 1630680"/>
                    <a:gd name="connsiteY8" fmla="*/ 495300 h 1310277"/>
                    <a:gd name="connsiteX9" fmla="*/ 449580 w 1630680"/>
                    <a:gd name="connsiteY9" fmla="*/ 480060 h 1310277"/>
                    <a:gd name="connsiteX10" fmla="*/ 0 w 1630680"/>
                    <a:gd name="connsiteY10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31240 w 1630680"/>
                    <a:gd name="connsiteY6" fmla="*/ 967742 h 1310277"/>
                    <a:gd name="connsiteX7" fmla="*/ 1273810 w 1630680"/>
                    <a:gd name="connsiteY7" fmla="*/ 889000 h 1310277"/>
                    <a:gd name="connsiteX8" fmla="*/ 624840 w 1630680"/>
                    <a:gd name="connsiteY8" fmla="*/ 495300 h 1310277"/>
                    <a:gd name="connsiteX9" fmla="*/ 449580 w 1630680"/>
                    <a:gd name="connsiteY9" fmla="*/ 480060 h 1310277"/>
                    <a:gd name="connsiteX10" fmla="*/ 0 w 1630680"/>
                    <a:gd name="connsiteY10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31240 w 1630680"/>
                    <a:gd name="connsiteY6" fmla="*/ 967742 h 1310277"/>
                    <a:gd name="connsiteX7" fmla="*/ 1145540 w 1630680"/>
                    <a:gd name="connsiteY7" fmla="*/ 904242 h 1310277"/>
                    <a:gd name="connsiteX8" fmla="*/ 1273810 w 1630680"/>
                    <a:gd name="connsiteY8" fmla="*/ 889000 h 1310277"/>
                    <a:gd name="connsiteX9" fmla="*/ 624840 w 1630680"/>
                    <a:gd name="connsiteY9" fmla="*/ 495300 h 1310277"/>
                    <a:gd name="connsiteX10" fmla="*/ 449580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31240 w 1630680"/>
                    <a:gd name="connsiteY6" fmla="*/ 967742 h 1310277"/>
                    <a:gd name="connsiteX7" fmla="*/ 1286034 w 1630680"/>
                    <a:gd name="connsiteY7" fmla="*/ 897098 h 1310277"/>
                    <a:gd name="connsiteX8" fmla="*/ 1273810 w 1630680"/>
                    <a:gd name="connsiteY8" fmla="*/ 889000 h 1310277"/>
                    <a:gd name="connsiteX9" fmla="*/ 624840 w 1630680"/>
                    <a:gd name="connsiteY9" fmla="*/ 495300 h 1310277"/>
                    <a:gd name="connsiteX10" fmla="*/ 449580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02665 w 1630680"/>
                    <a:gd name="connsiteY6" fmla="*/ 922499 h 1310277"/>
                    <a:gd name="connsiteX7" fmla="*/ 1286034 w 1630680"/>
                    <a:gd name="connsiteY7" fmla="*/ 897098 h 1310277"/>
                    <a:gd name="connsiteX8" fmla="*/ 1273810 w 1630680"/>
                    <a:gd name="connsiteY8" fmla="*/ 889000 h 1310277"/>
                    <a:gd name="connsiteX9" fmla="*/ 624840 w 1630680"/>
                    <a:gd name="connsiteY9" fmla="*/ 495300 h 1310277"/>
                    <a:gd name="connsiteX10" fmla="*/ 449580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02665 w 1630680"/>
                    <a:gd name="connsiteY6" fmla="*/ 922499 h 1310277"/>
                    <a:gd name="connsiteX7" fmla="*/ 1286034 w 1630680"/>
                    <a:gd name="connsiteY7" fmla="*/ 897098 h 1310277"/>
                    <a:gd name="connsiteX8" fmla="*/ 1273810 w 1630680"/>
                    <a:gd name="connsiteY8" fmla="*/ 889000 h 1310277"/>
                    <a:gd name="connsiteX9" fmla="*/ 624840 w 1630680"/>
                    <a:gd name="connsiteY9" fmla="*/ 495300 h 1310277"/>
                    <a:gd name="connsiteX10" fmla="*/ 449580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33622 w 1630680"/>
                    <a:gd name="connsiteY6" fmla="*/ 912974 h 1310277"/>
                    <a:gd name="connsiteX7" fmla="*/ 1286034 w 1630680"/>
                    <a:gd name="connsiteY7" fmla="*/ 897098 h 1310277"/>
                    <a:gd name="connsiteX8" fmla="*/ 1273810 w 1630680"/>
                    <a:gd name="connsiteY8" fmla="*/ 889000 h 1310277"/>
                    <a:gd name="connsiteX9" fmla="*/ 624840 w 1630680"/>
                    <a:gd name="connsiteY9" fmla="*/ 495300 h 1310277"/>
                    <a:gd name="connsiteX10" fmla="*/ 449580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33622 w 1630680"/>
                    <a:gd name="connsiteY6" fmla="*/ 912974 h 1310277"/>
                    <a:gd name="connsiteX7" fmla="*/ 1286034 w 1630680"/>
                    <a:gd name="connsiteY7" fmla="*/ 897098 h 1310277"/>
                    <a:gd name="connsiteX8" fmla="*/ 1273810 w 1630680"/>
                    <a:gd name="connsiteY8" fmla="*/ 889000 h 1310277"/>
                    <a:gd name="connsiteX9" fmla="*/ 624840 w 1630680"/>
                    <a:gd name="connsiteY9" fmla="*/ 495300 h 1310277"/>
                    <a:gd name="connsiteX10" fmla="*/ 449580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33622 w 1630680"/>
                    <a:gd name="connsiteY6" fmla="*/ 912974 h 1310277"/>
                    <a:gd name="connsiteX7" fmla="*/ 1286034 w 1630680"/>
                    <a:gd name="connsiteY7" fmla="*/ 897098 h 1310277"/>
                    <a:gd name="connsiteX8" fmla="*/ 1273810 w 1630680"/>
                    <a:gd name="connsiteY8" fmla="*/ 889000 h 1310277"/>
                    <a:gd name="connsiteX9" fmla="*/ 624840 w 1630680"/>
                    <a:gd name="connsiteY9" fmla="*/ 495300 h 1310277"/>
                    <a:gd name="connsiteX10" fmla="*/ 449580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33622 w 1630680"/>
                    <a:gd name="connsiteY6" fmla="*/ 912974 h 1310277"/>
                    <a:gd name="connsiteX7" fmla="*/ 1286034 w 1630680"/>
                    <a:gd name="connsiteY7" fmla="*/ 897098 h 1310277"/>
                    <a:gd name="connsiteX8" fmla="*/ 1273810 w 1630680"/>
                    <a:gd name="connsiteY8" fmla="*/ 889000 h 1310277"/>
                    <a:gd name="connsiteX9" fmla="*/ 624840 w 1630680"/>
                    <a:gd name="connsiteY9" fmla="*/ 495300 h 1310277"/>
                    <a:gd name="connsiteX10" fmla="*/ 449580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33622 w 1630680"/>
                    <a:gd name="connsiteY6" fmla="*/ 912974 h 1310277"/>
                    <a:gd name="connsiteX7" fmla="*/ 1286034 w 1630680"/>
                    <a:gd name="connsiteY7" fmla="*/ 897098 h 1310277"/>
                    <a:gd name="connsiteX8" fmla="*/ 1273810 w 1630680"/>
                    <a:gd name="connsiteY8" fmla="*/ 889000 h 1310277"/>
                    <a:gd name="connsiteX9" fmla="*/ 624840 w 1630680"/>
                    <a:gd name="connsiteY9" fmla="*/ 495300 h 1310277"/>
                    <a:gd name="connsiteX10" fmla="*/ 449580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33622 w 1630680"/>
                    <a:gd name="connsiteY6" fmla="*/ 912974 h 1310277"/>
                    <a:gd name="connsiteX7" fmla="*/ 1274127 w 1630680"/>
                    <a:gd name="connsiteY7" fmla="*/ 885192 h 1310277"/>
                    <a:gd name="connsiteX8" fmla="*/ 1273810 w 1630680"/>
                    <a:gd name="connsiteY8" fmla="*/ 889000 h 1310277"/>
                    <a:gd name="connsiteX9" fmla="*/ 624840 w 1630680"/>
                    <a:gd name="connsiteY9" fmla="*/ 495300 h 1310277"/>
                    <a:gd name="connsiteX10" fmla="*/ 449580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33622 w 1630680"/>
                    <a:gd name="connsiteY6" fmla="*/ 912974 h 1310277"/>
                    <a:gd name="connsiteX7" fmla="*/ 1274127 w 1630680"/>
                    <a:gd name="connsiteY7" fmla="*/ 885192 h 1310277"/>
                    <a:gd name="connsiteX8" fmla="*/ 1273810 w 1630680"/>
                    <a:gd name="connsiteY8" fmla="*/ 889000 h 1310277"/>
                    <a:gd name="connsiteX9" fmla="*/ 624840 w 1630680"/>
                    <a:gd name="connsiteY9" fmla="*/ 495300 h 1310277"/>
                    <a:gd name="connsiteX10" fmla="*/ 449580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33622 w 1630680"/>
                    <a:gd name="connsiteY6" fmla="*/ 912974 h 1310277"/>
                    <a:gd name="connsiteX7" fmla="*/ 1274127 w 1630680"/>
                    <a:gd name="connsiteY7" fmla="*/ 885192 h 1310277"/>
                    <a:gd name="connsiteX8" fmla="*/ 1273810 w 1630680"/>
                    <a:gd name="connsiteY8" fmla="*/ 889000 h 1310277"/>
                    <a:gd name="connsiteX9" fmla="*/ 624840 w 1630680"/>
                    <a:gd name="connsiteY9" fmla="*/ 495300 h 1310277"/>
                    <a:gd name="connsiteX10" fmla="*/ 449580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33622 w 1630680"/>
                    <a:gd name="connsiteY6" fmla="*/ 912974 h 1310277"/>
                    <a:gd name="connsiteX7" fmla="*/ 1274127 w 1630680"/>
                    <a:gd name="connsiteY7" fmla="*/ 885192 h 1310277"/>
                    <a:gd name="connsiteX8" fmla="*/ 1261903 w 1630680"/>
                    <a:gd name="connsiteY8" fmla="*/ 886619 h 1310277"/>
                    <a:gd name="connsiteX9" fmla="*/ 624840 w 1630680"/>
                    <a:gd name="connsiteY9" fmla="*/ 495300 h 1310277"/>
                    <a:gd name="connsiteX10" fmla="*/ 449580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33622 w 1630680"/>
                    <a:gd name="connsiteY6" fmla="*/ 912974 h 1310277"/>
                    <a:gd name="connsiteX7" fmla="*/ 1274127 w 1630680"/>
                    <a:gd name="connsiteY7" fmla="*/ 885192 h 1310277"/>
                    <a:gd name="connsiteX8" fmla="*/ 1261903 w 1630680"/>
                    <a:gd name="connsiteY8" fmla="*/ 886619 h 1310277"/>
                    <a:gd name="connsiteX9" fmla="*/ 624840 w 1630680"/>
                    <a:gd name="connsiteY9" fmla="*/ 495300 h 1310277"/>
                    <a:gd name="connsiteX10" fmla="*/ 449580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33622 w 1630680"/>
                    <a:gd name="connsiteY6" fmla="*/ 912974 h 1310277"/>
                    <a:gd name="connsiteX7" fmla="*/ 1274127 w 1630680"/>
                    <a:gd name="connsiteY7" fmla="*/ 885192 h 1310277"/>
                    <a:gd name="connsiteX8" fmla="*/ 1261903 w 1630680"/>
                    <a:gd name="connsiteY8" fmla="*/ 886619 h 1310277"/>
                    <a:gd name="connsiteX9" fmla="*/ 624840 w 1630680"/>
                    <a:gd name="connsiteY9" fmla="*/ 495300 h 1310277"/>
                    <a:gd name="connsiteX10" fmla="*/ 449580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33622 w 1630680"/>
                    <a:gd name="connsiteY6" fmla="*/ 901068 h 1310277"/>
                    <a:gd name="connsiteX7" fmla="*/ 1274127 w 1630680"/>
                    <a:gd name="connsiteY7" fmla="*/ 885192 h 1310277"/>
                    <a:gd name="connsiteX8" fmla="*/ 1261903 w 1630680"/>
                    <a:gd name="connsiteY8" fmla="*/ 886619 h 1310277"/>
                    <a:gd name="connsiteX9" fmla="*/ 624840 w 1630680"/>
                    <a:gd name="connsiteY9" fmla="*/ 495300 h 1310277"/>
                    <a:gd name="connsiteX10" fmla="*/ 449580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55054 w 1630680"/>
                    <a:gd name="connsiteY6" fmla="*/ 891543 h 1310277"/>
                    <a:gd name="connsiteX7" fmla="*/ 1274127 w 1630680"/>
                    <a:gd name="connsiteY7" fmla="*/ 885192 h 1310277"/>
                    <a:gd name="connsiteX8" fmla="*/ 1261903 w 1630680"/>
                    <a:gd name="connsiteY8" fmla="*/ 886619 h 1310277"/>
                    <a:gd name="connsiteX9" fmla="*/ 624840 w 1630680"/>
                    <a:gd name="connsiteY9" fmla="*/ 495300 h 1310277"/>
                    <a:gd name="connsiteX10" fmla="*/ 449580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55054 w 1630680"/>
                    <a:gd name="connsiteY6" fmla="*/ 891543 h 1310277"/>
                    <a:gd name="connsiteX7" fmla="*/ 1274127 w 1630680"/>
                    <a:gd name="connsiteY7" fmla="*/ 885192 h 1310277"/>
                    <a:gd name="connsiteX8" fmla="*/ 1261903 w 1630680"/>
                    <a:gd name="connsiteY8" fmla="*/ 886619 h 1310277"/>
                    <a:gd name="connsiteX9" fmla="*/ 624840 w 1630680"/>
                    <a:gd name="connsiteY9" fmla="*/ 495300 h 1310277"/>
                    <a:gd name="connsiteX10" fmla="*/ 449580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55054 w 1630680"/>
                    <a:gd name="connsiteY6" fmla="*/ 891543 h 1310277"/>
                    <a:gd name="connsiteX7" fmla="*/ 1274127 w 1630680"/>
                    <a:gd name="connsiteY7" fmla="*/ 885192 h 1310277"/>
                    <a:gd name="connsiteX8" fmla="*/ 1261903 w 1630680"/>
                    <a:gd name="connsiteY8" fmla="*/ 886619 h 1310277"/>
                    <a:gd name="connsiteX9" fmla="*/ 624840 w 1630680"/>
                    <a:gd name="connsiteY9" fmla="*/ 495300 h 1310277"/>
                    <a:gd name="connsiteX10" fmla="*/ 449580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55054 w 1630680"/>
                    <a:gd name="connsiteY6" fmla="*/ 891543 h 1310277"/>
                    <a:gd name="connsiteX7" fmla="*/ 1261903 w 1630680"/>
                    <a:gd name="connsiteY7" fmla="*/ 886619 h 1310277"/>
                    <a:gd name="connsiteX8" fmla="*/ 624840 w 1630680"/>
                    <a:gd name="connsiteY8" fmla="*/ 495300 h 1310277"/>
                    <a:gd name="connsiteX9" fmla="*/ 449580 w 1630680"/>
                    <a:gd name="connsiteY9" fmla="*/ 480060 h 1310277"/>
                    <a:gd name="connsiteX10" fmla="*/ 0 w 1630680"/>
                    <a:gd name="connsiteY10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55054 w 1630680"/>
                    <a:gd name="connsiteY6" fmla="*/ 891543 h 1310277"/>
                    <a:gd name="connsiteX7" fmla="*/ 1261903 w 1630680"/>
                    <a:gd name="connsiteY7" fmla="*/ 886619 h 1310277"/>
                    <a:gd name="connsiteX8" fmla="*/ 624840 w 1630680"/>
                    <a:gd name="connsiteY8" fmla="*/ 495300 h 1310277"/>
                    <a:gd name="connsiteX9" fmla="*/ 449580 w 1630680"/>
                    <a:gd name="connsiteY9" fmla="*/ 480060 h 1310277"/>
                    <a:gd name="connsiteX10" fmla="*/ 0 w 1630680"/>
                    <a:gd name="connsiteY10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55054 w 1630680"/>
                    <a:gd name="connsiteY6" fmla="*/ 891543 h 1310277"/>
                    <a:gd name="connsiteX7" fmla="*/ 1210628 w 1630680"/>
                    <a:gd name="connsiteY7" fmla="*/ 910592 h 1310277"/>
                    <a:gd name="connsiteX8" fmla="*/ 1261903 w 1630680"/>
                    <a:gd name="connsiteY8" fmla="*/ 886619 h 1310277"/>
                    <a:gd name="connsiteX9" fmla="*/ 624840 w 1630680"/>
                    <a:gd name="connsiteY9" fmla="*/ 495300 h 1310277"/>
                    <a:gd name="connsiteX10" fmla="*/ 449580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55054 w 1630680"/>
                    <a:gd name="connsiteY6" fmla="*/ 891543 h 1310277"/>
                    <a:gd name="connsiteX7" fmla="*/ 1284447 w 1630680"/>
                    <a:gd name="connsiteY7" fmla="*/ 889161 h 1310277"/>
                    <a:gd name="connsiteX8" fmla="*/ 1261903 w 1630680"/>
                    <a:gd name="connsiteY8" fmla="*/ 886619 h 1310277"/>
                    <a:gd name="connsiteX9" fmla="*/ 624840 w 1630680"/>
                    <a:gd name="connsiteY9" fmla="*/ 495300 h 1310277"/>
                    <a:gd name="connsiteX10" fmla="*/ 449580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55054 w 1630680"/>
                    <a:gd name="connsiteY6" fmla="*/ 891543 h 1310277"/>
                    <a:gd name="connsiteX7" fmla="*/ 1284447 w 1630680"/>
                    <a:gd name="connsiteY7" fmla="*/ 889161 h 1310277"/>
                    <a:gd name="connsiteX8" fmla="*/ 1261903 w 1630680"/>
                    <a:gd name="connsiteY8" fmla="*/ 886619 h 1310277"/>
                    <a:gd name="connsiteX9" fmla="*/ 624840 w 1630680"/>
                    <a:gd name="connsiteY9" fmla="*/ 495300 h 1310277"/>
                    <a:gd name="connsiteX10" fmla="*/ 449580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55054 w 1630680"/>
                    <a:gd name="connsiteY6" fmla="*/ 891543 h 1310277"/>
                    <a:gd name="connsiteX7" fmla="*/ 1284447 w 1630680"/>
                    <a:gd name="connsiteY7" fmla="*/ 889161 h 1310277"/>
                    <a:gd name="connsiteX8" fmla="*/ 1261903 w 1630680"/>
                    <a:gd name="connsiteY8" fmla="*/ 886619 h 1310277"/>
                    <a:gd name="connsiteX9" fmla="*/ 624840 w 1630680"/>
                    <a:gd name="connsiteY9" fmla="*/ 495300 h 1310277"/>
                    <a:gd name="connsiteX10" fmla="*/ 449580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55054 w 1630680"/>
                    <a:gd name="connsiteY6" fmla="*/ 891543 h 1310277"/>
                    <a:gd name="connsiteX7" fmla="*/ 1284447 w 1630680"/>
                    <a:gd name="connsiteY7" fmla="*/ 889161 h 1310277"/>
                    <a:gd name="connsiteX8" fmla="*/ 1261903 w 1630680"/>
                    <a:gd name="connsiteY8" fmla="*/ 886619 h 1310277"/>
                    <a:gd name="connsiteX9" fmla="*/ 624840 w 1630680"/>
                    <a:gd name="connsiteY9" fmla="*/ 495300 h 1310277"/>
                    <a:gd name="connsiteX10" fmla="*/ 449580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55054 w 1630680"/>
                    <a:gd name="connsiteY6" fmla="*/ 891543 h 1310277"/>
                    <a:gd name="connsiteX7" fmla="*/ 1284447 w 1630680"/>
                    <a:gd name="connsiteY7" fmla="*/ 889161 h 1310277"/>
                    <a:gd name="connsiteX8" fmla="*/ 1261903 w 1630680"/>
                    <a:gd name="connsiteY8" fmla="*/ 886619 h 1310277"/>
                    <a:gd name="connsiteX9" fmla="*/ 624840 w 1630680"/>
                    <a:gd name="connsiteY9" fmla="*/ 495300 h 1310277"/>
                    <a:gd name="connsiteX10" fmla="*/ 449580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55054 w 1630680"/>
                    <a:gd name="connsiteY6" fmla="*/ 891543 h 1310277"/>
                    <a:gd name="connsiteX7" fmla="*/ 1284447 w 1630680"/>
                    <a:gd name="connsiteY7" fmla="*/ 889161 h 1310277"/>
                    <a:gd name="connsiteX8" fmla="*/ 1261903 w 1630680"/>
                    <a:gd name="connsiteY8" fmla="*/ 886619 h 1310277"/>
                    <a:gd name="connsiteX9" fmla="*/ 624840 w 1630680"/>
                    <a:gd name="connsiteY9" fmla="*/ 495300 h 1310277"/>
                    <a:gd name="connsiteX10" fmla="*/ 449580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55054 w 1630680"/>
                    <a:gd name="connsiteY6" fmla="*/ 891543 h 1310277"/>
                    <a:gd name="connsiteX7" fmla="*/ 1284447 w 1630680"/>
                    <a:gd name="connsiteY7" fmla="*/ 889161 h 1310277"/>
                    <a:gd name="connsiteX8" fmla="*/ 1261903 w 1630680"/>
                    <a:gd name="connsiteY8" fmla="*/ 886619 h 1310277"/>
                    <a:gd name="connsiteX9" fmla="*/ 624840 w 1630680"/>
                    <a:gd name="connsiteY9" fmla="*/ 495300 h 1310277"/>
                    <a:gd name="connsiteX10" fmla="*/ 449580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55054 w 1630680"/>
                    <a:gd name="connsiteY6" fmla="*/ 891543 h 1310277"/>
                    <a:gd name="connsiteX7" fmla="*/ 1284447 w 1630680"/>
                    <a:gd name="connsiteY7" fmla="*/ 889161 h 1310277"/>
                    <a:gd name="connsiteX8" fmla="*/ 1261903 w 1630680"/>
                    <a:gd name="connsiteY8" fmla="*/ 886619 h 1310277"/>
                    <a:gd name="connsiteX9" fmla="*/ 624840 w 1630680"/>
                    <a:gd name="connsiteY9" fmla="*/ 495300 h 1310277"/>
                    <a:gd name="connsiteX10" fmla="*/ 449580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55054 w 1630680"/>
                    <a:gd name="connsiteY6" fmla="*/ 891543 h 1310277"/>
                    <a:gd name="connsiteX7" fmla="*/ 1284447 w 1630680"/>
                    <a:gd name="connsiteY7" fmla="*/ 889161 h 1310277"/>
                    <a:gd name="connsiteX8" fmla="*/ 1261903 w 1630680"/>
                    <a:gd name="connsiteY8" fmla="*/ 886619 h 1310277"/>
                    <a:gd name="connsiteX9" fmla="*/ 624840 w 1630680"/>
                    <a:gd name="connsiteY9" fmla="*/ 495300 h 1310277"/>
                    <a:gd name="connsiteX10" fmla="*/ 449580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55054 w 1630680"/>
                    <a:gd name="connsiteY6" fmla="*/ 891543 h 1310277"/>
                    <a:gd name="connsiteX7" fmla="*/ 1284447 w 1630680"/>
                    <a:gd name="connsiteY7" fmla="*/ 889161 h 1310277"/>
                    <a:gd name="connsiteX8" fmla="*/ 1261903 w 1630680"/>
                    <a:gd name="connsiteY8" fmla="*/ 886619 h 1310277"/>
                    <a:gd name="connsiteX9" fmla="*/ 624840 w 1630680"/>
                    <a:gd name="connsiteY9" fmla="*/ 495300 h 1310277"/>
                    <a:gd name="connsiteX10" fmla="*/ 430858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55054 w 1630680"/>
                    <a:gd name="connsiteY6" fmla="*/ 891543 h 1310277"/>
                    <a:gd name="connsiteX7" fmla="*/ 1284447 w 1630680"/>
                    <a:gd name="connsiteY7" fmla="*/ 889161 h 1310277"/>
                    <a:gd name="connsiteX8" fmla="*/ 1261903 w 1630680"/>
                    <a:gd name="connsiteY8" fmla="*/ 886619 h 1310277"/>
                    <a:gd name="connsiteX9" fmla="*/ 624840 w 1630680"/>
                    <a:gd name="connsiteY9" fmla="*/ 495300 h 1310277"/>
                    <a:gd name="connsiteX10" fmla="*/ 430858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55054 w 1630680"/>
                    <a:gd name="connsiteY6" fmla="*/ 891543 h 1310277"/>
                    <a:gd name="connsiteX7" fmla="*/ 1284447 w 1630680"/>
                    <a:gd name="connsiteY7" fmla="*/ 889161 h 1310277"/>
                    <a:gd name="connsiteX8" fmla="*/ 1261903 w 1630680"/>
                    <a:gd name="connsiteY8" fmla="*/ 886619 h 1310277"/>
                    <a:gd name="connsiteX9" fmla="*/ 624840 w 1630680"/>
                    <a:gd name="connsiteY9" fmla="*/ 495300 h 1310277"/>
                    <a:gd name="connsiteX10" fmla="*/ 430858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55054 w 1630680"/>
                    <a:gd name="connsiteY6" fmla="*/ 891543 h 1310277"/>
                    <a:gd name="connsiteX7" fmla="*/ 1284447 w 1630680"/>
                    <a:gd name="connsiteY7" fmla="*/ 889161 h 1310277"/>
                    <a:gd name="connsiteX8" fmla="*/ 1261903 w 1630680"/>
                    <a:gd name="connsiteY8" fmla="*/ 886619 h 1310277"/>
                    <a:gd name="connsiteX9" fmla="*/ 624840 w 1630680"/>
                    <a:gd name="connsiteY9" fmla="*/ 495300 h 1310277"/>
                    <a:gd name="connsiteX10" fmla="*/ 430858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55054 w 1630680"/>
                    <a:gd name="connsiteY6" fmla="*/ 891543 h 1310277"/>
                    <a:gd name="connsiteX7" fmla="*/ 1284447 w 1630680"/>
                    <a:gd name="connsiteY7" fmla="*/ 889161 h 1310277"/>
                    <a:gd name="connsiteX8" fmla="*/ 1261903 w 1630680"/>
                    <a:gd name="connsiteY8" fmla="*/ 886619 h 1310277"/>
                    <a:gd name="connsiteX9" fmla="*/ 624840 w 1630680"/>
                    <a:gd name="connsiteY9" fmla="*/ 495300 h 1310277"/>
                    <a:gd name="connsiteX10" fmla="*/ 430858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55054 w 1630680"/>
                    <a:gd name="connsiteY6" fmla="*/ 891543 h 1310277"/>
                    <a:gd name="connsiteX7" fmla="*/ 1284447 w 1630680"/>
                    <a:gd name="connsiteY7" fmla="*/ 889161 h 1310277"/>
                    <a:gd name="connsiteX8" fmla="*/ 1261903 w 1630680"/>
                    <a:gd name="connsiteY8" fmla="*/ 886619 h 1310277"/>
                    <a:gd name="connsiteX9" fmla="*/ 624840 w 1630680"/>
                    <a:gd name="connsiteY9" fmla="*/ 495300 h 1310277"/>
                    <a:gd name="connsiteX10" fmla="*/ 430858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55054 w 1630680"/>
                    <a:gd name="connsiteY6" fmla="*/ 891543 h 1310277"/>
                    <a:gd name="connsiteX7" fmla="*/ 1284447 w 1630680"/>
                    <a:gd name="connsiteY7" fmla="*/ 889161 h 1310277"/>
                    <a:gd name="connsiteX8" fmla="*/ 1261903 w 1630680"/>
                    <a:gd name="connsiteY8" fmla="*/ 886619 h 1310277"/>
                    <a:gd name="connsiteX9" fmla="*/ 624840 w 1630680"/>
                    <a:gd name="connsiteY9" fmla="*/ 495300 h 1310277"/>
                    <a:gd name="connsiteX10" fmla="*/ 430858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55054 w 1630680"/>
                    <a:gd name="connsiteY6" fmla="*/ 891543 h 1310277"/>
                    <a:gd name="connsiteX7" fmla="*/ 1284447 w 1630680"/>
                    <a:gd name="connsiteY7" fmla="*/ 889161 h 1310277"/>
                    <a:gd name="connsiteX8" fmla="*/ 1261903 w 1630680"/>
                    <a:gd name="connsiteY8" fmla="*/ 886619 h 1310277"/>
                    <a:gd name="connsiteX9" fmla="*/ 624840 w 1630680"/>
                    <a:gd name="connsiteY9" fmla="*/ 495300 h 1310277"/>
                    <a:gd name="connsiteX10" fmla="*/ 430858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30680"/>
                    <a:gd name="connsiteY0" fmla="*/ 693420 h 1310277"/>
                    <a:gd name="connsiteX1" fmla="*/ 129540 w 1630680"/>
                    <a:gd name="connsiteY1" fmla="*/ 198120 h 1310277"/>
                    <a:gd name="connsiteX2" fmla="*/ 693420 w 1630680"/>
                    <a:gd name="connsiteY2" fmla="*/ 0 h 1310277"/>
                    <a:gd name="connsiteX3" fmla="*/ 1341120 w 1630680"/>
                    <a:gd name="connsiteY3" fmla="*/ 236220 h 1310277"/>
                    <a:gd name="connsiteX4" fmla="*/ 1630680 w 1630680"/>
                    <a:gd name="connsiteY4" fmla="*/ 1150620 h 1310277"/>
                    <a:gd name="connsiteX5" fmla="*/ 1399540 w 1630680"/>
                    <a:gd name="connsiteY5" fmla="*/ 1308100 h 1310277"/>
                    <a:gd name="connsiteX6" fmla="*/ 1055054 w 1630680"/>
                    <a:gd name="connsiteY6" fmla="*/ 891543 h 1310277"/>
                    <a:gd name="connsiteX7" fmla="*/ 1284447 w 1630680"/>
                    <a:gd name="connsiteY7" fmla="*/ 889161 h 1310277"/>
                    <a:gd name="connsiteX8" fmla="*/ 1261903 w 1630680"/>
                    <a:gd name="connsiteY8" fmla="*/ 886619 h 1310277"/>
                    <a:gd name="connsiteX9" fmla="*/ 624840 w 1630680"/>
                    <a:gd name="connsiteY9" fmla="*/ 476424 h 1310277"/>
                    <a:gd name="connsiteX10" fmla="*/ 430858 w 1630680"/>
                    <a:gd name="connsiteY10" fmla="*/ 480060 h 1310277"/>
                    <a:gd name="connsiteX11" fmla="*/ 0 w 1630680"/>
                    <a:gd name="connsiteY11" fmla="*/ 693420 h 1310277"/>
                    <a:gd name="connsiteX0" fmla="*/ 0 w 1649402"/>
                    <a:gd name="connsiteY0" fmla="*/ 706004 h 1310277"/>
                    <a:gd name="connsiteX1" fmla="*/ 148262 w 1649402"/>
                    <a:gd name="connsiteY1" fmla="*/ 198120 h 1310277"/>
                    <a:gd name="connsiteX2" fmla="*/ 712142 w 1649402"/>
                    <a:gd name="connsiteY2" fmla="*/ 0 h 1310277"/>
                    <a:gd name="connsiteX3" fmla="*/ 1359842 w 1649402"/>
                    <a:gd name="connsiteY3" fmla="*/ 236220 h 1310277"/>
                    <a:gd name="connsiteX4" fmla="*/ 1649402 w 1649402"/>
                    <a:gd name="connsiteY4" fmla="*/ 1150620 h 1310277"/>
                    <a:gd name="connsiteX5" fmla="*/ 1418262 w 1649402"/>
                    <a:gd name="connsiteY5" fmla="*/ 1308100 h 1310277"/>
                    <a:gd name="connsiteX6" fmla="*/ 1073776 w 1649402"/>
                    <a:gd name="connsiteY6" fmla="*/ 891543 h 1310277"/>
                    <a:gd name="connsiteX7" fmla="*/ 1303169 w 1649402"/>
                    <a:gd name="connsiteY7" fmla="*/ 889161 h 1310277"/>
                    <a:gd name="connsiteX8" fmla="*/ 1280625 w 1649402"/>
                    <a:gd name="connsiteY8" fmla="*/ 886619 h 1310277"/>
                    <a:gd name="connsiteX9" fmla="*/ 643562 w 1649402"/>
                    <a:gd name="connsiteY9" fmla="*/ 476424 h 1310277"/>
                    <a:gd name="connsiteX10" fmla="*/ 449580 w 1649402"/>
                    <a:gd name="connsiteY10" fmla="*/ 480060 h 1310277"/>
                    <a:gd name="connsiteX11" fmla="*/ 0 w 1649402"/>
                    <a:gd name="connsiteY11" fmla="*/ 706004 h 1310277"/>
                    <a:gd name="connsiteX0" fmla="*/ 0 w 1649402"/>
                    <a:gd name="connsiteY0" fmla="*/ 706004 h 1310277"/>
                    <a:gd name="connsiteX1" fmla="*/ 148262 w 1649402"/>
                    <a:gd name="connsiteY1" fmla="*/ 198120 h 1310277"/>
                    <a:gd name="connsiteX2" fmla="*/ 712142 w 1649402"/>
                    <a:gd name="connsiteY2" fmla="*/ 0 h 1310277"/>
                    <a:gd name="connsiteX3" fmla="*/ 1359842 w 1649402"/>
                    <a:gd name="connsiteY3" fmla="*/ 236220 h 1310277"/>
                    <a:gd name="connsiteX4" fmla="*/ 1649402 w 1649402"/>
                    <a:gd name="connsiteY4" fmla="*/ 1150620 h 1310277"/>
                    <a:gd name="connsiteX5" fmla="*/ 1418262 w 1649402"/>
                    <a:gd name="connsiteY5" fmla="*/ 1308100 h 1310277"/>
                    <a:gd name="connsiteX6" fmla="*/ 1073776 w 1649402"/>
                    <a:gd name="connsiteY6" fmla="*/ 891543 h 1310277"/>
                    <a:gd name="connsiteX7" fmla="*/ 1303169 w 1649402"/>
                    <a:gd name="connsiteY7" fmla="*/ 889161 h 1310277"/>
                    <a:gd name="connsiteX8" fmla="*/ 1280625 w 1649402"/>
                    <a:gd name="connsiteY8" fmla="*/ 886619 h 1310277"/>
                    <a:gd name="connsiteX9" fmla="*/ 643562 w 1649402"/>
                    <a:gd name="connsiteY9" fmla="*/ 476424 h 1310277"/>
                    <a:gd name="connsiteX10" fmla="*/ 449580 w 1649402"/>
                    <a:gd name="connsiteY10" fmla="*/ 480060 h 1310277"/>
                    <a:gd name="connsiteX11" fmla="*/ 0 w 1649402"/>
                    <a:gd name="connsiteY11" fmla="*/ 706004 h 1310277"/>
                    <a:gd name="connsiteX0" fmla="*/ 0 w 1649402"/>
                    <a:gd name="connsiteY0" fmla="*/ 706004 h 1310277"/>
                    <a:gd name="connsiteX1" fmla="*/ 148262 w 1649402"/>
                    <a:gd name="connsiteY1" fmla="*/ 198120 h 1310277"/>
                    <a:gd name="connsiteX2" fmla="*/ 712142 w 1649402"/>
                    <a:gd name="connsiteY2" fmla="*/ 0 h 1310277"/>
                    <a:gd name="connsiteX3" fmla="*/ 1359842 w 1649402"/>
                    <a:gd name="connsiteY3" fmla="*/ 236220 h 1310277"/>
                    <a:gd name="connsiteX4" fmla="*/ 1649402 w 1649402"/>
                    <a:gd name="connsiteY4" fmla="*/ 1150620 h 1310277"/>
                    <a:gd name="connsiteX5" fmla="*/ 1418262 w 1649402"/>
                    <a:gd name="connsiteY5" fmla="*/ 1308100 h 1310277"/>
                    <a:gd name="connsiteX6" fmla="*/ 1073776 w 1649402"/>
                    <a:gd name="connsiteY6" fmla="*/ 891543 h 1310277"/>
                    <a:gd name="connsiteX7" fmla="*/ 1303169 w 1649402"/>
                    <a:gd name="connsiteY7" fmla="*/ 889161 h 1310277"/>
                    <a:gd name="connsiteX8" fmla="*/ 1280625 w 1649402"/>
                    <a:gd name="connsiteY8" fmla="*/ 886619 h 1310277"/>
                    <a:gd name="connsiteX9" fmla="*/ 643562 w 1649402"/>
                    <a:gd name="connsiteY9" fmla="*/ 476424 h 1310277"/>
                    <a:gd name="connsiteX10" fmla="*/ 449580 w 1649402"/>
                    <a:gd name="connsiteY10" fmla="*/ 480060 h 1310277"/>
                    <a:gd name="connsiteX11" fmla="*/ 0 w 1649402"/>
                    <a:gd name="connsiteY11" fmla="*/ 706004 h 1310277"/>
                    <a:gd name="connsiteX0" fmla="*/ 0 w 1649402"/>
                    <a:gd name="connsiteY0" fmla="*/ 706004 h 1310277"/>
                    <a:gd name="connsiteX1" fmla="*/ 148262 w 1649402"/>
                    <a:gd name="connsiteY1" fmla="*/ 198120 h 1310277"/>
                    <a:gd name="connsiteX2" fmla="*/ 712142 w 1649402"/>
                    <a:gd name="connsiteY2" fmla="*/ 0 h 1310277"/>
                    <a:gd name="connsiteX3" fmla="*/ 1359842 w 1649402"/>
                    <a:gd name="connsiteY3" fmla="*/ 236220 h 1310277"/>
                    <a:gd name="connsiteX4" fmla="*/ 1649402 w 1649402"/>
                    <a:gd name="connsiteY4" fmla="*/ 1150620 h 1310277"/>
                    <a:gd name="connsiteX5" fmla="*/ 1418262 w 1649402"/>
                    <a:gd name="connsiteY5" fmla="*/ 1308100 h 1310277"/>
                    <a:gd name="connsiteX6" fmla="*/ 1073776 w 1649402"/>
                    <a:gd name="connsiteY6" fmla="*/ 891543 h 1310277"/>
                    <a:gd name="connsiteX7" fmla="*/ 1303169 w 1649402"/>
                    <a:gd name="connsiteY7" fmla="*/ 889161 h 1310277"/>
                    <a:gd name="connsiteX8" fmla="*/ 1280625 w 1649402"/>
                    <a:gd name="connsiteY8" fmla="*/ 886619 h 1310277"/>
                    <a:gd name="connsiteX9" fmla="*/ 643562 w 1649402"/>
                    <a:gd name="connsiteY9" fmla="*/ 476424 h 1310277"/>
                    <a:gd name="connsiteX10" fmla="*/ 449580 w 1649402"/>
                    <a:gd name="connsiteY10" fmla="*/ 480060 h 1310277"/>
                    <a:gd name="connsiteX11" fmla="*/ 0 w 1649402"/>
                    <a:gd name="connsiteY11" fmla="*/ 706004 h 1310277"/>
                    <a:gd name="connsiteX0" fmla="*/ 0 w 1649402"/>
                    <a:gd name="connsiteY0" fmla="*/ 706004 h 1310277"/>
                    <a:gd name="connsiteX1" fmla="*/ 117059 w 1649402"/>
                    <a:gd name="connsiteY1" fmla="*/ 210704 h 1310277"/>
                    <a:gd name="connsiteX2" fmla="*/ 712142 w 1649402"/>
                    <a:gd name="connsiteY2" fmla="*/ 0 h 1310277"/>
                    <a:gd name="connsiteX3" fmla="*/ 1359842 w 1649402"/>
                    <a:gd name="connsiteY3" fmla="*/ 236220 h 1310277"/>
                    <a:gd name="connsiteX4" fmla="*/ 1649402 w 1649402"/>
                    <a:gd name="connsiteY4" fmla="*/ 1150620 h 1310277"/>
                    <a:gd name="connsiteX5" fmla="*/ 1418262 w 1649402"/>
                    <a:gd name="connsiteY5" fmla="*/ 1308100 h 1310277"/>
                    <a:gd name="connsiteX6" fmla="*/ 1073776 w 1649402"/>
                    <a:gd name="connsiteY6" fmla="*/ 891543 h 1310277"/>
                    <a:gd name="connsiteX7" fmla="*/ 1303169 w 1649402"/>
                    <a:gd name="connsiteY7" fmla="*/ 889161 h 1310277"/>
                    <a:gd name="connsiteX8" fmla="*/ 1280625 w 1649402"/>
                    <a:gd name="connsiteY8" fmla="*/ 886619 h 1310277"/>
                    <a:gd name="connsiteX9" fmla="*/ 643562 w 1649402"/>
                    <a:gd name="connsiteY9" fmla="*/ 476424 h 1310277"/>
                    <a:gd name="connsiteX10" fmla="*/ 449580 w 1649402"/>
                    <a:gd name="connsiteY10" fmla="*/ 480060 h 1310277"/>
                    <a:gd name="connsiteX11" fmla="*/ 0 w 1649402"/>
                    <a:gd name="connsiteY11" fmla="*/ 706004 h 1310277"/>
                    <a:gd name="connsiteX0" fmla="*/ 0 w 1649402"/>
                    <a:gd name="connsiteY0" fmla="*/ 706004 h 1310277"/>
                    <a:gd name="connsiteX1" fmla="*/ 117059 w 1649402"/>
                    <a:gd name="connsiteY1" fmla="*/ 210704 h 1310277"/>
                    <a:gd name="connsiteX2" fmla="*/ 712142 w 1649402"/>
                    <a:gd name="connsiteY2" fmla="*/ 0 h 1310277"/>
                    <a:gd name="connsiteX3" fmla="*/ 1359842 w 1649402"/>
                    <a:gd name="connsiteY3" fmla="*/ 236220 h 1310277"/>
                    <a:gd name="connsiteX4" fmla="*/ 1649402 w 1649402"/>
                    <a:gd name="connsiteY4" fmla="*/ 1150620 h 1310277"/>
                    <a:gd name="connsiteX5" fmla="*/ 1418262 w 1649402"/>
                    <a:gd name="connsiteY5" fmla="*/ 1308100 h 1310277"/>
                    <a:gd name="connsiteX6" fmla="*/ 1073776 w 1649402"/>
                    <a:gd name="connsiteY6" fmla="*/ 891543 h 1310277"/>
                    <a:gd name="connsiteX7" fmla="*/ 1303169 w 1649402"/>
                    <a:gd name="connsiteY7" fmla="*/ 889161 h 1310277"/>
                    <a:gd name="connsiteX8" fmla="*/ 1280625 w 1649402"/>
                    <a:gd name="connsiteY8" fmla="*/ 886619 h 1310277"/>
                    <a:gd name="connsiteX9" fmla="*/ 643562 w 1649402"/>
                    <a:gd name="connsiteY9" fmla="*/ 476424 h 1310277"/>
                    <a:gd name="connsiteX10" fmla="*/ 449580 w 1649402"/>
                    <a:gd name="connsiteY10" fmla="*/ 480060 h 1310277"/>
                    <a:gd name="connsiteX11" fmla="*/ 0 w 1649402"/>
                    <a:gd name="connsiteY11" fmla="*/ 706004 h 1310277"/>
                    <a:gd name="connsiteX0" fmla="*/ 0 w 1649402"/>
                    <a:gd name="connsiteY0" fmla="*/ 706004 h 1310277"/>
                    <a:gd name="connsiteX1" fmla="*/ 117059 w 1649402"/>
                    <a:gd name="connsiteY1" fmla="*/ 210704 h 1310277"/>
                    <a:gd name="connsiteX2" fmla="*/ 680939 w 1649402"/>
                    <a:gd name="connsiteY2" fmla="*/ 0 h 1310277"/>
                    <a:gd name="connsiteX3" fmla="*/ 1359842 w 1649402"/>
                    <a:gd name="connsiteY3" fmla="*/ 236220 h 1310277"/>
                    <a:gd name="connsiteX4" fmla="*/ 1649402 w 1649402"/>
                    <a:gd name="connsiteY4" fmla="*/ 1150620 h 1310277"/>
                    <a:gd name="connsiteX5" fmla="*/ 1418262 w 1649402"/>
                    <a:gd name="connsiteY5" fmla="*/ 1308100 h 1310277"/>
                    <a:gd name="connsiteX6" fmla="*/ 1073776 w 1649402"/>
                    <a:gd name="connsiteY6" fmla="*/ 891543 h 1310277"/>
                    <a:gd name="connsiteX7" fmla="*/ 1303169 w 1649402"/>
                    <a:gd name="connsiteY7" fmla="*/ 889161 h 1310277"/>
                    <a:gd name="connsiteX8" fmla="*/ 1280625 w 1649402"/>
                    <a:gd name="connsiteY8" fmla="*/ 886619 h 1310277"/>
                    <a:gd name="connsiteX9" fmla="*/ 643562 w 1649402"/>
                    <a:gd name="connsiteY9" fmla="*/ 476424 h 1310277"/>
                    <a:gd name="connsiteX10" fmla="*/ 449580 w 1649402"/>
                    <a:gd name="connsiteY10" fmla="*/ 480060 h 1310277"/>
                    <a:gd name="connsiteX11" fmla="*/ 0 w 1649402"/>
                    <a:gd name="connsiteY11" fmla="*/ 706004 h 1310277"/>
                    <a:gd name="connsiteX0" fmla="*/ 0 w 1649402"/>
                    <a:gd name="connsiteY0" fmla="*/ 706004 h 1310277"/>
                    <a:gd name="connsiteX1" fmla="*/ 117059 w 1649402"/>
                    <a:gd name="connsiteY1" fmla="*/ 210704 h 1310277"/>
                    <a:gd name="connsiteX2" fmla="*/ 680939 w 1649402"/>
                    <a:gd name="connsiteY2" fmla="*/ 0 h 1310277"/>
                    <a:gd name="connsiteX3" fmla="*/ 1359842 w 1649402"/>
                    <a:gd name="connsiteY3" fmla="*/ 236220 h 1310277"/>
                    <a:gd name="connsiteX4" fmla="*/ 1649402 w 1649402"/>
                    <a:gd name="connsiteY4" fmla="*/ 1150620 h 1310277"/>
                    <a:gd name="connsiteX5" fmla="*/ 1418262 w 1649402"/>
                    <a:gd name="connsiteY5" fmla="*/ 1308100 h 1310277"/>
                    <a:gd name="connsiteX6" fmla="*/ 1073776 w 1649402"/>
                    <a:gd name="connsiteY6" fmla="*/ 891543 h 1310277"/>
                    <a:gd name="connsiteX7" fmla="*/ 1303169 w 1649402"/>
                    <a:gd name="connsiteY7" fmla="*/ 889161 h 1310277"/>
                    <a:gd name="connsiteX8" fmla="*/ 1280625 w 1649402"/>
                    <a:gd name="connsiteY8" fmla="*/ 886619 h 1310277"/>
                    <a:gd name="connsiteX9" fmla="*/ 643562 w 1649402"/>
                    <a:gd name="connsiteY9" fmla="*/ 476424 h 1310277"/>
                    <a:gd name="connsiteX10" fmla="*/ 449580 w 1649402"/>
                    <a:gd name="connsiteY10" fmla="*/ 480060 h 1310277"/>
                    <a:gd name="connsiteX11" fmla="*/ 0 w 1649402"/>
                    <a:gd name="connsiteY11" fmla="*/ 706004 h 1310277"/>
                    <a:gd name="connsiteX0" fmla="*/ 0 w 1649402"/>
                    <a:gd name="connsiteY0" fmla="*/ 706004 h 1310277"/>
                    <a:gd name="connsiteX1" fmla="*/ 142022 w 1649402"/>
                    <a:gd name="connsiteY1" fmla="*/ 210704 h 1310277"/>
                    <a:gd name="connsiteX2" fmla="*/ 680939 w 1649402"/>
                    <a:gd name="connsiteY2" fmla="*/ 0 h 1310277"/>
                    <a:gd name="connsiteX3" fmla="*/ 1359842 w 1649402"/>
                    <a:gd name="connsiteY3" fmla="*/ 236220 h 1310277"/>
                    <a:gd name="connsiteX4" fmla="*/ 1649402 w 1649402"/>
                    <a:gd name="connsiteY4" fmla="*/ 1150620 h 1310277"/>
                    <a:gd name="connsiteX5" fmla="*/ 1418262 w 1649402"/>
                    <a:gd name="connsiteY5" fmla="*/ 1308100 h 1310277"/>
                    <a:gd name="connsiteX6" fmla="*/ 1073776 w 1649402"/>
                    <a:gd name="connsiteY6" fmla="*/ 891543 h 1310277"/>
                    <a:gd name="connsiteX7" fmla="*/ 1303169 w 1649402"/>
                    <a:gd name="connsiteY7" fmla="*/ 889161 h 1310277"/>
                    <a:gd name="connsiteX8" fmla="*/ 1280625 w 1649402"/>
                    <a:gd name="connsiteY8" fmla="*/ 886619 h 1310277"/>
                    <a:gd name="connsiteX9" fmla="*/ 643562 w 1649402"/>
                    <a:gd name="connsiteY9" fmla="*/ 476424 h 1310277"/>
                    <a:gd name="connsiteX10" fmla="*/ 449580 w 1649402"/>
                    <a:gd name="connsiteY10" fmla="*/ 480060 h 1310277"/>
                    <a:gd name="connsiteX11" fmla="*/ 0 w 1649402"/>
                    <a:gd name="connsiteY11" fmla="*/ 706004 h 1310277"/>
                    <a:gd name="connsiteX0" fmla="*/ 0 w 1649402"/>
                    <a:gd name="connsiteY0" fmla="*/ 706004 h 1310277"/>
                    <a:gd name="connsiteX1" fmla="*/ 147873 w 1649402"/>
                    <a:gd name="connsiteY1" fmla="*/ 218569 h 1310277"/>
                    <a:gd name="connsiteX2" fmla="*/ 680939 w 1649402"/>
                    <a:gd name="connsiteY2" fmla="*/ 0 h 1310277"/>
                    <a:gd name="connsiteX3" fmla="*/ 1359842 w 1649402"/>
                    <a:gd name="connsiteY3" fmla="*/ 236220 h 1310277"/>
                    <a:gd name="connsiteX4" fmla="*/ 1649402 w 1649402"/>
                    <a:gd name="connsiteY4" fmla="*/ 1150620 h 1310277"/>
                    <a:gd name="connsiteX5" fmla="*/ 1418262 w 1649402"/>
                    <a:gd name="connsiteY5" fmla="*/ 1308100 h 1310277"/>
                    <a:gd name="connsiteX6" fmla="*/ 1073776 w 1649402"/>
                    <a:gd name="connsiteY6" fmla="*/ 891543 h 1310277"/>
                    <a:gd name="connsiteX7" fmla="*/ 1303169 w 1649402"/>
                    <a:gd name="connsiteY7" fmla="*/ 889161 h 1310277"/>
                    <a:gd name="connsiteX8" fmla="*/ 1280625 w 1649402"/>
                    <a:gd name="connsiteY8" fmla="*/ 886619 h 1310277"/>
                    <a:gd name="connsiteX9" fmla="*/ 643562 w 1649402"/>
                    <a:gd name="connsiteY9" fmla="*/ 476424 h 1310277"/>
                    <a:gd name="connsiteX10" fmla="*/ 449580 w 1649402"/>
                    <a:gd name="connsiteY10" fmla="*/ 480060 h 1310277"/>
                    <a:gd name="connsiteX11" fmla="*/ 0 w 1649402"/>
                    <a:gd name="connsiteY11" fmla="*/ 706004 h 1310277"/>
                    <a:gd name="connsiteX0" fmla="*/ 0 w 1649402"/>
                    <a:gd name="connsiteY0" fmla="*/ 706004 h 1310277"/>
                    <a:gd name="connsiteX1" fmla="*/ 147873 w 1649402"/>
                    <a:gd name="connsiteY1" fmla="*/ 218569 h 1310277"/>
                    <a:gd name="connsiteX2" fmla="*/ 680939 w 1649402"/>
                    <a:gd name="connsiteY2" fmla="*/ 0 h 1310277"/>
                    <a:gd name="connsiteX3" fmla="*/ 1359842 w 1649402"/>
                    <a:gd name="connsiteY3" fmla="*/ 236220 h 1310277"/>
                    <a:gd name="connsiteX4" fmla="*/ 1649402 w 1649402"/>
                    <a:gd name="connsiteY4" fmla="*/ 1150620 h 1310277"/>
                    <a:gd name="connsiteX5" fmla="*/ 1418262 w 1649402"/>
                    <a:gd name="connsiteY5" fmla="*/ 1308100 h 1310277"/>
                    <a:gd name="connsiteX6" fmla="*/ 1073776 w 1649402"/>
                    <a:gd name="connsiteY6" fmla="*/ 891543 h 1310277"/>
                    <a:gd name="connsiteX7" fmla="*/ 1303169 w 1649402"/>
                    <a:gd name="connsiteY7" fmla="*/ 889161 h 1310277"/>
                    <a:gd name="connsiteX8" fmla="*/ 1280625 w 1649402"/>
                    <a:gd name="connsiteY8" fmla="*/ 886619 h 1310277"/>
                    <a:gd name="connsiteX9" fmla="*/ 643562 w 1649402"/>
                    <a:gd name="connsiteY9" fmla="*/ 476424 h 1310277"/>
                    <a:gd name="connsiteX10" fmla="*/ 449580 w 1649402"/>
                    <a:gd name="connsiteY10" fmla="*/ 480060 h 1310277"/>
                    <a:gd name="connsiteX11" fmla="*/ 0 w 1649402"/>
                    <a:gd name="connsiteY11" fmla="*/ 706004 h 1310277"/>
                    <a:gd name="connsiteX0" fmla="*/ 0 w 1639650"/>
                    <a:gd name="connsiteY0" fmla="*/ 706004 h 1310277"/>
                    <a:gd name="connsiteX1" fmla="*/ 138121 w 1639650"/>
                    <a:gd name="connsiteY1" fmla="*/ 218569 h 1310277"/>
                    <a:gd name="connsiteX2" fmla="*/ 671187 w 1639650"/>
                    <a:gd name="connsiteY2" fmla="*/ 0 h 1310277"/>
                    <a:gd name="connsiteX3" fmla="*/ 1350090 w 1639650"/>
                    <a:gd name="connsiteY3" fmla="*/ 236220 h 1310277"/>
                    <a:gd name="connsiteX4" fmla="*/ 1639650 w 1639650"/>
                    <a:gd name="connsiteY4" fmla="*/ 1150620 h 1310277"/>
                    <a:gd name="connsiteX5" fmla="*/ 1408510 w 1639650"/>
                    <a:gd name="connsiteY5" fmla="*/ 1308100 h 1310277"/>
                    <a:gd name="connsiteX6" fmla="*/ 1064024 w 1639650"/>
                    <a:gd name="connsiteY6" fmla="*/ 891543 h 1310277"/>
                    <a:gd name="connsiteX7" fmla="*/ 1293417 w 1639650"/>
                    <a:gd name="connsiteY7" fmla="*/ 889161 h 1310277"/>
                    <a:gd name="connsiteX8" fmla="*/ 1270873 w 1639650"/>
                    <a:gd name="connsiteY8" fmla="*/ 886619 h 1310277"/>
                    <a:gd name="connsiteX9" fmla="*/ 633810 w 1639650"/>
                    <a:gd name="connsiteY9" fmla="*/ 476424 h 1310277"/>
                    <a:gd name="connsiteX10" fmla="*/ 439828 w 1639650"/>
                    <a:gd name="connsiteY10" fmla="*/ 480060 h 1310277"/>
                    <a:gd name="connsiteX11" fmla="*/ 0 w 1639650"/>
                    <a:gd name="connsiteY11" fmla="*/ 706004 h 1310277"/>
                    <a:gd name="connsiteX0" fmla="*/ 0 w 1639650"/>
                    <a:gd name="connsiteY0" fmla="*/ 706004 h 1310277"/>
                    <a:gd name="connsiteX1" fmla="*/ 138121 w 1639650"/>
                    <a:gd name="connsiteY1" fmla="*/ 218569 h 1310277"/>
                    <a:gd name="connsiteX2" fmla="*/ 671187 w 1639650"/>
                    <a:gd name="connsiteY2" fmla="*/ 0 h 1310277"/>
                    <a:gd name="connsiteX3" fmla="*/ 1350090 w 1639650"/>
                    <a:gd name="connsiteY3" fmla="*/ 236220 h 1310277"/>
                    <a:gd name="connsiteX4" fmla="*/ 1639650 w 1639650"/>
                    <a:gd name="connsiteY4" fmla="*/ 1150620 h 1310277"/>
                    <a:gd name="connsiteX5" fmla="*/ 1408510 w 1639650"/>
                    <a:gd name="connsiteY5" fmla="*/ 1308100 h 1310277"/>
                    <a:gd name="connsiteX6" fmla="*/ 1064024 w 1639650"/>
                    <a:gd name="connsiteY6" fmla="*/ 891543 h 1310277"/>
                    <a:gd name="connsiteX7" fmla="*/ 1293417 w 1639650"/>
                    <a:gd name="connsiteY7" fmla="*/ 889161 h 1310277"/>
                    <a:gd name="connsiteX8" fmla="*/ 1270873 w 1639650"/>
                    <a:gd name="connsiteY8" fmla="*/ 886619 h 1310277"/>
                    <a:gd name="connsiteX9" fmla="*/ 633810 w 1639650"/>
                    <a:gd name="connsiteY9" fmla="*/ 476424 h 1310277"/>
                    <a:gd name="connsiteX10" fmla="*/ 439828 w 1639650"/>
                    <a:gd name="connsiteY10" fmla="*/ 480060 h 1310277"/>
                    <a:gd name="connsiteX11" fmla="*/ 0 w 1639650"/>
                    <a:gd name="connsiteY11" fmla="*/ 706004 h 1310277"/>
                    <a:gd name="connsiteX0" fmla="*/ 0 w 1639650"/>
                    <a:gd name="connsiteY0" fmla="*/ 706004 h 1310277"/>
                    <a:gd name="connsiteX1" fmla="*/ 138121 w 1639650"/>
                    <a:gd name="connsiteY1" fmla="*/ 218569 h 1310277"/>
                    <a:gd name="connsiteX2" fmla="*/ 671187 w 1639650"/>
                    <a:gd name="connsiteY2" fmla="*/ 0 h 1310277"/>
                    <a:gd name="connsiteX3" fmla="*/ 1350090 w 1639650"/>
                    <a:gd name="connsiteY3" fmla="*/ 236220 h 1310277"/>
                    <a:gd name="connsiteX4" fmla="*/ 1639650 w 1639650"/>
                    <a:gd name="connsiteY4" fmla="*/ 1150620 h 1310277"/>
                    <a:gd name="connsiteX5" fmla="*/ 1408510 w 1639650"/>
                    <a:gd name="connsiteY5" fmla="*/ 1308100 h 1310277"/>
                    <a:gd name="connsiteX6" fmla="*/ 1064024 w 1639650"/>
                    <a:gd name="connsiteY6" fmla="*/ 891543 h 1310277"/>
                    <a:gd name="connsiteX7" fmla="*/ 1293417 w 1639650"/>
                    <a:gd name="connsiteY7" fmla="*/ 889161 h 1310277"/>
                    <a:gd name="connsiteX8" fmla="*/ 1270873 w 1639650"/>
                    <a:gd name="connsiteY8" fmla="*/ 886619 h 1310277"/>
                    <a:gd name="connsiteX9" fmla="*/ 633810 w 1639650"/>
                    <a:gd name="connsiteY9" fmla="*/ 476424 h 1310277"/>
                    <a:gd name="connsiteX10" fmla="*/ 439828 w 1639650"/>
                    <a:gd name="connsiteY10" fmla="*/ 480060 h 1310277"/>
                    <a:gd name="connsiteX11" fmla="*/ 0 w 1639650"/>
                    <a:gd name="connsiteY11" fmla="*/ 706004 h 1310277"/>
                    <a:gd name="connsiteX0" fmla="*/ 0 w 1639650"/>
                    <a:gd name="connsiteY0" fmla="*/ 706004 h 1310277"/>
                    <a:gd name="connsiteX1" fmla="*/ 138121 w 1639650"/>
                    <a:gd name="connsiteY1" fmla="*/ 218569 h 1310277"/>
                    <a:gd name="connsiteX2" fmla="*/ 671187 w 1639650"/>
                    <a:gd name="connsiteY2" fmla="*/ 0 h 1310277"/>
                    <a:gd name="connsiteX3" fmla="*/ 1350090 w 1639650"/>
                    <a:gd name="connsiteY3" fmla="*/ 236220 h 1310277"/>
                    <a:gd name="connsiteX4" fmla="*/ 1639650 w 1639650"/>
                    <a:gd name="connsiteY4" fmla="*/ 1150620 h 1310277"/>
                    <a:gd name="connsiteX5" fmla="*/ 1408510 w 1639650"/>
                    <a:gd name="connsiteY5" fmla="*/ 1308100 h 1310277"/>
                    <a:gd name="connsiteX6" fmla="*/ 1064024 w 1639650"/>
                    <a:gd name="connsiteY6" fmla="*/ 891543 h 1310277"/>
                    <a:gd name="connsiteX7" fmla="*/ 1293417 w 1639650"/>
                    <a:gd name="connsiteY7" fmla="*/ 889161 h 1310277"/>
                    <a:gd name="connsiteX8" fmla="*/ 1270873 w 1639650"/>
                    <a:gd name="connsiteY8" fmla="*/ 886619 h 1310277"/>
                    <a:gd name="connsiteX9" fmla="*/ 633810 w 1639650"/>
                    <a:gd name="connsiteY9" fmla="*/ 476424 h 1310277"/>
                    <a:gd name="connsiteX10" fmla="*/ 426177 w 1639650"/>
                    <a:gd name="connsiteY10" fmla="*/ 482027 h 1310277"/>
                    <a:gd name="connsiteX11" fmla="*/ 0 w 1639650"/>
                    <a:gd name="connsiteY11" fmla="*/ 706004 h 1310277"/>
                    <a:gd name="connsiteX0" fmla="*/ 0 w 1639650"/>
                    <a:gd name="connsiteY0" fmla="*/ 706004 h 1310277"/>
                    <a:gd name="connsiteX1" fmla="*/ 138121 w 1639650"/>
                    <a:gd name="connsiteY1" fmla="*/ 218569 h 1310277"/>
                    <a:gd name="connsiteX2" fmla="*/ 671187 w 1639650"/>
                    <a:gd name="connsiteY2" fmla="*/ 0 h 1310277"/>
                    <a:gd name="connsiteX3" fmla="*/ 1350090 w 1639650"/>
                    <a:gd name="connsiteY3" fmla="*/ 236220 h 1310277"/>
                    <a:gd name="connsiteX4" fmla="*/ 1639650 w 1639650"/>
                    <a:gd name="connsiteY4" fmla="*/ 1150620 h 1310277"/>
                    <a:gd name="connsiteX5" fmla="*/ 1408510 w 1639650"/>
                    <a:gd name="connsiteY5" fmla="*/ 1308100 h 1310277"/>
                    <a:gd name="connsiteX6" fmla="*/ 1064024 w 1639650"/>
                    <a:gd name="connsiteY6" fmla="*/ 891543 h 1310277"/>
                    <a:gd name="connsiteX7" fmla="*/ 1293417 w 1639650"/>
                    <a:gd name="connsiteY7" fmla="*/ 889161 h 1310277"/>
                    <a:gd name="connsiteX8" fmla="*/ 1270873 w 1639650"/>
                    <a:gd name="connsiteY8" fmla="*/ 886619 h 1310277"/>
                    <a:gd name="connsiteX9" fmla="*/ 633810 w 1639650"/>
                    <a:gd name="connsiteY9" fmla="*/ 476424 h 1310277"/>
                    <a:gd name="connsiteX10" fmla="*/ 426177 w 1639650"/>
                    <a:gd name="connsiteY10" fmla="*/ 482027 h 1310277"/>
                    <a:gd name="connsiteX11" fmla="*/ 0 w 1639650"/>
                    <a:gd name="connsiteY11" fmla="*/ 706004 h 1310277"/>
                    <a:gd name="connsiteX0" fmla="*/ 0 w 1643551"/>
                    <a:gd name="connsiteY0" fmla="*/ 694207 h 1310277"/>
                    <a:gd name="connsiteX1" fmla="*/ 142022 w 1643551"/>
                    <a:gd name="connsiteY1" fmla="*/ 218569 h 1310277"/>
                    <a:gd name="connsiteX2" fmla="*/ 675088 w 1643551"/>
                    <a:gd name="connsiteY2" fmla="*/ 0 h 1310277"/>
                    <a:gd name="connsiteX3" fmla="*/ 1353991 w 1643551"/>
                    <a:gd name="connsiteY3" fmla="*/ 236220 h 1310277"/>
                    <a:gd name="connsiteX4" fmla="*/ 1643551 w 1643551"/>
                    <a:gd name="connsiteY4" fmla="*/ 1150620 h 1310277"/>
                    <a:gd name="connsiteX5" fmla="*/ 1412411 w 1643551"/>
                    <a:gd name="connsiteY5" fmla="*/ 1308100 h 1310277"/>
                    <a:gd name="connsiteX6" fmla="*/ 1067925 w 1643551"/>
                    <a:gd name="connsiteY6" fmla="*/ 891543 h 1310277"/>
                    <a:gd name="connsiteX7" fmla="*/ 1297318 w 1643551"/>
                    <a:gd name="connsiteY7" fmla="*/ 889161 h 1310277"/>
                    <a:gd name="connsiteX8" fmla="*/ 1274774 w 1643551"/>
                    <a:gd name="connsiteY8" fmla="*/ 886619 h 1310277"/>
                    <a:gd name="connsiteX9" fmla="*/ 637711 w 1643551"/>
                    <a:gd name="connsiteY9" fmla="*/ 476424 h 1310277"/>
                    <a:gd name="connsiteX10" fmla="*/ 430078 w 1643551"/>
                    <a:gd name="connsiteY10" fmla="*/ 482027 h 1310277"/>
                    <a:gd name="connsiteX11" fmla="*/ 0 w 1643551"/>
                    <a:gd name="connsiteY11" fmla="*/ 694207 h 1310277"/>
                    <a:gd name="connsiteX0" fmla="*/ 0 w 1643551"/>
                    <a:gd name="connsiteY0" fmla="*/ 694207 h 1310277"/>
                    <a:gd name="connsiteX1" fmla="*/ 142022 w 1643551"/>
                    <a:gd name="connsiteY1" fmla="*/ 218569 h 1310277"/>
                    <a:gd name="connsiteX2" fmla="*/ 675088 w 1643551"/>
                    <a:gd name="connsiteY2" fmla="*/ 0 h 1310277"/>
                    <a:gd name="connsiteX3" fmla="*/ 1353991 w 1643551"/>
                    <a:gd name="connsiteY3" fmla="*/ 236220 h 1310277"/>
                    <a:gd name="connsiteX4" fmla="*/ 1643551 w 1643551"/>
                    <a:gd name="connsiteY4" fmla="*/ 1150620 h 1310277"/>
                    <a:gd name="connsiteX5" fmla="*/ 1412411 w 1643551"/>
                    <a:gd name="connsiteY5" fmla="*/ 1308100 h 1310277"/>
                    <a:gd name="connsiteX6" fmla="*/ 1067925 w 1643551"/>
                    <a:gd name="connsiteY6" fmla="*/ 891543 h 1310277"/>
                    <a:gd name="connsiteX7" fmla="*/ 1297318 w 1643551"/>
                    <a:gd name="connsiteY7" fmla="*/ 889161 h 1310277"/>
                    <a:gd name="connsiteX8" fmla="*/ 1274774 w 1643551"/>
                    <a:gd name="connsiteY8" fmla="*/ 886619 h 1310277"/>
                    <a:gd name="connsiteX9" fmla="*/ 637711 w 1643551"/>
                    <a:gd name="connsiteY9" fmla="*/ 476424 h 1310277"/>
                    <a:gd name="connsiteX10" fmla="*/ 430078 w 1643551"/>
                    <a:gd name="connsiteY10" fmla="*/ 482027 h 1310277"/>
                    <a:gd name="connsiteX11" fmla="*/ 0 w 1643551"/>
                    <a:gd name="connsiteY11" fmla="*/ 694207 h 1310277"/>
                    <a:gd name="connsiteX0" fmla="*/ 0 w 1643551"/>
                    <a:gd name="connsiteY0" fmla="*/ 694207 h 1310277"/>
                    <a:gd name="connsiteX1" fmla="*/ 142022 w 1643551"/>
                    <a:gd name="connsiteY1" fmla="*/ 218569 h 1310277"/>
                    <a:gd name="connsiteX2" fmla="*/ 675088 w 1643551"/>
                    <a:gd name="connsiteY2" fmla="*/ 0 h 1310277"/>
                    <a:gd name="connsiteX3" fmla="*/ 1353991 w 1643551"/>
                    <a:gd name="connsiteY3" fmla="*/ 236220 h 1310277"/>
                    <a:gd name="connsiteX4" fmla="*/ 1643551 w 1643551"/>
                    <a:gd name="connsiteY4" fmla="*/ 1150620 h 1310277"/>
                    <a:gd name="connsiteX5" fmla="*/ 1412411 w 1643551"/>
                    <a:gd name="connsiteY5" fmla="*/ 1308100 h 1310277"/>
                    <a:gd name="connsiteX6" fmla="*/ 1067925 w 1643551"/>
                    <a:gd name="connsiteY6" fmla="*/ 891543 h 1310277"/>
                    <a:gd name="connsiteX7" fmla="*/ 1297318 w 1643551"/>
                    <a:gd name="connsiteY7" fmla="*/ 889161 h 1310277"/>
                    <a:gd name="connsiteX8" fmla="*/ 1274774 w 1643551"/>
                    <a:gd name="connsiteY8" fmla="*/ 886619 h 1310277"/>
                    <a:gd name="connsiteX9" fmla="*/ 637711 w 1643551"/>
                    <a:gd name="connsiteY9" fmla="*/ 476424 h 1310277"/>
                    <a:gd name="connsiteX10" fmla="*/ 430078 w 1643551"/>
                    <a:gd name="connsiteY10" fmla="*/ 482027 h 1310277"/>
                    <a:gd name="connsiteX11" fmla="*/ 0 w 1643551"/>
                    <a:gd name="connsiteY11" fmla="*/ 694207 h 1310277"/>
                    <a:gd name="connsiteX0" fmla="*/ 0 w 1643551"/>
                    <a:gd name="connsiteY0" fmla="*/ 694207 h 1310277"/>
                    <a:gd name="connsiteX1" fmla="*/ 151773 w 1643551"/>
                    <a:gd name="connsiteY1" fmla="*/ 210704 h 1310277"/>
                    <a:gd name="connsiteX2" fmla="*/ 675088 w 1643551"/>
                    <a:gd name="connsiteY2" fmla="*/ 0 h 1310277"/>
                    <a:gd name="connsiteX3" fmla="*/ 1353991 w 1643551"/>
                    <a:gd name="connsiteY3" fmla="*/ 236220 h 1310277"/>
                    <a:gd name="connsiteX4" fmla="*/ 1643551 w 1643551"/>
                    <a:gd name="connsiteY4" fmla="*/ 1150620 h 1310277"/>
                    <a:gd name="connsiteX5" fmla="*/ 1412411 w 1643551"/>
                    <a:gd name="connsiteY5" fmla="*/ 1308100 h 1310277"/>
                    <a:gd name="connsiteX6" fmla="*/ 1067925 w 1643551"/>
                    <a:gd name="connsiteY6" fmla="*/ 891543 h 1310277"/>
                    <a:gd name="connsiteX7" fmla="*/ 1297318 w 1643551"/>
                    <a:gd name="connsiteY7" fmla="*/ 889161 h 1310277"/>
                    <a:gd name="connsiteX8" fmla="*/ 1274774 w 1643551"/>
                    <a:gd name="connsiteY8" fmla="*/ 886619 h 1310277"/>
                    <a:gd name="connsiteX9" fmla="*/ 637711 w 1643551"/>
                    <a:gd name="connsiteY9" fmla="*/ 476424 h 1310277"/>
                    <a:gd name="connsiteX10" fmla="*/ 430078 w 1643551"/>
                    <a:gd name="connsiteY10" fmla="*/ 482027 h 1310277"/>
                    <a:gd name="connsiteX11" fmla="*/ 0 w 1643551"/>
                    <a:gd name="connsiteY11" fmla="*/ 694207 h 1310277"/>
                    <a:gd name="connsiteX0" fmla="*/ 0 w 1643551"/>
                    <a:gd name="connsiteY0" fmla="*/ 694207 h 1310277"/>
                    <a:gd name="connsiteX1" fmla="*/ 151773 w 1643551"/>
                    <a:gd name="connsiteY1" fmla="*/ 210704 h 1310277"/>
                    <a:gd name="connsiteX2" fmla="*/ 675088 w 1643551"/>
                    <a:gd name="connsiteY2" fmla="*/ 0 h 1310277"/>
                    <a:gd name="connsiteX3" fmla="*/ 1353991 w 1643551"/>
                    <a:gd name="connsiteY3" fmla="*/ 236220 h 1310277"/>
                    <a:gd name="connsiteX4" fmla="*/ 1643551 w 1643551"/>
                    <a:gd name="connsiteY4" fmla="*/ 1150620 h 1310277"/>
                    <a:gd name="connsiteX5" fmla="*/ 1412411 w 1643551"/>
                    <a:gd name="connsiteY5" fmla="*/ 1308100 h 1310277"/>
                    <a:gd name="connsiteX6" fmla="*/ 1067925 w 1643551"/>
                    <a:gd name="connsiteY6" fmla="*/ 891543 h 1310277"/>
                    <a:gd name="connsiteX7" fmla="*/ 1297318 w 1643551"/>
                    <a:gd name="connsiteY7" fmla="*/ 889161 h 1310277"/>
                    <a:gd name="connsiteX8" fmla="*/ 1274774 w 1643551"/>
                    <a:gd name="connsiteY8" fmla="*/ 886619 h 1310277"/>
                    <a:gd name="connsiteX9" fmla="*/ 637711 w 1643551"/>
                    <a:gd name="connsiteY9" fmla="*/ 476424 h 1310277"/>
                    <a:gd name="connsiteX10" fmla="*/ 430078 w 1643551"/>
                    <a:gd name="connsiteY10" fmla="*/ 482027 h 1310277"/>
                    <a:gd name="connsiteX11" fmla="*/ 0 w 1643551"/>
                    <a:gd name="connsiteY11" fmla="*/ 694207 h 1310277"/>
                    <a:gd name="connsiteX0" fmla="*/ 0 w 1633799"/>
                    <a:gd name="connsiteY0" fmla="*/ 650949 h 1310277"/>
                    <a:gd name="connsiteX1" fmla="*/ 142021 w 1633799"/>
                    <a:gd name="connsiteY1" fmla="*/ 210704 h 1310277"/>
                    <a:gd name="connsiteX2" fmla="*/ 665336 w 1633799"/>
                    <a:gd name="connsiteY2" fmla="*/ 0 h 1310277"/>
                    <a:gd name="connsiteX3" fmla="*/ 1344239 w 1633799"/>
                    <a:gd name="connsiteY3" fmla="*/ 236220 h 1310277"/>
                    <a:gd name="connsiteX4" fmla="*/ 1633799 w 1633799"/>
                    <a:gd name="connsiteY4" fmla="*/ 1150620 h 1310277"/>
                    <a:gd name="connsiteX5" fmla="*/ 1402659 w 1633799"/>
                    <a:gd name="connsiteY5" fmla="*/ 1308100 h 1310277"/>
                    <a:gd name="connsiteX6" fmla="*/ 1058173 w 1633799"/>
                    <a:gd name="connsiteY6" fmla="*/ 891543 h 1310277"/>
                    <a:gd name="connsiteX7" fmla="*/ 1287566 w 1633799"/>
                    <a:gd name="connsiteY7" fmla="*/ 889161 h 1310277"/>
                    <a:gd name="connsiteX8" fmla="*/ 1265022 w 1633799"/>
                    <a:gd name="connsiteY8" fmla="*/ 886619 h 1310277"/>
                    <a:gd name="connsiteX9" fmla="*/ 627959 w 1633799"/>
                    <a:gd name="connsiteY9" fmla="*/ 476424 h 1310277"/>
                    <a:gd name="connsiteX10" fmla="*/ 420326 w 1633799"/>
                    <a:gd name="connsiteY10" fmla="*/ 482027 h 1310277"/>
                    <a:gd name="connsiteX11" fmla="*/ 0 w 1633799"/>
                    <a:gd name="connsiteY11" fmla="*/ 650949 h 1310277"/>
                    <a:gd name="connsiteX0" fmla="*/ 0 w 1633799"/>
                    <a:gd name="connsiteY0" fmla="*/ 650949 h 1310277"/>
                    <a:gd name="connsiteX1" fmla="*/ 142021 w 1633799"/>
                    <a:gd name="connsiteY1" fmla="*/ 210704 h 1310277"/>
                    <a:gd name="connsiteX2" fmla="*/ 665336 w 1633799"/>
                    <a:gd name="connsiteY2" fmla="*/ 0 h 1310277"/>
                    <a:gd name="connsiteX3" fmla="*/ 1344239 w 1633799"/>
                    <a:gd name="connsiteY3" fmla="*/ 236220 h 1310277"/>
                    <a:gd name="connsiteX4" fmla="*/ 1633799 w 1633799"/>
                    <a:gd name="connsiteY4" fmla="*/ 1150620 h 1310277"/>
                    <a:gd name="connsiteX5" fmla="*/ 1402659 w 1633799"/>
                    <a:gd name="connsiteY5" fmla="*/ 1308100 h 1310277"/>
                    <a:gd name="connsiteX6" fmla="*/ 1058173 w 1633799"/>
                    <a:gd name="connsiteY6" fmla="*/ 891543 h 1310277"/>
                    <a:gd name="connsiteX7" fmla="*/ 1287566 w 1633799"/>
                    <a:gd name="connsiteY7" fmla="*/ 889161 h 1310277"/>
                    <a:gd name="connsiteX8" fmla="*/ 1265022 w 1633799"/>
                    <a:gd name="connsiteY8" fmla="*/ 886619 h 1310277"/>
                    <a:gd name="connsiteX9" fmla="*/ 627959 w 1633799"/>
                    <a:gd name="connsiteY9" fmla="*/ 476424 h 1310277"/>
                    <a:gd name="connsiteX10" fmla="*/ 420326 w 1633799"/>
                    <a:gd name="connsiteY10" fmla="*/ 482027 h 1310277"/>
                    <a:gd name="connsiteX11" fmla="*/ 0 w 1633799"/>
                    <a:gd name="connsiteY11" fmla="*/ 650949 h 1310277"/>
                    <a:gd name="connsiteX0" fmla="*/ 0 w 1633799"/>
                    <a:gd name="connsiteY0" fmla="*/ 650949 h 1310277"/>
                    <a:gd name="connsiteX1" fmla="*/ 110818 w 1633799"/>
                    <a:gd name="connsiteY1" fmla="*/ 234299 h 1310277"/>
                    <a:gd name="connsiteX2" fmla="*/ 665336 w 1633799"/>
                    <a:gd name="connsiteY2" fmla="*/ 0 h 1310277"/>
                    <a:gd name="connsiteX3" fmla="*/ 1344239 w 1633799"/>
                    <a:gd name="connsiteY3" fmla="*/ 236220 h 1310277"/>
                    <a:gd name="connsiteX4" fmla="*/ 1633799 w 1633799"/>
                    <a:gd name="connsiteY4" fmla="*/ 1150620 h 1310277"/>
                    <a:gd name="connsiteX5" fmla="*/ 1402659 w 1633799"/>
                    <a:gd name="connsiteY5" fmla="*/ 1308100 h 1310277"/>
                    <a:gd name="connsiteX6" fmla="*/ 1058173 w 1633799"/>
                    <a:gd name="connsiteY6" fmla="*/ 891543 h 1310277"/>
                    <a:gd name="connsiteX7" fmla="*/ 1287566 w 1633799"/>
                    <a:gd name="connsiteY7" fmla="*/ 889161 h 1310277"/>
                    <a:gd name="connsiteX8" fmla="*/ 1265022 w 1633799"/>
                    <a:gd name="connsiteY8" fmla="*/ 886619 h 1310277"/>
                    <a:gd name="connsiteX9" fmla="*/ 627959 w 1633799"/>
                    <a:gd name="connsiteY9" fmla="*/ 476424 h 1310277"/>
                    <a:gd name="connsiteX10" fmla="*/ 420326 w 1633799"/>
                    <a:gd name="connsiteY10" fmla="*/ 482027 h 1310277"/>
                    <a:gd name="connsiteX11" fmla="*/ 0 w 1633799"/>
                    <a:gd name="connsiteY11" fmla="*/ 650949 h 1310277"/>
                    <a:gd name="connsiteX0" fmla="*/ 0 w 1633799"/>
                    <a:gd name="connsiteY0" fmla="*/ 650949 h 1310277"/>
                    <a:gd name="connsiteX1" fmla="*/ 110818 w 1633799"/>
                    <a:gd name="connsiteY1" fmla="*/ 234299 h 1310277"/>
                    <a:gd name="connsiteX2" fmla="*/ 665336 w 1633799"/>
                    <a:gd name="connsiteY2" fmla="*/ 0 h 1310277"/>
                    <a:gd name="connsiteX3" fmla="*/ 1344239 w 1633799"/>
                    <a:gd name="connsiteY3" fmla="*/ 236220 h 1310277"/>
                    <a:gd name="connsiteX4" fmla="*/ 1633799 w 1633799"/>
                    <a:gd name="connsiteY4" fmla="*/ 1150620 h 1310277"/>
                    <a:gd name="connsiteX5" fmla="*/ 1402659 w 1633799"/>
                    <a:gd name="connsiteY5" fmla="*/ 1308100 h 1310277"/>
                    <a:gd name="connsiteX6" fmla="*/ 1058173 w 1633799"/>
                    <a:gd name="connsiteY6" fmla="*/ 891543 h 1310277"/>
                    <a:gd name="connsiteX7" fmla="*/ 1287566 w 1633799"/>
                    <a:gd name="connsiteY7" fmla="*/ 889161 h 1310277"/>
                    <a:gd name="connsiteX8" fmla="*/ 1265022 w 1633799"/>
                    <a:gd name="connsiteY8" fmla="*/ 886619 h 1310277"/>
                    <a:gd name="connsiteX9" fmla="*/ 627959 w 1633799"/>
                    <a:gd name="connsiteY9" fmla="*/ 476424 h 1310277"/>
                    <a:gd name="connsiteX10" fmla="*/ 420326 w 1633799"/>
                    <a:gd name="connsiteY10" fmla="*/ 482027 h 1310277"/>
                    <a:gd name="connsiteX11" fmla="*/ 0 w 1633799"/>
                    <a:gd name="connsiteY11" fmla="*/ 650949 h 1310277"/>
                    <a:gd name="connsiteX0" fmla="*/ 0 w 1633799"/>
                    <a:gd name="connsiteY0" fmla="*/ 650949 h 1310277"/>
                    <a:gd name="connsiteX1" fmla="*/ 110818 w 1633799"/>
                    <a:gd name="connsiteY1" fmla="*/ 234299 h 1310277"/>
                    <a:gd name="connsiteX2" fmla="*/ 665336 w 1633799"/>
                    <a:gd name="connsiteY2" fmla="*/ 0 h 1310277"/>
                    <a:gd name="connsiteX3" fmla="*/ 1344239 w 1633799"/>
                    <a:gd name="connsiteY3" fmla="*/ 236220 h 1310277"/>
                    <a:gd name="connsiteX4" fmla="*/ 1633799 w 1633799"/>
                    <a:gd name="connsiteY4" fmla="*/ 1150620 h 1310277"/>
                    <a:gd name="connsiteX5" fmla="*/ 1402659 w 1633799"/>
                    <a:gd name="connsiteY5" fmla="*/ 1308100 h 1310277"/>
                    <a:gd name="connsiteX6" fmla="*/ 1058173 w 1633799"/>
                    <a:gd name="connsiteY6" fmla="*/ 891543 h 1310277"/>
                    <a:gd name="connsiteX7" fmla="*/ 1287566 w 1633799"/>
                    <a:gd name="connsiteY7" fmla="*/ 889161 h 1310277"/>
                    <a:gd name="connsiteX8" fmla="*/ 1265022 w 1633799"/>
                    <a:gd name="connsiteY8" fmla="*/ 886619 h 1310277"/>
                    <a:gd name="connsiteX9" fmla="*/ 627959 w 1633799"/>
                    <a:gd name="connsiteY9" fmla="*/ 476424 h 1310277"/>
                    <a:gd name="connsiteX10" fmla="*/ 420326 w 1633799"/>
                    <a:gd name="connsiteY10" fmla="*/ 482027 h 1310277"/>
                    <a:gd name="connsiteX11" fmla="*/ 0 w 1633799"/>
                    <a:gd name="connsiteY11" fmla="*/ 650949 h 1310277"/>
                    <a:gd name="connsiteX0" fmla="*/ 0 w 1647450"/>
                    <a:gd name="connsiteY0" fmla="*/ 641118 h 1310277"/>
                    <a:gd name="connsiteX1" fmla="*/ 124469 w 1647450"/>
                    <a:gd name="connsiteY1" fmla="*/ 234299 h 1310277"/>
                    <a:gd name="connsiteX2" fmla="*/ 678987 w 1647450"/>
                    <a:gd name="connsiteY2" fmla="*/ 0 h 1310277"/>
                    <a:gd name="connsiteX3" fmla="*/ 1357890 w 1647450"/>
                    <a:gd name="connsiteY3" fmla="*/ 236220 h 1310277"/>
                    <a:gd name="connsiteX4" fmla="*/ 1647450 w 1647450"/>
                    <a:gd name="connsiteY4" fmla="*/ 1150620 h 1310277"/>
                    <a:gd name="connsiteX5" fmla="*/ 1416310 w 1647450"/>
                    <a:gd name="connsiteY5" fmla="*/ 1308100 h 1310277"/>
                    <a:gd name="connsiteX6" fmla="*/ 1071824 w 1647450"/>
                    <a:gd name="connsiteY6" fmla="*/ 891543 h 1310277"/>
                    <a:gd name="connsiteX7" fmla="*/ 1301217 w 1647450"/>
                    <a:gd name="connsiteY7" fmla="*/ 889161 h 1310277"/>
                    <a:gd name="connsiteX8" fmla="*/ 1278673 w 1647450"/>
                    <a:gd name="connsiteY8" fmla="*/ 886619 h 1310277"/>
                    <a:gd name="connsiteX9" fmla="*/ 641610 w 1647450"/>
                    <a:gd name="connsiteY9" fmla="*/ 476424 h 1310277"/>
                    <a:gd name="connsiteX10" fmla="*/ 433977 w 1647450"/>
                    <a:gd name="connsiteY10" fmla="*/ 482027 h 1310277"/>
                    <a:gd name="connsiteX11" fmla="*/ 0 w 1647450"/>
                    <a:gd name="connsiteY11" fmla="*/ 641118 h 1310277"/>
                    <a:gd name="connsiteX0" fmla="*/ 458 w 1647908"/>
                    <a:gd name="connsiteY0" fmla="*/ 641118 h 1310277"/>
                    <a:gd name="connsiteX1" fmla="*/ 124927 w 1647908"/>
                    <a:gd name="connsiteY1" fmla="*/ 234299 h 1310277"/>
                    <a:gd name="connsiteX2" fmla="*/ 679445 w 1647908"/>
                    <a:gd name="connsiteY2" fmla="*/ 0 h 1310277"/>
                    <a:gd name="connsiteX3" fmla="*/ 1358348 w 1647908"/>
                    <a:gd name="connsiteY3" fmla="*/ 236220 h 1310277"/>
                    <a:gd name="connsiteX4" fmla="*/ 1647908 w 1647908"/>
                    <a:gd name="connsiteY4" fmla="*/ 1150620 h 1310277"/>
                    <a:gd name="connsiteX5" fmla="*/ 1416768 w 1647908"/>
                    <a:gd name="connsiteY5" fmla="*/ 1308100 h 1310277"/>
                    <a:gd name="connsiteX6" fmla="*/ 1072282 w 1647908"/>
                    <a:gd name="connsiteY6" fmla="*/ 891543 h 1310277"/>
                    <a:gd name="connsiteX7" fmla="*/ 1301675 w 1647908"/>
                    <a:gd name="connsiteY7" fmla="*/ 889161 h 1310277"/>
                    <a:gd name="connsiteX8" fmla="*/ 1279131 w 1647908"/>
                    <a:gd name="connsiteY8" fmla="*/ 886619 h 1310277"/>
                    <a:gd name="connsiteX9" fmla="*/ 642068 w 1647908"/>
                    <a:gd name="connsiteY9" fmla="*/ 476424 h 1310277"/>
                    <a:gd name="connsiteX10" fmla="*/ 434435 w 1647908"/>
                    <a:gd name="connsiteY10" fmla="*/ 482027 h 1310277"/>
                    <a:gd name="connsiteX11" fmla="*/ 458 w 1647908"/>
                    <a:gd name="connsiteY11" fmla="*/ 641118 h 1310277"/>
                    <a:gd name="connsiteX0" fmla="*/ 482 w 1647932"/>
                    <a:gd name="connsiteY0" fmla="*/ 641118 h 1310277"/>
                    <a:gd name="connsiteX1" fmla="*/ 124951 w 1647932"/>
                    <a:gd name="connsiteY1" fmla="*/ 234299 h 1310277"/>
                    <a:gd name="connsiteX2" fmla="*/ 679469 w 1647932"/>
                    <a:gd name="connsiteY2" fmla="*/ 0 h 1310277"/>
                    <a:gd name="connsiteX3" fmla="*/ 1358372 w 1647932"/>
                    <a:gd name="connsiteY3" fmla="*/ 236220 h 1310277"/>
                    <a:gd name="connsiteX4" fmla="*/ 1647932 w 1647932"/>
                    <a:gd name="connsiteY4" fmla="*/ 1150620 h 1310277"/>
                    <a:gd name="connsiteX5" fmla="*/ 1416792 w 1647932"/>
                    <a:gd name="connsiteY5" fmla="*/ 1308100 h 1310277"/>
                    <a:gd name="connsiteX6" fmla="*/ 1072306 w 1647932"/>
                    <a:gd name="connsiteY6" fmla="*/ 891543 h 1310277"/>
                    <a:gd name="connsiteX7" fmla="*/ 1301699 w 1647932"/>
                    <a:gd name="connsiteY7" fmla="*/ 889161 h 1310277"/>
                    <a:gd name="connsiteX8" fmla="*/ 1279155 w 1647932"/>
                    <a:gd name="connsiteY8" fmla="*/ 886619 h 1310277"/>
                    <a:gd name="connsiteX9" fmla="*/ 642092 w 1647932"/>
                    <a:gd name="connsiteY9" fmla="*/ 476424 h 1310277"/>
                    <a:gd name="connsiteX10" fmla="*/ 434459 w 1647932"/>
                    <a:gd name="connsiteY10" fmla="*/ 482027 h 1310277"/>
                    <a:gd name="connsiteX11" fmla="*/ 482 w 1647932"/>
                    <a:gd name="connsiteY11" fmla="*/ 641118 h 1310277"/>
                    <a:gd name="connsiteX0" fmla="*/ 3201 w 1650651"/>
                    <a:gd name="connsiteY0" fmla="*/ 641118 h 1310277"/>
                    <a:gd name="connsiteX1" fmla="*/ 127670 w 1650651"/>
                    <a:gd name="connsiteY1" fmla="*/ 234299 h 1310277"/>
                    <a:gd name="connsiteX2" fmla="*/ 682188 w 1650651"/>
                    <a:gd name="connsiteY2" fmla="*/ 0 h 1310277"/>
                    <a:gd name="connsiteX3" fmla="*/ 1361091 w 1650651"/>
                    <a:gd name="connsiteY3" fmla="*/ 236220 h 1310277"/>
                    <a:gd name="connsiteX4" fmla="*/ 1650651 w 1650651"/>
                    <a:gd name="connsiteY4" fmla="*/ 1150620 h 1310277"/>
                    <a:gd name="connsiteX5" fmla="*/ 1419511 w 1650651"/>
                    <a:gd name="connsiteY5" fmla="*/ 1308100 h 1310277"/>
                    <a:gd name="connsiteX6" fmla="*/ 1075025 w 1650651"/>
                    <a:gd name="connsiteY6" fmla="*/ 891543 h 1310277"/>
                    <a:gd name="connsiteX7" fmla="*/ 1304418 w 1650651"/>
                    <a:gd name="connsiteY7" fmla="*/ 889161 h 1310277"/>
                    <a:gd name="connsiteX8" fmla="*/ 1281874 w 1650651"/>
                    <a:gd name="connsiteY8" fmla="*/ 886619 h 1310277"/>
                    <a:gd name="connsiteX9" fmla="*/ 644811 w 1650651"/>
                    <a:gd name="connsiteY9" fmla="*/ 476424 h 1310277"/>
                    <a:gd name="connsiteX10" fmla="*/ 437178 w 1650651"/>
                    <a:gd name="connsiteY10" fmla="*/ 482027 h 1310277"/>
                    <a:gd name="connsiteX11" fmla="*/ 3201 w 1650651"/>
                    <a:gd name="connsiteY11" fmla="*/ 641118 h 1310277"/>
                    <a:gd name="connsiteX0" fmla="*/ 3201 w 1650651"/>
                    <a:gd name="connsiteY0" fmla="*/ 641118 h 1310277"/>
                    <a:gd name="connsiteX1" fmla="*/ 151072 w 1650651"/>
                    <a:gd name="connsiteY1" fmla="*/ 206772 h 1310277"/>
                    <a:gd name="connsiteX2" fmla="*/ 682188 w 1650651"/>
                    <a:gd name="connsiteY2" fmla="*/ 0 h 1310277"/>
                    <a:gd name="connsiteX3" fmla="*/ 1361091 w 1650651"/>
                    <a:gd name="connsiteY3" fmla="*/ 236220 h 1310277"/>
                    <a:gd name="connsiteX4" fmla="*/ 1650651 w 1650651"/>
                    <a:gd name="connsiteY4" fmla="*/ 1150620 h 1310277"/>
                    <a:gd name="connsiteX5" fmla="*/ 1419511 w 1650651"/>
                    <a:gd name="connsiteY5" fmla="*/ 1308100 h 1310277"/>
                    <a:gd name="connsiteX6" fmla="*/ 1075025 w 1650651"/>
                    <a:gd name="connsiteY6" fmla="*/ 891543 h 1310277"/>
                    <a:gd name="connsiteX7" fmla="*/ 1304418 w 1650651"/>
                    <a:gd name="connsiteY7" fmla="*/ 889161 h 1310277"/>
                    <a:gd name="connsiteX8" fmla="*/ 1281874 w 1650651"/>
                    <a:gd name="connsiteY8" fmla="*/ 886619 h 1310277"/>
                    <a:gd name="connsiteX9" fmla="*/ 644811 w 1650651"/>
                    <a:gd name="connsiteY9" fmla="*/ 476424 h 1310277"/>
                    <a:gd name="connsiteX10" fmla="*/ 437178 w 1650651"/>
                    <a:gd name="connsiteY10" fmla="*/ 482027 h 1310277"/>
                    <a:gd name="connsiteX11" fmla="*/ 3201 w 1650651"/>
                    <a:gd name="connsiteY11" fmla="*/ 641118 h 1310277"/>
                    <a:gd name="connsiteX0" fmla="*/ 3201 w 1650651"/>
                    <a:gd name="connsiteY0" fmla="*/ 641118 h 1310277"/>
                    <a:gd name="connsiteX1" fmla="*/ 151072 w 1650651"/>
                    <a:gd name="connsiteY1" fmla="*/ 206772 h 1310277"/>
                    <a:gd name="connsiteX2" fmla="*/ 682188 w 1650651"/>
                    <a:gd name="connsiteY2" fmla="*/ 0 h 1310277"/>
                    <a:gd name="connsiteX3" fmla="*/ 1361091 w 1650651"/>
                    <a:gd name="connsiteY3" fmla="*/ 236220 h 1310277"/>
                    <a:gd name="connsiteX4" fmla="*/ 1650651 w 1650651"/>
                    <a:gd name="connsiteY4" fmla="*/ 1150620 h 1310277"/>
                    <a:gd name="connsiteX5" fmla="*/ 1419511 w 1650651"/>
                    <a:gd name="connsiteY5" fmla="*/ 1308100 h 1310277"/>
                    <a:gd name="connsiteX6" fmla="*/ 1075025 w 1650651"/>
                    <a:gd name="connsiteY6" fmla="*/ 891543 h 1310277"/>
                    <a:gd name="connsiteX7" fmla="*/ 1304418 w 1650651"/>
                    <a:gd name="connsiteY7" fmla="*/ 889161 h 1310277"/>
                    <a:gd name="connsiteX8" fmla="*/ 1281874 w 1650651"/>
                    <a:gd name="connsiteY8" fmla="*/ 886619 h 1310277"/>
                    <a:gd name="connsiteX9" fmla="*/ 644811 w 1650651"/>
                    <a:gd name="connsiteY9" fmla="*/ 476424 h 1310277"/>
                    <a:gd name="connsiteX10" fmla="*/ 437178 w 1650651"/>
                    <a:gd name="connsiteY10" fmla="*/ 482027 h 1310277"/>
                    <a:gd name="connsiteX11" fmla="*/ 3201 w 1650651"/>
                    <a:gd name="connsiteY11" fmla="*/ 641118 h 1310277"/>
                    <a:gd name="connsiteX0" fmla="*/ 3201 w 1650651"/>
                    <a:gd name="connsiteY0" fmla="*/ 641118 h 1310277"/>
                    <a:gd name="connsiteX1" fmla="*/ 151072 w 1650651"/>
                    <a:gd name="connsiteY1" fmla="*/ 206772 h 1310277"/>
                    <a:gd name="connsiteX2" fmla="*/ 682188 w 1650651"/>
                    <a:gd name="connsiteY2" fmla="*/ 0 h 1310277"/>
                    <a:gd name="connsiteX3" fmla="*/ 1361091 w 1650651"/>
                    <a:gd name="connsiteY3" fmla="*/ 236220 h 1310277"/>
                    <a:gd name="connsiteX4" fmla="*/ 1650651 w 1650651"/>
                    <a:gd name="connsiteY4" fmla="*/ 1150620 h 1310277"/>
                    <a:gd name="connsiteX5" fmla="*/ 1419511 w 1650651"/>
                    <a:gd name="connsiteY5" fmla="*/ 1308100 h 1310277"/>
                    <a:gd name="connsiteX6" fmla="*/ 1075025 w 1650651"/>
                    <a:gd name="connsiteY6" fmla="*/ 891543 h 1310277"/>
                    <a:gd name="connsiteX7" fmla="*/ 1304418 w 1650651"/>
                    <a:gd name="connsiteY7" fmla="*/ 889161 h 1310277"/>
                    <a:gd name="connsiteX8" fmla="*/ 1281874 w 1650651"/>
                    <a:gd name="connsiteY8" fmla="*/ 886619 h 1310277"/>
                    <a:gd name="connsiteX9" fmla="*/ 644811 w 1650651"/>
                    <a:gd name="connsiteY9" fmla="*/ 476424 h 1310277"/>
                    <a:gd name="connsiteX10" fmla="*/ 437178 w 1650651"/>
                    <a:gd name="connsiteY10" fmla="*/ 482027 h 1310277"/>
                    <a:gd name="connsiteX11" fmla="*/ 3201 w 1650651"/>
                    <a:gd name="connsiteY11" fmla="*/ 641118 h 1310277"/>
                    <a:gd name="connsiteX0" fmla="*/ 3201 w 1650651"/>
                    <a:gd name="connsiteY0" fmla="*/ 641118 h 1310277"/>
                    <a:gd name="connsiteX1" fmla="*/ 151072 w 1650651"/>
                    <a:gd name="connsiteY1" fmla="*/ 206772 h 1310277"/>
                    <a:gd name="connsiteX2" fmla="*/ 637334 w 1650651"/>
                    <a:gd name="connsiteY2" fmla="*/ 0 h 1310277"/>
                    <a:gd name="connsiteX3" fmla="*/ 1361091 w 1650651"/>
                    <a:gd name="connsiteY3" fmla="*/ 236220 h 1310277"/>
                    <a:gd name="connsiteX4" fmla="*/ 1650651 w 1650651"/>
                    <a:gd name="connsiteY4" fmla="*/ 1150620 h 1310277"/>
                    <a:gd name="connsiteX5" fmla="*/ 1419511 w 1650651"/>
                    <a:gd name="connsiteY5" fmla="*/ 1308100 h 1310277"/>
                    <a:gd name="connsiteX6" fmla="*/ 1075025 w 1650651"/>
                    <a:gd name="connsiteY6" fmla="*/ 891543 h 1310277"/>
                    <a:gd name="connsiteX7" fmla="*/ 1304418 w 1650651"/>
                    <a:gd name="connsiteY7" fmla="*/ 889161 h 1310277"/>
                    <a:gd name="connsiteX8" fmla="*/ 1281874 w 1650651"/>
                    <a:gd name="connsiteY8" fmla="*/ 886619 h 1310277"/>
                    <a:gd name="connsiteX9" fmla="*/ 644811 w 1650651"/>
                    <a:gd name="connsiteY9" fmla="*/ 476424 h 1310277"/>
                    <a:gd name="connsiteX10" fmla="*/ 437178 w 1650651"/>
                    <a:gd name="connsiteY10" fmla="*/ 482027 h 1310277"/>
                    <a:gd name="connsiteX11" fmla="*/ 3201 w 1650651"/>
                    <a:gd name="connsiteY11" fmla="*/ 641118 h 1310277"/>
                    <a:gd name="connsiteX0" fmla="*/ 3201 w 1650651"/>
                    <a:gd name="connsiteY0" fmla="*/ 641118 h 1310277"/>
                    <a:gd name="connsiteX1" fmla="*/ 151072 w 1650651"/>
                    <a:gd name="connsiteY1" fmla="*/ 206772 h 1310277"/>
                    <a:gd name="connsiteX2" fmla="*/ 637334 w 1650651"/>
                    <a:gd name="connsiteY2" fmla="*/ 0 h 1310277"/>
                    <a:gd name="connsiteX3" fmla="*/ 1361091 w 1650651"/>
                    <a:gd name="connsiteY3" fmla="*/ 236220 h 1310277"/>
                    <a:gd name="connsiteX4" fmla="*/ 1650651 w 1650651"/>
                    <a:gd name="connsiteY4" fmla="*/ 1150620 h 1310277"/>
                    <a:gd name="connsiteX5" fmla="*/ 1419511 w 1650651"/>
                    <a:gd name="connsiteY5" fmla="*/ 1308100 h 1310277"/>
                    <a:gd name="connsiteX6" fmla="*/ 1075025 w 1650651"/>
                    <a:gd name="connsiteY6" fmla="*/ 891543 h 1310277"/>
                    <a:gd name="connsiteX7" fmla="*/ 1304418 w 1650651"/>
                    <a:gd name="connsiteY7" fmla="*/ 889161 h 1310277"/>
                    <a:gd name="connsiteX8" fmla="*/ 1281874 w 1650651"/>
                    <a:gd name="connsiteY8" fmla="*/ 886619 h 1310277"/>
                    <a:gd name="connsiteX9" fmla="*/ 644811 w 1650651"/>
                    <a:gd name="connsiteY9" fmla="*/ 476424 h 1310277"/>
                    <a:gd name="connsiteX10" fmla="*/ 437178 w 1650651"/>
                    <a:gd name="connsiteY10" fmla="*/ 482027 h 1310277"/>
                    <a:gd name="connsiteX11" fmla="*/ 3201 w 1650651"/>
                    <a:gd name="connsiteY11" fmla="*/ 641118 h 1310277"/>
                    <a:gd name="connsiteX0" fmla="*/ 3201 w 1650651"/>
                    <a:gd name="connsiteY0" fmla="*/ 633253 h 1302412"/>
                    <a:gd name="connsiteX1" fmla="*/ 151072 w 1650651"/>
                    <a:gd name="connsiteY1" fmla="*/ 198907 h 1302412"/>
                    <a:gd name="connsiteX2" fmla="*/ 649035 w 1650651"/>
                    <a:gd name="connsiteY2" fmla="*/ 0 h 1302412"/>
                    <a:gd name="connsiteX3" fmla="*/ 1361091 w 1650651"/>
                    <a:gd name="connsiteY3" fmla="*/ 228355 h 1302412"/>
                    <a:gd name="connsiteX4" fmla="*/ 1650651 w 1650651"/>
                    <a:gd name="connsiteY4" fmla="*/ 1142755 h 1302412"/>
                    <a:gd name="connsiteX5" fmla="*/ 1419511 w 1650651"/>
                    <a:gd name="connsiteY5" fmla="*/ 1300235 h 1302412"/>
                    <a:gd name="connsiteX6" fmla="*/ 1075025 w 1650651"/>
                    <a:gd name="connsiteY6" fmla="*/ 883678 h 1302412"/>
                    <a:gd name="connsiteX7" fmla="*/ 1304418 w 1650651"/>
                    <a:gd name="connsiteY7" fmla="*/ 881296 h 1302412"/>
                    <a:gd name="connsiteX8" fmla="*/ 1281874 w 1650651"/>
                    <a:gd name="connsiteY8" fmla="*/ 878754 h 1302412"/>
                    <a:gd name="connsiteX9" fmla="*/ 644811 w 1650651"/>
                    <a:gd name="connsiteY9" fmla="*/ 468559 h 1302412"/>
                    <a:gd name="connsiteX10" fmla="*/ 437178 w 1650651"/>
                    <a:gd name="connsiteY10" fmla="*/ 474162 h 1302412"/>
                    <a:gd name="connsiteX11" fmla="*/ 3201 w 1650651"/>
                    <a:gd name="connsiteY11" fmla="*/ 633253 h 1302412"/>
                    <a:gd name="connsiteX0" fmla="*/ 3201 w 1650651"/>
                    <a:gd name="connsiteY0" fmla="*/ 627354 h 1296513"/>
                    <a:gd name="connsiteX1" fmla="*/ 151072 w 1650651"/>
                    <a:gd name="connsiteY1" fmla="*/ 193008 h 1296513"/>
                    <a:gd name="connsiteX2" fmla="*/ 672438 w 1650651"/>
                    <a:gd name="connsiteY2" fmla="*/ 0 h 1296513"/>
                    <a:gd name="connsiteX3" fmla="*/ 1361091 w 1650651"/>
                    <a:gd name="connsiteY3" fmla="*/ 222456 h 1296513"/>
                    <a:gd name="connsiteX4" fmla="*/ 1650651 w 1650651"/>
                    <a:gd name="connsiteY4" fmla="*/ 1136856 h 1296513"/>
                    <a:gd name="connsiteX5" fmla="*/ 1419511 w 1650651"/>
                    <a:gd name="connsiteY5" fmla="*/ 1294336 h 1296513"/>
                    <a:gd name="connsiteX6" fmla="*/ 1075025 w 1650651"/>
                    <a:gd name="connsiteY6" fmla="*/ 877779 h 1296513"/>
                    <a:gd name="connsiteX7" fmla="*/ 1304418 w 1650651"/>
                    <a:gd name="connsiteY7" fmla="*/ 875397 h 1296513"/>
                    <a:gd name="connsiteX8" fmla="*/ 1281874 w 1650651"/>
                    <a:gd name="connsiteY8" fmla="*/ 872855 h 1296513"/>
                    <a:gd name="connsiteX9" fmla="*/ 644811 w 1650651"/>
                    <a:gd name="connsiteY9" fmla="*/ 462660 h 1296513"/>
                    <a:gd name="connsiteX10" fmla="*/ 437178 w 1650651"/>
                    <a:gd name="connsiteY10" fmla="*/ 468263 h 1296513"/>
                    <a:gd name="connsiteX11" fmla="*/ 3201 w 1650651"/>
                    <a:gd name="connsiteY11" fmla="*/ 627354 h 1296513"/>
                    <a:gd name="connsiteX0" fmla="*/ 3201 w 1650651"/>
                    <a:gd name="connsiteY0" fmla="*/ 627354 h 1296513"/>
                    <a:gd name="connsiteX1" fmla="*/ 151072 w 1650651"/>
                    <a:gd name="connsiteY1" fmla="*/ 193008 h 1296513"/>
                    <a:gd name="connsiteX2" fmla="*/ 672438 w 1650651"/>
                    <a:gd name="connsiteY2" fmla="*/ 0 h 1296513"/>
                    <a:gd name="connsiteX3" fmla="*/ 1361091 w 1650651"/>
                    <a:gd name="connsiteY3" fmla="*/ 222456 h 1296513"/>
                    <a:gd name="connsiteX4" fmla="*/ 1650651 w 1650651"/>
                    <a:gd name="connsiteY4" fmla="*/ 1136856 h 1296513"/>
                    <a:gd name="connsiteX5" fmla="*/ 1419511 w 1650651"/>
                    <a:gd name="connsiteY5" fmla="*/ 1294336 h 1296513"/>
                    <a:gd name="connsiteX6" fmla="*/ 1075025 w 1650651"/>
                    <a:gd name="connsiteY6" fmla="*/ 877779 h 1296513"/>
                    <a:gd name="connsiteX7" fmla="*/ 1304418 w 1650651"/>
                    <a:gd name="connsiteY7" fmla="*/ 875397 h 1296513"/>
                    <a:gd name="connsiteX8" fmla="*/ 1281874 w 1650651"/>
                    <a:gd name="connsiteY8" fmla="*/ 872855 h 1296513"/>
                    <a:gd name="connsiteX9" fmla="*/ 644811 w 1650651"/>
                    <a:gd name="connsiteY9" fmla="*/ 462660 h 1296513"/>
                    <a:gd name="connsiteX10" fmla="*/ 437178 w 1650651"/>
                    <a:gd name="connsiteY10" fmla="*/ 468263 h 1296513"/>
                    <a:gd name="connsiteX11" fmla="*/ 3201 w 1650651"/>
                    <a:gd name="connsiteY11" fmla="*/ 627354 h 1296513"/>
                    <a:gd name="connsiteX0" fmla="*/ 3201 w 1650651"/>
                    <a:gd name="connsiteY0" fmla="*/ 627354 h 1296513"/>
                    <a:gd name="connsiteX1" fmla="*/ 151072 w 1650651"/>
                    <a:gd name="connsiteY1" fmla="*/ 193008 h 1296513"/>
                    <a:gd name="connsiteX2" fmla="*/ 672438 w 1650651"/>
                    <a:gd name="connsiteY2" fmla="*/ 0 h 1296513"/>
                    <a:gd name="connsiteX3" fmla="*/ 1361091 w 1650651"/>
                    <a:gd name="connsiteY3" fmla="*/ 222456 h 1296513"/>
                    <a:gd name="connsiteX4" fmla="*/ 1650651 w 1650651"/>
                    <a:gd name="connsiteY4" fmla="*/ 1136856 h 1296513"/>
                    <a:gd name="connsiteX5" fmla="*/ 1419511 w 1650651"/>
                    <a:gd name="connsiteY5" fmla="*/ 1294336 h 1296513"/>
                    <a:gd name="connsiteX6" fmla="*/ 1075025 w 1650651"/>
                    <a:gd name="connsiteY6" fmla="*/ 877779 h 1296513"/>
                    <a:gd name="connsiteX7" fmla="*/ 1304418 w 1650651"/>
                    <a:gd name="connsiteY7" fmla="*/ 875397 h 1296513"/>
                    <a:gd name="connsiteX8" fmla="*/ 1281874 w 1650651"/>
                    <a:gd name="connsiteY8" fmla="*/ 872855 h 1296513"/>
                    <a:gd name="connsiteX9" fmla="*/ 644811 w 1650651"/>
                    <a:gd name="connsiteY9" fmla="*/ 462660 h 1296513"/>
                    <a:gd name="connsiteX10" fmla="*/ 437178 w 1650651"/>
                    <a:gd name="connsiteY10" fmla="*/ 468263 h 1296513"/>
                    <a:gd name="connsiteX11" fmla="*/ 3201 w 1650651"/>
                    <a:gd name="connsiteY11" fmla="*/ 627354 h 1296513"/>
                    <a:gd name="connsiteX0" fmla="*/ 3201 w 1650651"/>
                    <a:gd name="connsiteY0" fmla="*/ 627354 h 1296513"/>
                    <a:gd name="connsiteX1" fmla="*/ 151072 w 1650651"/>
                    <a:gd name="connsiteY1" fmla="*/ 193008 h 1296513"/>
                    <a:gd name="connsiteX2" fmla="*/ 672438 w 1650651"/>
                    <a:gd name="connsiteY2" fmla="*/ 0 h 1296513"/>
                    <a:gd name="connsiteX3" fmla="*/ 1361091 w 1650651"/>
                    <a:gd name="connsiteY3" fmla="*/ 222456 h 1296513"/>
                    <a:gd name="connsiteX4" fmla="*/ 1650651 w 1650651"/>
                    <a:gd name="connsiteY4" fmla="*/ 1136856 h 1296513"/>
                    <a:gd name="connsiteX5" fmla="*/ 1419511 w 1650651"/>
                    <a:gd name="connsiteY5" fmla="*/ 1294336 h 1296513"/>
                    <a:gd name="connsiteX6" fmla="*/ 1075025 w 1650651"/>
                    <a:gd name="connsiteY6" fmla="*/ 877779 h 1296513"/>
                    <a:gd name="connsiteX7" fmla="*/ 1304418 w 1650651"/>
                    <a:gd name="connsiteY7" fmla="*/ 875397 h 1296513"/>
                    <a:gd name="connsiteX8" fmla="*/ 1281874 w 1650651"/>
                    <a:gd name="connsiteY8" fmla="*/ 872855 h 1296513"/>
                    <a:gd name="connsiteX9" fmla="*/ 644811 w 1650651"/>
                    <a:gd name="connsiteY9" fmla="*/ 462660 h 1296513"/>
                    <a:gd name="connsiteX10" fmla="*/ 437178 w 1650651"/>
                    <a:gd name="connsiteY10" fmla="*/ 468263 h 1296513"/>
                    <a:gd name="connsiteX11" fmla="*/ 3201 w 1650651"/>
                    <a:gd name="connsiteY11" fmla="*/ 627354 h 1296513"/>
                    <a:gd name="connsiteX0" fmla="*/ 3201 w 1650651"/>
                    <a:gd name="connsiteY0" fmla="*/ 627354 h 1296513"/>
                    <a:gd name="connsiteX1" fmla="*/ 151072 w 1650651"/>
                    <a:gd name="connsiteY1" fmla="*/ 193008 h 1296513"/>
                    <a:gd name="connsiteX2" fmla="*/ 672438 w 1650651"/>
                    <a:gd name="connsiteY2" fmla="*/ 0 h 1296513"/>
                    <a:gd name="connsiteX3" fmla="*/ 1361091 w 1650651"/>
                    <a:gd name="connsiteY3" fmla="*/ 222456 h 1296513"/>
                    <a:gd name="connsiteX4" fmla="*/ 1650651 w 1650651"/>
                    <a:gd name="connsiteY4" fmla="*/ 1136856 h 1296513"/>
                    <a:gd name="connsiteX5" fmla="*/ 1419511 w 1650651"/>
                    <a:gd name="connsiteY5" fmla="*/ 1294336 h 1296513"/>
                    <a:gd name="connsiteX6" fmla="*/ 1075025 w 1650651"/>
                    <a:gd name="connsiteY6" fmla="*/ 877779 h 1296513"/>
                    <a:gd name="connsiteX7" fmla="*/ 1304418 w 1650651"/>
                    <a:gd name="connsiteY7" fmla="*/ 875397 h 1296513"/>
                    <a:gd name="connsiteX8" fmla="*/ 1281874 w 1650651"/>
                    <a:gd name="connsiteY8" fmla="*/ 872855 h 1296513"/>
                    <a:gd name="connsiteX9" fmla="*/ 644811 w 1650651"/>
                    <a:gd name="connsiteY9" fmla="*/ 462660 h 1296513"/>
                    <a:gd name="connsiteX10" fmla="*/ 437178 w 1650651"/>
                    <a:gd name="connsiteY10" fmla="*/ 468263 h 1296513"/>
                    <a:gd name="connsiteX11" fmla="*/ 3201 w 1650651"/>
                    <a:gd name="connsiteY11" fmla="*/ 627354 h 1296513"/>
                    <a:gd name="connsiteX0" fmla="*/ 3201 w 1650651"/>
                    <a:gd name="connsiteY0" fmla="*/ 627354 h 1296513"/>
                    <a:gd name="connsiteX1" fmla="*/ 151072 w 1650651"/>
                    <a:gd name="connsiteY1" fmla="*/ 193008 h 1296513"/>
                    <a:gd name="connsiteX2" fmla="*/ 672438 w 1650651"/>
                    <a:gd name="connsiteY2" fmla="*/ 0 h 1296513"/>
                    <a:gd name="connsiteX3" fmla="*/ 1361091 w 1650651"/>
                    <a:gd name="connsiteY3" fmla="*/ 222456 h 1296513"/>
                    <a:gd name="connsiteX4" fmla="*/ 1650651 w 1650651"/>
                    <a:gd name="connsiteY4" fmla="*/ 1136856 h 1296513"/>
                    <a:gd name="connsiteX5" fmla="*/ 1419511 w 1650651"/>
                    <a:gd name="connsiteY5" fmla="*/ 1294336 h 1296513"/>
                    <a:gd name="connsiteX6" fmla="*/ 1075025 w 1650651"/>
                    <a:gd name="connsiteY6" fmla="*/ 877779 h 1296513"/>
                    <a:gd name="connsiteX7" fmla="*/ 1304418 w 1650651"/>
                    <a:gd name="connsiteY7" fmla="*/ 875397 h 1296513"/>
                    <a:gd name="connsiteX8" fmla="*/ 1281874 w 1650651"/>
                    <a:gd name="connsiteY8" fmla="*/ 872855 h 1296513"/>
                    <a:gd name="connsiteX9" fmla="*/ 644811 w 1650651"/>
                    <a:gd name="connsiteY9" fmla="*/ 462660 h 1296513"/>
                    <a:gd name="connsiteX10" fmla="*/ 437178 w 1650651"/>
                    <a:gd name="connsiteY10" fmla="*/ 468263 h 1296513"/>
                    <a:gd name="connsiteX11" fmla="*/ 3201 w 1650651"/>
                    <a:gd name="connsiteY11" fmla="*/ 627354 h 1296513"/>
                    <a:gd name="connsiteX0" fmla="*/ 3201 w 1650651"/>
                    <a:gd name="connsiteY0" fmla="*/ 627354 h 1296513"/>
                    <a:gd name="connsiteX1" fmla="*/ 151072 w 1650651"/>
                    <a:gd name="connsiteY1" fmla="*/ 193008 h 1296513"/>
                    <a:gd name="connsiteX2" fmla="*/ 672438 w 1650651"/>
                    <a:gd name="connsiteY2" fmla="*/ 0 h 1296513"/>
                    <a:gd name="connsiteX3" fmla="*/ 1347440 w 1650651"/>
                    <a:gd name="connsiteY3" fmla="*/ 244084 h 1296513"/>
                    <a:gd name="connsiteX4" fmla="*/ 1650651 w 1650651"/>
                    <a:gd name="connsiteY4" fmla="*/ 1136856 h 1296513"/>
                    <a:gd name="connsiteX5" fmla="*/ 1419511 w 1650651"/>
                    <a:gd name="connsiteY5" fmla="*/ 1294336 h 1296513"/>
                    <a:gd name="connsiteX6" fmla="*/ 1075025 w 1650651"/>
                    <a:gd name="connsiteY6" fmla="*/ 877779 h 1296513"/>
                    <a:gd name="connsiteX7" fmla="*/ 1304418 w 1650651"/>
                    <a:gd name="connsiteY7" fmla="*/ 875397 h 1296513"/>
                    <a:gd name="connsiteX8" fmla="*/ 1281874 w 1650651"/>
                    <a:gd name="connsiteY8" fmla="*/ 872855 h 1296513"/>
                    <a:gd name="connsiteX9" fmla="*/ 644811 w 1650651"/>
                    <a:gd name="connsiteY9" fmla="*/ 462660 h 1296513"/>
                    <a:gd name="connsiteX10" fmla="*/ 437178 w 1650651"/>
                    <a:gd name="connsiteY10" fmla="*/ 468263 h 1296513"/>
                    <a:gd name="connsiteX11" fmla="*/ 3201 w 1650651"/>
                    <a:gd name="connsiteY11" fmla="*/ 627354 h 1296513"/>
                    <a:gd name="connsiteX0" fmla="*/ 3201 w 1650651"/>
                    <a:gd name="connsiteY0" fmla="*/ 627354 h 1296513"/>
                    <a:gd name="connsiteX1" fmla="*/ 151072 w 1650651"/>
                    <a:gd name="connsiteY1" fmla="*/ 193008 h 1296513"/>
                    <a:gd name="connsiteX2" fmla="*/ 672438 w 1650651"/>
                    <a:gd name="connsiteY2" fmla="*/ 0 h 1296513"/>
                    <a:gd name="connsiteX3" fmla="*/ 1349390 w 1650651"/>
                    <a:gd name="connsiteY3" fmla="*/ 238185 h 1296513"/>
                    <a:gd name="connsiteX4" fmla="*/ 1650651 w 1650651"/>
                    <a:gd name="connsiteY4" fmla="*/ 1136856 h 1296513"/>
                    <a:gd name="connsiteX5" fmla="*/ 1419511 w 1650651"/>
                    <a:gd name="connsiteY5" fmla="*/ 1294336 h 1296513"/>
                    <a:gd name="connsiteX6" fmla="*/ 1075025 w 1650651"/>
                    <a:gd name="connsiteY6" fmla="*/ 877779 h 1296513"/>
                    <a:gd name="connsiteX7" fmla="*/ 1304418 w 1650651"/>
                    <a:gd name="connsiteY7" fmla="*/ 875397 h 1296513"/>
                    <a:gd name="connsiteX8" fmla="*/ 1281874 w 1650651"/>
                    <a:gd name="connsiteY8" fmla="*/ 872855 h 1296513"/>
                    <a:gd name="connsiteX9" fmla="*/ 644811 w 1650651"/>
                    <a:gd name="connsiteY9" fmla="*/ 462660 h 1296513"/>
                    <a:gd name="connsiteX10" fmla="*/ 437178 w 1650651"/>
                    <a:gd name="connsiteY10" fmla="*/ 468263 h 1296513"/>
                    <a:gd name="connsiteX11" fmla="*/ 3201 w 1650651"/>
                    <a:gd name="connsiteY11" fmla="*/ 627354 h 1296513"/>
                    <a:gd name="connsiteX0" fmla="*/ 3201 w 1650651"/>
                    <a:gd name="connsiteY0" fmla="*/ 627354 h 1296513"/>
                    <a:gd name="connsiteX1" fmla="*/ 151072 w 1650651"/>
                    <a:gd name="connsiteY1" fmla="*/ 193008 h 1296513"/>
                    <a:gd name="connsiteX2" fmla="*/ 672438 w 1650651"/>
                    <a:gd name="connsiteY2" fmla="*/ 0 h 1296513"/>
                    <a:gd name="connsiteX3" fmla="*/ 1357191 w 1650651"/>
                    <a:gd name="connsiteY3" fmla="*/ 228353 h 1296513"/>
                    <a:gd name="connsiteX4" fmla="*/ 1650651 w 1650651"/>
                    <a:gd name="connsiteY4" fmla="*/ 1136856 h 1296513"/>
                    <a:gd name="connsiteX5" fmla="*/ 1419511 w 1650651"/>
                    <a:gd name="connsiteY5" fmla="*/ 1294336 h 1296513"/>
                    <a:gd name="connsiteX6" fmla="*/ 1075025 w 1650651"/>
                    <a:gd name="connsiteY6" fmla="*/ 877779 h 1296513"/>
                    <a:gd name="connsiteX7" fmla="*/ 1304418 w 1650651"/>
                    <a:gd name="connsiteY7" fmla="*/ 875397 h 1296513"/>
                    <a:gd name="connsiteX8" fmla="*/ 1281874 w 1650651"/>
                    <a:gd name="connsiteY8" fmla="*/ 872855 h 1296513"/>
                    <a:gd name="connsiteX9" fmla="*/ 644811 w 1650651"/>
                    <a:gd name="connsiteY9" fmla="*/ 462660 h 1296513"/>
                    <a:gd name="connsiteX10" fmla="*/ 437178 w 1650651"/>
                    <a:gd name="connsiteY10" fmla="*/ 468263 h 1296513"/>
                    <a:gd name="connsiteX11" fmla="*/ 3201 w 1650651"/>
                    <a:gd name="connsiteY11" fmla="*/ 627354 h 1296513"/>
                    <a:gd name="connsiteX0" fmla="*/ 3201 w 1650651"/>
                    <a:gd name="connsiteY0" fmla="*/ 627354 h 1296513"/>
                    <a:gd name="connsiteX1" fmla="*/ 151072 w 1650651"/>
                    <a:gd name="connsiteY1" fmla="*/ 193008 h 1296513"/>
                    <a:gd name="connsiteX2" fmla="*/ 672438 w 1650651"/>
                    <a:gd name="connsiteY2" fmla="*/ 0 h 1296513"/>
                    <a:gd name="connsiteX3" fmla="*/ 1347440 w 1650651"/>
                    <a:gd name="connsiteY3" fmla="*/ 228353 h 1296513"/>
                    <a:gd name="connsiteX4" fmla="*/ 1650651 w 1650651"/>
                    <a:gd name="connsiteY4" fmla="*/ 1136856 h 1296513"/>
                    <a:gd name="connsiteX5" fmla="*/ 1419511 w 1650651"/>
                    <a:gd name="connsiteY5" fmla="*/ 1294336 h 1296513"/>
                    <a:gd name="connsiteX6" fmla="*/ 1075025 w 1650651"/>
                    <a:gd name="connsiteY6" fmla="*/ 877779 h 1296513"/>
                    <a:gd name="connsiteX7" fmla="*/ 1304418 w 1650651"/>
                    <a:gd name="connsiteY7" fmla="*/ 875397 h 1296513"/>
                    <a:gd name="connsiteX8" fmla="*/ 1281874 w 1650651"/>
                    <a:gd name="connsiteY8" fmla="*/ 872855 h 1296513"/>
                    <a:gd name="connsiteX9" fmla="*/ 644811 w 1650651"/>
                    <a:gd name="connsiteY9" fmla="*/ 462660 h 1296513"/>
                    <a:gd name="connsiteX10" fmla="*/ 437178 w 1650651"/>
                    <a:gd name="connsiteY10" fmla="*/ 468263 h 1296513"/>
                    <a:gd name="connsiteX11" fmla="*/ 3201 w 1650651"/>
                    <a:gd name="connsiteY11" fmla="*/ 627354 h 1296513"/>
                    <a:gd name="connsiteX0" fmla="*/ 3201 w 1650651"/>
                    <a:gd name="connsiteY0" fmla="*/ 627354 h 1296513"/>
                    <a:gd name="connsiteX1" fmla="*/ 151072 w 1650651"/>
                    <a:gd name="connsiteY1" fmla="*/ 193008 h 1296513"/>
                    <a:gd name="connsiteX2" fmla="*/ 672438 w 1650651"/>
                    <a:gd name="connsiteY2" fmla="*/ 0 h 1296513"/>
                    <a:gd name="connsiteX3" fmla="*/ 1339639 w 1650651"/>
                    <a:gd name="connsiteY3" fmla="*/ 222455 h 1296513"/>
                    <a:gd name="connsiteX4" fmla="*/ 1650651 w 1650651"/>
                    <a:gd name="connsiteY4" fmla="*/ 1136856 h 1296513"/>
                    <a:gd name="connsiteX5" fmla="*/ 1419511 w 1650651"/>
                    <a:gd name="connsiteY5" fmla="*/ 1294336 h 1296513"/>
                    <a:gd name="connsiteX6" fmla="*/ 1075025 w 1650651"/>
                    <a:gd name="connsiteY6" fmla="*/ 877779 h 1296513"/>
                    <a:gd name="connsiteX7" fmla="*/ 1304418 w 1650651"/>
                    <a:gd name="connsiteY7" fmla="*/ 875397 h 1296513"/>
                    <a:gd name="connsiteX8" fmla="*/ 1281874 w 1650651"/>
                    <a:gd name="connsiteY8" fmla="*/ 872855 h 1296513"/>
                    <a:gd name="connsiteX9" fmla="*/ 644811 w 1650651"/>
                    <a:gd name="connsiteY9" fmla="*/ 462660 h 1296513"/>
                    <a:gd name="connsiteX10" fmla="*/ 437178 w 1650651"/>
                    <a:gd name="connsiteY10" fmla="*/ 468263 h 1296513"/>
                    <a:gd name="connsiteX11" fmla="*/ 3201 w 1650651"/>
                    <a:gd name="connsiteY11" fmla="*/ 627354 h 1296513"/>
                    <a:gd name="connsiteX0" fmla="*/ 3201 w 1650651"/>
                    <a:gd name="connsiteY0" fmla="*/ 627354 h 1296513"/>
                    <a:gd name="connsiteX1" fmla="*/ 151072 w 1650651"/>
                    <a:gd name="connsiteY1" fmla="*/ 193008 h 1296513"/>
                    <a:gd name="connsiteX2" fmla="*/ 672438 w 1650651"/>
                    <a:gd name="connsiteY2" fmla="*/ 0 h 1296513"/>
                    <a:gd name="connsiteX3" fmla="*/ 1357191 w 1650651"/>
                    <a:gd name="connsiteY3" fmla="*/ 222455 h 1296513"/>
                    <a:gd name="connsiteX4" fmla="*/ 1650651 w 1650651"/>
                    <a:gd name="connsiteY4" fmla="*/ 1136856 h 1296513"/>
                    <a:gd name="connsiteX5" fmla="*/ 1419511 w 1650651"/>
                    <a:gd name="connsiteY5" fmla="*/ 1294336 h 1296513"/>
                    <a:gd name="connsiteX6" fmla="*/ 1075025 w 1650651"/>
                    <a:gd name="connsiteY6" fmla="*/ 877779 h 1296513"/>
                    <a:gd name="connsiteX7" fmla="*/ 1304418 w 1650651"/>
                    <a:gd name="connsiteY7" fmla="*/ 875397 h 1296513"/>
                    <a:gd name="connsiteX8" fmla="*/ 1281874 w 1650651"/>
                    <a:gd name="connsiteY8" fmla="*/ 872855 h 1296513"/>
                    <a:gd name="connsiteX9" fmla="*/ 644811 w 1650651"/>
                    <a:gd name="connsiteY9" fmla="*/ 462660 h 1296513"/>
                    <a:gd name="connsiteX10" fmla="*/ 437178 w 1650651"/>
                    <a:gd name="connsiteY10" fmla="*/ 468263 h 1296513"/>
                    <a:gd name="connsiteX11" fmla="*/ 3201 w 1650651"/>
                    <a:gd name="connsiteY11" fmla="*/ 627354 h 1296513"/>
                    <a:gd name="connsiteX0" fmla="*/ 3201 w 1650651"/>
                    <a:gd name="connsiteY0" fmla="*/ 627354 h 1296513"/>
                    <a:gd name="connsiteX1" fmla="*/ 151072 w 1650651"/>
                    <a:gd name="connsiteY1" fmla="*/ 193008 h 1296513"/>
                    <a:gd name="connsiteX2" fmla="*/ 672438 w 1650651"/>
                    <a:gd name="connsiteY2" fmla="*/ 0 h 1296513"/>
                    <a:gd name="connsiteX3" fmla="*/ 1357191 w 1650651"/>
                    <a:gd name="connsiteY3" fmla="*/ 222455 h 1296513"/>
                    <a:gd name="connsiteX4" fmla="*/ 1650651 w 1650651"/>
                    <a:gd name="connsiteY4" fmla="*/ 1136856 h 1296513"/>
                    <a:gd name="connsiteX5" fmla="*/ 1419511 w 1650651"/>
                    <a:gd name="connsiteY5" fmla="*/ 1294336 h 1296513"/>
                    <a:gd name="connsiteX6" fmla="*/ 1075025 w 1650651"/>
                    <a:gd name="connsiteY6" fmla="*/ 877779 h 1296513"/>
                    <a:gd name="connsiteX7" fmla="*/ 1304418 w 1650651"/>
                    <a:gd name="connsiteY7" fmla="*/ 875397 h 1296513"/>
                    <a:gd name="connsiteX8" fmla="*/ 1281874 w 1650651"/>
                    <a:gd name="connsiteY8" fmla="*/ 872855 h 1296513"/>
                    <a:gd name="connsiteX9" fmla="*/ 644811 w 1650651"/>
                    <a:gd name="connsiteY9" fmla="*/ 462660 h 1296513"/>
                    <a:gd name="connsiteX10" fmla="*/ 437178 w 1650651"/>
                    <a:gd name="connsiteY10" fmla="*/ 468263 h 1296513"/>
                    <a:gd name="connsiteX11" fmla="*/ 3201 w 1650651"/>
                    <a:gd name="connsiteY11" fmla="*/ 627354 h 1296513"/>
                    <a:gd name="connsiteX0" fmla="*/ 3201 w 1650651"/>
                    <a:gd name="connsiteY0" fmla="*/ 627354 h 1296513"/>
                    <a:gd name="connsiteX1" fmla="*/ 151072 w 1650651"/>
                    <a:gd name="connsiteY1" fmla="*/ 193008 h 1296513"/>
                    <a:gd name="connsiteX2" fmla="*/ 672438 w 1650651"/>
                    <a:gd name="connsiteY2" fmla="*/ 0 h 1296513"/>
                    <a:gd name="connsiteX3" fmla="*/ 1357191 w 1650651"/>
                    <a:gd name="connsiteY3" fmla="*/ 222455 h 1296513"/>
                    <a:gd name="connsiteX4" fmla="*/ 1650651 w 1650651"/>
                    <a:gd name="connsiteY4" fmla="*/ 1136856 h 1296513"/>
                    <a:gd name="connsiteX5" fmla="*/ 1419511 w 1650651"/>
                    <a:gd name="connsiteY5" fmla="*/ 1294336 h 1296513"/>
                    <a:gd name="connsiteX6" fmla="*/ 1075025 w 1650651"/>
                    <a:gd name="connsiteY6" fmla="*/ 877779 h 1296513"/>
                    <a:gd name="connsiteX7" fmla="*/ 1304418 w 1650651"/>
                    <a:gd name="connsiteY7" fmla="*/ 875397 h 1296513"/>
                    <a:gd name="connsiteX8" fmla="*/ 1281874 w 1650651"/>
                    <a:gd name="connsiteY8" fmla="*/ 872855 h 1296513"/>
                    <a:gd name="connsiteX9" fmla="*/ 644811 w 1650651"/>
                    <a:gd name="connsiteY9" fmla="*/ 462660 h 1296513"/>
                    <a:gd name="connsiteX10" fmla="*/ 437178 w 1650651"/>
                    <a:gd name="connsiteY10" fmla="*/ 468263 h 1296513"/>
                    <a:gd name="connsiteX11" fmla="*/ 3201 w 1650651"/>
                    <a:gd name="connsiteY11" fmla="*/ 627354 h 1296513"/>
                    <a:gd name="connsiteX0" fmla="*/ 3201 w 1650651"/>
                    <a:gd name="connsiteY0" fmla="*/ 627354 h 1296513"/>
                    <a:gd name="connsiteX1" fmla="*/ 151072 w 1650651"/>
                    <a:gd name="connsiteY1" fmla="*/ 193008 h 1296513"/>
                    <a:gd name="connsiteX2" fmla="*/ 672438 w 1650651"/>
                    <a:gd name="connsiteY2" fmla="*/ 0 h 1296513"/>
                    <a:gd name="connsiteX3" fmla="*/ 1357191 w 1650651"/>
                    <a:gd name="connsiteY3" fmla="*/ 222455 h 1296513"/>
                    <a:gd name="connsiteX4" fmla="*/ 1650651 w 1650651"/>
                    <a:gd name="connsiteY4" fmla="*/ 1136856 h 1296513"/>
                    <a:gd name="connsiteX5" fmla="*/ 1419511 w 1650651"/>
                    <a:gd name="connsiteY5" fmla="*/ 1294336 h 1296513"/>
                    <a:gd name="connsiteX6" fmla="*/ 1075025 w 1650651"/>
                    <a:gd name="connsiteY6" fmla="*/ 877779 h 1296513"/>
                    <a:gd name="connsiteX7" fmla="*/ 1304418 w 1650651"/>
                    <a:gd name="connsiteY7" fmla="*/ 875397 h 1296513"/>
                    <a:gd name="connsiteX8" fmla="*/ 1281874 w 1650651"/>
                    <a:gd name="connsiteY8" fmla="*/ 872855 h 1296513"/>
                    <a:gd name="connsiteX9" fmla="*/ 644811 w 1650651"/>
                    <a:gd name="connsiteY9" fmla="*/ 462660 h 1296513"/>
                    <a:gd name="connsiteX10" fmla="*/ 437178 w 1650651"/>
                    <a:gd name="connsiteY10" fmla="*/ 468263 h 1296513"/>
                    <a:gd name="connsiteX11" fmla="*/ 3201 w 1650651"/>
                    <a:gd name="connsiteY11" fmla="*/ 627354 h 1296513"/>
                    <a:gd name="connsiteX0" fmla="*/ 3201 w 1650651"/>
                    <a:gd name="connsiteY0" fmla="*/ 627354 h 1296513"/>
                    <a:gd name="connsiteX1" fmla="*/ 151072 w 1650651"/>
                    <a:gd name="connsiteY1" fmla="*/ 193008 h 1296513"/>
                    <a:gd name="connsiteX2" fmla="*/ 672438 w 1650651"/>
                    <a:gd name="connsiteY2" fmla="*/ 0 h 1296513"/>
                    <a:gd name="connsiteX3" fmla="*/ 1357191 w 1650651"/>
                    <a:gd name="connsiteY3" fmla="*/ 222455 h 1296513"/>
                    <a:gd name="connsiteX4" fmla="*/ 1650651 w 1650651"/>
                    <a:gd name="connsiteY4" fmla="*/ 1136856 h 1296513"/>
                    <a:gd name="connsiteX5" fmla="*/ 1419511 w 1650651"/>
                    <a:gd name="connsiteY5" fmla="*/ 1294336 h 1296513"/>
                    <a:gd name="connsiteX6" fmla="*/ 1075025 w 1650651"/>
                    <a:gd name="connsiteY6" fmla="*/ 877779 h 1296513"/>
                    <a:gd name="connsiteX7" fmla="*/ 1304418 w 1650651"/>
                    <a:gd name="connsiteY7" fmla="*/ 875397 h 1296513"/>
                    <a:gd name="connsiteX8" fmla="*/ 1281874 w 1650651"/>
                    <a:gd name="connsiteY8" fmla="*/ 872855 h 1296513"/>
                    <a:gd name="connsiteX9" fmla="*/ 644811 w 1650651"/>
                    <a:gd name="connsiteY9" fmla="*/ 462660 h 1296513"/>
                    <a:gd name="connsiteX10" fmla="*/ 437178 w 1650651"/>
                    <a:gd name="connsiteY10" fmla="*/ 468263 h 1296513"/>
                    <a:gd name="connsiteX11" fmla="*/ 3201 w 1650651"/>
                    <a:gd name="connsiteY11" fmla="*/ 627354 h 1296513"/>
                    <a:gd name="connsiteX0" fmla="*/ 3201 w 1786184"/>
                    <a:gd name="connsiteY0" fmla="*/ 627354 h 1760417"/>
                    <a:gd name="connsiteX1" fmla="*/ 151072 w 1786184"/>
                    <a:gd name="connsiteY1" fmla="*/ 193008 h 1760417"/>
                    <a:gd name="connsiteX2" fmla="*/ 672438 w 1786184"/>
                    <a:gd name="connsiteY2" fmla="*/ 0 h 1760417"/>
                    <a:gd name="connsiteX3" fmla="*/ 1357191 w 1786184"/>
                    <a:gd name="connsiteY3" fmla="*/ 222455 h 1760417"/>
                    <a:gd name="connsiteX4" fmla="*/ 1786185 w 1786184"/>
                    <a:gd name="connsiteY4" fmla="*/ 1746558 h 1760417"/>
                    <a:gd name="connsiteX5" fmla="*/ 1419511 w 1786184"/>
                    <a:gd name="connsiteY5" fmla="*/ 1294336 h 1760417"/>
                    <a:gd name="connsiteX6" fmla="*/ 1075025 w 1786184"/>
                    <a:gd name="connsiteY6" fmla="*/ 877779 h 1760417"/>
                    <a:gd name="connsiteX7" fmla="*/ 1304418 w 1786184"/>
                    <a:gd name="connsiteY7" fmla="*/ 875397 h 1760417"/>
                    <a:gd name="connsiteX8" fmla="*/ 1281874 w 1786184"/>
                    <a:gd name="connsiteY8" fmla="*/ 872855 h 1760417"/>
                    <a:gd name="connsiteX9" fmla="*/ 644811 w 1786184"/>
                    <a:gd name="connsiteY9" fmla="*/ 462660 h 1760417"/>
                    <a:gd name="connsiteX10" fmla="*/ 437178 w 1786184"/>
                    <a:gd name="connsiteY10" fmla="*/ 468263 h 1760417"/>
                    <a:gd name="connsiteX11" fmla="*/ 3201 w 1786184"/>
                    <a:gd name="connsiteY11" fmla="*/ 627354 h 1760417"/>
                    <a:gd name="connsiteX0" fmla="*/ 3201 w 1786184"/>
                    <a:gd name="connsiteY0" fmla="*/ 627354 h 1872686"/>
                    <a:gd name="connsiteX1" fmla="*/ 151072 w 1786184"/>
                    <a:gd name="connsiteY1" fmla="*/ 193008 h 1872686"/>
                    <a:gd name="connsiteX2" fmla="*/ 672438 w 1786184"/>
                    <a:gd name="connsiteY2" fmla="*/ 0 h 1872686"/>
                    <a:gd name="connsiteX3" fmla="*/ 1357191 w 1786184"/>
                    <a:gd name="connsiteY3" fmla="*/ 222455 h 1872686"/>
                    <a:gd name="connsiteX4" fmla="*/ 1786185 w 1786184"/>
                    <a:gd name="connsiteY4" fmla="*/ 1746558 h 1872686"/>
                    <a:gd name="connsiteX5" fmla="*/ 1612393 w 1786184"/>
                    <a:gd name="connsiteY5" fmla="*/ 1869044 h 1872686"/>
                    <a:gd name="connsiteX6" fmla="*/ 1075025 w 1786184"/>
                    <a:gd name="connsiteY6" fmla="*/ 877779 h 1872686"/>
                    <a:gd name="connsiteX7" fmla="*/ 1304418 w 1786184"/>
                    <a:gd name="connsiteY7" fmla="*/ 875397 h 1872686"/>
                    <a:gd name="connsiteX8" fmla="*/ 1281874 w 1786184"/>
                    <a:gd name="connsiteY8" fmla="*/ 872855 h 1872686"/>
                    <a:gd name="connsiteX9" fmla="*/ 644811 w 1786184"/>
                    <a:gd name="connsiteY9" fmla="*/ 462660 h 1872686"/>
                    <a:gd name="connsiteX10" fmla="*/ 437178 w 1786184"/>
                    <a:gd name="connsiteY10" fmla="*/ 468263 h 1872686"/>
                    <a:gd name="connsiteX11" fmla="*/ 3201 w 1786184"/>
                    <a:gd name="connsiteY11" fmla="*/ 627354 h 1872686"/>
                    <a:gd name="connsiteX0" fmla="*/ 3201 w 1786184"/>
                    <a:gd name="connsiteY0" fmla="*/ 627354 h 1872686"/>
                    <a:gd name="connsiteX1" fmla="*/ 151072 w 1786184"/>
                    <a:gd name="connsiteY1" fmla="*/ 193008 h 1872686"/>
                    <a:gd name="connsiteX2" fmla="*/ 672438 w 1786184"/>
                    <a:gd name="connsiteY2" fmla="*/ 0 h 1872686"/>
                    <a:gd name="connsiteX3" fmla="*/ 1357191 w 1786184"/>
                    <a:gd name="connsiteY3" fmla="*/ 222455 h 1872686"/>
                    <a:gd name="connsiteX4" fmla="*/ 1786185 w 1786184"/>
                    <a:gd name="connsiteY4" fmla="*/ 1746558 h 1872686"/>
                    <a:gd name="connsiteX5" fmla="*/ 1612393 w 1786184"/>
                    <a:gd name="connsiteY5" fmla="*/ 1869044 h 1872686"/>
                    <a:gd name="connsiteX6" fmla="*/ 1075025 w 1786184"/>
                    <a:gd name="connsiteY6" fmla="*/ 877779 h 1872686"/>
                    <a:gd name="connsiteX7" fmla="*/ 1304418 w 1786184"/>
                    <a:gd name="connsiteY7" fmla="*/ 875397 h 1872686"/>
                    <a:gd name="connsiteX8" fmla="*/ 1281874 w 1786184"/>
                    <a:gd name="connsiteY8" fmla="*/ 872855 h 1872686"/>
                    <a:gd name="connsiteX9" fmla="*/ 644811 w 1786184"/>
                    <a:gd name="connsiteY9" fmla="*/ 462660 h 1872686"/>
                    <a:gd name="connsiteX10" fmla="*/ 437178 w 1786184"/>
                    <a:gd name="connsiteY10" fmla="*/ 468263 h 1872686"/>
                    <a:gd name="connsiteX11" fmla="*/ 3201 w 1786184"/>
                    <a:gd name="connsiteY11" fmla="*/ 627354 h 1872686"/>
                    <a:gd name="connsiteX0" fmla="*/ 3201 w 1786184"/>
                    <a:gd name="connsiteY0" fmla="*/ 627354 h 1872686"/>
                    <a:gd name="connsiteX1" fmla="*/ 151072 w 1786184"/>
                    <a:gd name="connsiteY1" fmla="*/ 193008 h 1872686"/>
                    <a:gd name="connsiteX2" fmla="*/ 672438 w 1786184"/>
                    <a:gd name="connsiteY2" fmla="*/ 0 h 1872686"/>
                    <a:gd name="connsiteX3" fmla="*/ 1513642 w 1786184"/>
                    <a:gd name="connsiteY3" fmla="*/ 355627 h 1872686"/>
                    <a:gd name="connsiteX4" fmla="*/ 1786185 w 1786184"/>
                    <a:gd name="connsiteY4" fmla="*/ 1746558 h 1872686"/>
                    <a:gd name="connsiteX5" fmla="*/ 1612393 w 1786184"/>
                    <a:gd name="connsiteY5" fmla="*/ 1869044 h 1872686"/>
                    <a:gd name="connsiteX6" fmla="*/ 1075025 w 1786184"/>
                    <a:gd name="connsiteY6" fmla="*/ 877779 h 1872686"/>
                    <a:gd name="connsiteX7" fmla="*/ 1304418 w 1786184"/>
                    <a:gd name="connsiteY7" fmla="*/ 875397 h 1872686"/>
                    <a:gd name="connsiteX8" fmla="*/ 1281874 w 1786184"/>
                    <a:gd name="connsiteY8" fmla="*/ 872855 h 1872686"/>
                    <a:gd name="connsiteX9" fmla="*/ 644811 w 1786184"/>
                    <a:gd name="connsiteY9" fmla="*/ 462660 h 1872686"/>
                    <a:gd name="connsiteX10" fmla="*/ 437178 w 1786184"/>
                    <a:gd name="connsiteY10" fmla="*/ 468263 h 1872686"/>
                    <a:gd name="connsiteX11" fmla="*/ 3201 w 1786184"/>
                    <a:gd name="connsiteY11" fmla="*/ 627354 h 1872686"/>
                    <a:gd name="connsiteX0" fmla="*/ 3201 w 1786184"/>
                    <a:gd name="connsiteY0" fmla="*/ 627354 h 1872686"/>
                    <a:gd name="connsiteX1" fmla="*/ 151072 w 1786184"/>
                    <a:gd name="connsiteY1" fmla="*/ 193008 h 1872686"/>
                    <a:gd name="connsiteX2" fmla="*/ 672438 w 1786184"/>
                    <a:gd name="connsiteY2" fmla="*/ 0 h 1872686"/>
                    <a:gd name="connsiteX3" fmla="*/ 1513642 w 1786184"/>
                    <a:gd name="connsiteY3" fmla="*/ 355627 h 1872686"/>
                    <a:gd name="connsiteX4" fmla="*/ 1786185 w 1786184"/>
                    <a:gd name="connsiteY4" fmla="*/ 1746558 h 1872686"/>
                    <a:gd name="connsiteX5" fmla="*/ 1612393 w 1786184"/>
                    <a:gd name="connsiteY5" fmla="*/ 1869044 h 1872686"/>
                    <a:gd name="connsiteX6" fmla="*/ 1075025 w 1786184"/>
                    <a:gd name="connsiteY6" fmla="*/ 877779 h 1872686"/>
                    <a:gd name="connsiteX7" fmla="*/ 1304418 w 1786184"/>
                    <a:gd name="connsiteY7" fmla="*/ 875397 h 1872686"/>
                    <a:gd name="connsiteX8" fmla="*/ 1281874 w 1786184"/>
                    <a:gd name="connsiteY8" fmla="*/ 872855 h 1872686"/>
                    <a:gd name="connsiteX9" fmla="*/ 644811 w 1786184"/>
                    <a:gd name="connsiteY9" fmla="*/ 462660 h 1872686"/>
                    <a:gd name="connsiteX10" fmla="*/ 437178 w 1786184"/>
                    <a:gd name="connsiteY10" fmla="*/ 468263 h 1872686"/>
                    <a:gd name="connsiteX11" fmla="*/ 3201 w 1786184"/>
                    <a:gd name="connsiteY11" fmla="*/ 627354 h 1872686"/>
                    <a:gd name="connsiteX0" fmla="*/ 3201 w 1786184"/>
                    <a:gd name="connsiteY0" fmla="*/ 627354 h 1872686"/>
                    <a:gd name="connsiteX1" fmla="*/ 151072 w 1786184"/>
                    <a:gd name="connsiteY1" fmla="*/ 193008 h 1872686"/>
                    <a:gd name="connsiteX2" fmla="*/ 672438 w 1786184"/>
                    <a:gd name="connsiteY2" fmla="*/ 0 h 1872686"/>
                    <a:gd name="connsiteX3" fmla="*/ 1513642 w 1786184"/>
                    <a:gd name="connsiteY3" fmla="*/ 355627 h 1872686"/>
                    <a:gd name="connsiteX4" fmla="*/ 1786185 w 1786184"/>
                    <a:gd name="connsiteY4" fmla="*/ 1746558 h 1872686"/>
                    <a:gd name="connsiteX5" fmla="*/ 1612393 w 1786184"/>
                    <a:gd name="connsiteY5" fmla="*/ 1869044 h 1872686"/>
                    <a:gd name="connsiteX6" fmla="*/ 1075025 w 1786184"/>
                    <a:gd name="connsiteY6" fmla="*/ 877779 h 1872686"/>
                    <a:gd name="connsiteX7" fmla="*/ 1304418 w 1786184"/>
                    <a:gd name="connsiteY7" fmla="*/ 875397 h 1872686"/>
                    <a:gd name="connsiteX8" fmla="*/ 1281874 w 1786184"/>
                    <a:gd name="connsiteY8" fmla="*/ 872855 h 1872686"/>
                    <a:gd name="connsiteX9" fmla="*/ 833949 w 1786184"/>
                    <a:gd name="connsiteY9" fmla="*/ 513612 h 1872686"/>
                    <a:gd name="connsiteX10" fmla="*/ 437178 w 1786184"/>
                    <a:gd name="connsiteY10" fmla="*/ 468263 h 1872686"/>
                    <a:gd name="connsiteX11" fmla="*/ 3201 w 1786184"/>
                    <a:gd name="connsiteY11" fmla="*/ 627354 h 1872686"/>
                    <a:gd name="connsiteX0" fmla="*/ 0 w 1782983"/>
                    <a:gd name="connsiteY0" fmla="*/ 627354 h 1872686"/>
                    <a:gd name="connsiteX1" fmla="*/ 147871 w 1782983"/>
                    <a:gd name="connsiteY1" fmla="*/ 193008 h 1872686"/>
                    <a:gd name="connsiteX2" fmla="*/ 669237 w 1782983"/>
                    <a:gd name="connsiteY2" fmla="*/ 0 h 1872686"/>
                    <a:gd name="connsiteX3" fmla="*/ 1510441 w 1782983"/>
                    <a:gd name="connsiteY3" fmla="*/ 355627 h 1872686"/>
                    <a:gd name="connsiteX4" fmla="*/ 1782984 w 1782983"/>
                    <a:gd name="connsiteY4" fmla="*/ 1746558 h 1872686"/>
                    <a:gd name="connsiteX5" fmla="*/ 1609192 w 1782983"/>
                    <a:gd name="connsiteY5" fmla="*/ 1869044 h 1872686"/>
                    <a:gd name="connsiteX6" fmla="*/ 1071824 w 1782983"/>
                    <a:gd name="connsiteY6" fmla="*/ 877779 h 1872686"/>
                    <a:gd name="connsiteX7" fmla="*/ 1301217 w 1782983"/>
                    <a:gd name="connsiteY7" fmla="*/ 875397 h 1872686"/>
                    <a:gd name="connsiteX8" fmla="*/ 1278673 w 1782983"/>
                    <a:gd name="connsiteY8" fmla="*/ 872855 h 1872686"/>
                    <a:gd name="connsiteX9" fmla="*/ 830748 w 1782983"/>
                    <a:gd name="connsiteY9" fmla="*/ 513612 h 1872686"/>
                    <a:gd name="connsiteX10" fmla="*/ 0 w 1782983"/>
                    <a:gd name="connsiteY10" fmla="*/ 627354 h 1872686"/>
                    <a:gd name="connsiteX0" fmla="*/ 250844 w 1640646"/>
                    <a:gd name="connsiteY0" fmla="*/ 522203 h 1872686"/>
                    <a:gd name="connsiteX1" fmla="*/ 5534 w 1640646"/>
                    <a:gd name="connsiteY1" fmla="*/ 193008 h 1872686"/>
                    <a:gd name="connsiteX2" fmla="*/ 526900 w 1640646"/>
                    <a:gd name="connsiteY2" fmla="*/ 0 h 1872686"/>
                    <a:gd name="connsiteX3" fmla="*/ 1368104 w 1640646"/>
                    <a:gd name="connsiteY3" fmla="*/ 355627 h 1872686"/>
                    <a:gd name="connsiteX4" fmla="*/ 1640647 w 1640646"/>
                    <a:gd name="connsiteY4" fmla="*/ 1746558 h 1872686"/>
                    <a:gd name="connsiteX5" fmla="*/ 1466855 w 1640646"/>
                    <a:gd name="connsiteY5" fmla="*/ 1869044 h 1872686"/>
                    <a:gd name="connsiteX6" fmla="*/ 929487 w 1640646"/>
                    <a:gd name="connsiteY6" fmla="*/ 877779 h 1872686"/>
                    <a:gd name="connsiteX7" fmla="*/ 1158880 w 1640646"/>
                    <a:gd name="connsiteY7" fmla="*/ 875397 h 1872686"/>
                    <a:gd name="connsiteX8" fmla="*/ 1136336 w 1640646"/>
                    <a:gd name="connsiteY8" fmla="*/ 872855 h 1872686"/>
                    <a:gd name="connsiteX9" fmla="*/ 688411 w 1640646"/>
                    <a:gd name="connsiteY9" fmla="*/ 513612 h 1872686"/>
                    <a:gd name="connsiteX10" fmla="*/ 250844 w 1640646"/>
                    <a:gd name="connsiteY10" fmla="*/ 522203 h 1872686"/>
                    <a:gd name="connsiteX0" fmla="*/ 264145 w 1653947"/>
                    <a:gd name="connsiteY0" fmla="*/ 522203 h 1872686"/>
                    <a:gd name="connsiteX1" fmla="*/ 18835 w 1653947"/>
                    <a:gd name="connsiteY1" fmla="*/ 193008 h 1872686"/>
                    <a:gd name="connsiteX2" fmla="*/ 540201 w 1653947"/>
                    <a:gd name="connsiteY2" fmla="*/ 0 h 1872686"/>
                    <a:gd name="connsiteX3" fmla="*/ 1381405 w 1653947"/>
                    <a:gd name="connsiteY3" fmla="*/ 355627 h 1872686"/>
                    <a:gd name="connsiteX4" fmla="*/ 1653948 w 1653947"/>
                    <a:gd name="connsiteY4" fmla="*/ 1746558 h 1872686"/>
                    <a:gd name="connsiteX5" fmla="*/ 1480156 w 1653947"/>
                    <a:gd name="connsiteY5" fmla="*/ 1869044 h 1872686"/>
                    <a:gd name="connsiteX6" fmla="*/ 942788 w 1653947"/>
                    <a:gd name="connsiteY6" fmla="*/ 877779 h 1872686"/>
                    <a:gd name="connsiteX7" fmla="*/ 1172181 w 1653947"/>
                    <a:gd name="connsiteY7" fmla="*/ 875397 h 1872686"/>
                    <a:gd name="connsiteX8" fmla="*/ 1149637 w 1653947"/>
                    <a:gd name="connsiteY8" fmla="*/ 872855 h 1872686"/>
                    <a:gd name="connsiteX9" fmla="*/ 701712 w 1653947"/>
                    <a:gd name="connsiteY9" fmla="*/ 513612 h 1872686"/>
                    <a:gd name="connsiteX10" fmla="*/ 264145 w 1653947"/>
                    <a:gd name="connsiteY10" fmla="*/ 522203 h 1872686"/>
                    <a:gd name="connsiteX0" fmla="*/ 682876 w 1635111"/>
                    <a:gd name="connsiteY0" fmla="*/ 513612 h 1872686"/>
                    <a:gd name="connsiteX1" fmla="*/ -1 w 1635111"/>
                    <a:gd name="connsiteY1" fmla="*/ 193008 h 1872686"/>
                    <a:gd name="connsiteX2" fmla="*/ 521365 w 1635111"/>
                    <a:gd name="connsiteY2" fmla="*/ 0 h 1872686"/>
                    <a:gd name="connsiteX3" fmla="*/ 1362569 w 1635111"/>
                    <a:gd name="connsiteY3" fmla="*/ 355627 h 1872686"/>
                    <a:gd name="connsiteX4" fmla="*/ 1635112 w 1635111"/>
                    <a:gd name="connsiteY4" fmla="*/ 1746558 h 1872686"/>
                    <a:gd name="connsiteX5" fmla="*/ 1461320 w 1635111"/>
                    <a:gd name="connsiteY5" fmla="*/ 1869044 h 1872686"/>
                    <a:gd name="connsiteX6" fmla="*/ 923952 w 1635111"/>
                    <a:gd name="connsiteY6" fmla="*/ 877779 h 1872686"/>
                    <a:gd name="connsiteX7" fmla="*/ 1153345 w 1635111"/>
                    <a:gd name="connsiteY7" fmla="*/ 875397 h 1872686"/>
                    <a:gd name="connsiteX8" fmla="*/ 1130801 w 1635111"/>
                    <a:gd name="connsiteY8" fmla="*/ 872855 h 1872686"/>
                    <a:gd name="connsiteX9" fmla="*/ 682876 w 1635111"/>
                    <a:gd name="connsiteY9" fmla="*/ 513612 h 1872686"/>
                    <a:gd name="connsiteX0" fmla="*/ 682876 w 1635111"/>
                    <a:gd name="connsiteY0" fmla="*/ 513612 h 1872686"/>
                    <a:gd name="connsiteX1" fmla="*/ -1 w 1635111"/>
                    <a:gd name="connsiteY1" fmla="*/ 193008 h 1872686"/>
                    <a:gd name="connsiteX2" fmla="*/ 521365 w 1635111"/>
                    <a:gd name="connsiteY2" fmla="*/ 0 h 1872686"/>
                    <a:gd name="connsiteX3" fmla="*/ 1362569 w 1635111"/>
                    <a:gd name="connsiteY3" fmla="*/ 355627 h 1872686"/>
                    <a:gd name="connsiteX4" fmla="*/ 1635112 w 1635111"/>
                    <a:gd name="connsiteY4" fmla="*/ 1746558 h 1872686"/>
                    <a:gd name="connsiteX5" fmla="*/ 1461320 w 1635111"/>
                    <a:gd name="connsiteY5" fmla="*/ 1869044 h 1872686"/>
                    <a:gd name="connsiteX6" fmla="*/ 923952 w 1635111"/>
                    <a:gd name="connsiteY6" fmla="*/ 877779 h 1872686"/>
                    <a:gd name="connsiteX7" fmla="*/ 1153345 w 1635111"/>
                    <a:gd name="connsiteY7" fmla="*/ 875397 h 1872686"/>
                    <a:gd name="connsiteX8" fmla="*/ 1130801 w 1635111"/>
                    <a:gd name="connsiteY8" fmla="*/ 872855 h 1872686"/>
                    <a:gd name="connsiteX9" fmla="*/ 682876 w 1635111"/>
                    <a:gd name="connsiteY9" fmla="*/ 513612 h 1872686"/>
                    <a:gd name="connsiteX0" fmla="*/ 682876 w 1635111"/>
                    <a:gd name="connsiteY0" fmla="*/ 423441 h 1782515"/>
                    <a:gd name="connsiteX1" fmla="*/ -1 w 1635111"/>
                    <a:gd name="connsiteY1" fmla="*/ 102837 h 1782515"/>
                    <a:gd name="connsiteX2" fmla="*/ 689017 w 1635111"/>
                    <a:gd name="connsiteY2" fmla="*/ 1773 h 1782515"/>
                    <a:gd name="connsiteX3" fmla="*/ 1362569 w 1635111"/>
                    <a:gd name="connsiteY3" fmla="*/ 265456 h 1782515"/>
                    <a:gd name="connsiteX4" fmla="*/ 1635112 w 1635111"/>
                    <a:gd name="connsiteY4" fmla="*/ 1656387 h 1782515"/>
                    <a:gd name="connsiteX5" fmla="*/ 1461320 w 1635111"/>
                    <a:gd name="connsiteY5" fmla="*/ 1778873 h 1782515"/>
                    <a:gd name="connsiteX6" fmla="*/ 923952 w 1635111"/>
                    <a:gd name="connsiteY6" fmla="*/ 787608 h 1782515"/>
                    <a:gd name="connsiteX7" fmla="*/ 1153345 w 1635111"/>
                    <a:gd name="connsiteY7" fmla="*/ 785226 h 1782515"/>
                    <a:gd name="connsiteX8" fmla="*/ 1130801 w 1635111"/>
                    <a:gd name="connsiteY8" fmla="*/ 782684 h 1782515"/>
                    <a:gd name="connsiteX9" fmla="*/ 682876 w 1635111"/>
                    <a:gd name="connsiteY9" fmla="*/ 423441 h 1782515"/>
                    <a:gd name="connsiteX0" fmla="*/ 682876 w 1635111"/>
                    <a:gd name="connsiteY0" fmla="*/ 421667 h 1780741"/>
                    <a:gd name="connsiteX1" fmla="*/ -1 w 1635111"/>
                    <a:gd name="connsiteY1" fmla="*/ 101063 h 1780741"/>
                    <a:gd name="connsiteX2" fmla="*/ 689017 w 1635111"/>
                    <a:gd name="connsiteY2" fmla="*/ -1 h 1780741"/>
                    <a:gd name="connsiteX3" fmla="*/ 1362569 w 1635111"/>
                    <a:gd name="connsiteY3" fmla="*/ 263682 h 1780741"/>
                    <a:gd name="connsiteX4" fmla="*/ 1635112 w 1635111"/>
                    <a:gd name="connsiteY4" fmla="*/ 1654613 h 1780741"/>
                    <a:gd name="connsiteX5" fmla="*/ 1461320 w 1635111"/>
                    <a:gd name="connsiteY5" fmla="*/ 1777099 h 1780741"/>
                    <a:gd name="connsiteX6" fmla="*/ 923952 w 1635111"/>
                    <a:gd name="connsiteY6" fmla="*/ 785834 h 1780741"/>
                    <a:gd name="connsiteX7" fmla="*/ 1153345 w 1635111"/>
                    <a:gd name="connsiteY7" fmla="*/ 783452 h 1780741"/>
                    <a:gd name="connsiteX8" fmla="*/ 1130801 w 1635111"/>
                    <a:gd name="connsiteY8" fmla="*/ 780910 h 1780741"/>
                    <a:gd name="connsiteX9" fmla="*/ 682876 w 1635111"/>
                    <a:gd name="connsiteY9" fmla="*/ 421667 h 1780741"/>
                    <a:gd name="connsiteX0" fmla="*/ 682876 w 1635111"/>
                    <a:gd name="connsiteY0" fmla="*/ 421667 h 1780741"/>
                    <a:gd name="connsiteX1" fmla="*/ -1 w 1635111"/>
                    <a:gd name="connsiteY1" fmla="*/ 101063 h 1780741"/>
                    <a:gd name="connsiteX2" fmla="*/ 689017 w 1635111"/>
                    <a:gd name="connsiteY2" fmla="*/ -1 h 1780741"/>
                    <a:gd name="connsiteX3" fmla="*/ 1362569 w 1635111"/>
                    <a:gd name="connsiteY3" fmla="*/ 263682 h 1780741"/>
                    <a:gd name="connsiteX4" fmla="*/ 1635112 w 1635111"/>
                    <a:gd name="connsiteY4" fmla="*/ 1654613 h 1780741"/>
                    <a:gd name="connsiteX5" fmla="*/ 1461320 w 1635111"/>
                    <a:gd name="connsiteY5" fmla="*/ 1777099 h 1780741"/>
                    <a:gd name="connsiteX6" fmla="*/ 1153345 w 1635111"/>
                    <a:gd name="connsiteY6" fmla="*/ 783452 h 1780741"/>
                    <a:gd name="connsiteX7" fmla="*/ 1130801 w 1635111"/>
                    <a:gd name="connsiteY7" fmla="*/ 780910 h 1780741"/>
                    <a:gd name="connsiteX8" fmla="*/ 682876 w 1635111"/>
                    <a:gd name="connsiteY8" fmla="*/ 421667 h 1780741"/>
                    <a:gd name="connsiteX0" fmla="*/ 682876 w 1635111"/>
                    <a:gd name="connsiteY0" fmla="*/ 421667 h 1780741"/>
                    <a:gd name="connsiteX1" fmla="*/ -1 w 1635111"/>
                    <a:gd name="connsiteY1" fmla="*/ 101063 h 1780741"/>
                    <a:gd name="connsiteX2" fmla="*/ 689017 w 1635111"/>
                    <a:gd name="connsiteY2" fmla="*/ -1 h 1780741"/>
                    <a:gd name="connsiteX3" fmla="*/ 1362569 w 1635111"/>
                    <a:gd name="connsiteY3" fmla="*/ 263682 h 1780741"/>
                    <a:gd name="connsiteX4" fmla="*/ 1635112 w 1635111"/>
                    <a:gd name="connsiteY4" fmla="*/ 1654613 h 1780741"/>
                    <a:gd name="connsiteX5" fmla="*/ 1461320 w 1635111"/>
                    <a:gd name="connsiteY5" fmla="*/ 1777099 h 1780741"/>
                    <a:gd name="connsiteX6" fmla="*/ 1153345 w 1635111"/>
                    <a:gd name="connsiteY6" fmla="*/ 783452 h 1780741"/>
                    <a:gd name="connsiteX7" fmla="*/ 1052660 w 1635111"/>
                    <a:gd name="connsiteY7" fmla="*/ 825803 h 1780741"/>
                    <a:gd name="connsiteX8" fmla="*/ 682876 w 1635111"/>
                    <a:gd name="connsiteY8" fmla="*/ 421667 h 1780741"/>
                    <a:gd name="connsiteX0" fmla="*/ 682876 w 1635111"/>
                    <a:gd name="connsiteY0" fmla="*/ 421667 h 1780741"/>
                    <a:gd name="connsiteX1" fmla="*/ -1 w 1635111"/>
                    <a:gd name="connsiteY1" fmla="*/ 101063 h 1780741"/>
                    <a:gd name="connsiteX2" fmla="*/ 689017 w 1635111"/>
                    <a:gd name="connsiteY2" fmla="*/ -1 h 1780741"/>
                    <a:gd name="connsiteX3" fmla="*/ 1362569 w 1635111"/>
                    <a:gd name="connsiteY3" fmla="*/ 263682 h 1780741"/>
                    <a:gd name="connsiteX4" fmla="*/ 1635112 w 1635111"/>
                    <a:gd name="connsiteY4" fmla="*/ 1654613 h 1780741"/>
                    <a:gd name="connsiteX5" fmla="*/ 1461320 w 1635111"/>
                    <a:gd name="connsiteY5" fmla="*/ 1777099 h 1780741"/>
                    <a:gd name="connsiteX6" fmla="*/ 1047771 w 1635111"/>
                    <a:gd name="connsiteY6" fmla="*/ 905495 h 1780741"/>
                    <a:gd name="connsiteX7" fmla="*/ 1052660 w 1635111"/>
                    <a:gd name="connsiteY7" fmla="*/ 825803 h 1780741"/>
                    <a:gd name="connsiteX8" fmla="*/ 682876 w 1635111"/>
                    <a:gd name="connsiteY8" fmla="*/ 421667 h 1780741"/>
                    <a:gd name="connsiteX0" fmla="*/ 682876 w 1635111"/>
                    <a:gd name="connsiteY0" fmla="*/ 421667 h 1765597"/>
                    <a:gd name="connsiteX1" fmla="*/ -1 w 1635111"/>
                    <a:gd name="connsiteY1" fmla="*/ 101063 h 1765597"/>
                    <a:gd name="connsiteX2" fmla="*/ 689017 w 1635111"/>
                    <a:gd name="connsiteY2" fmla="*/ -1 h 1765597"/>
                    <a:gd name="connsiteX3" fmla="*/ 1362569 w 1635111"/>
                    <a:gd name="connsiteY3" fmla="*/ 263682 h 1765597"/>
                    <a:gd name="connsiteX4" fmla="*/ 1635112 w 1635111"/>
                    <a:gd name="connsiteY4" fmla="*/ 1654613 h 1765597"/>
                    <a:gd name="connsiteX5" fmla="*/ 1415407 w 1635111"/>
                    <a:gd name="connsiteY5" fmla="*/ 1760504 h 1765597"/>
                    <a:gd name="connsiteX6" fmla="*/ 1047771 w 1635111"/>
                    <a:gd name="connsiteY6" fmla="*/ 905495 h 1765597"/>
                    <a:gd name="connsiteX7" fmla="*/ 1052660 w 1635111"/>
                    <a:gd name="connsiteY7" fmla="*/ 825803 h 1765597"/>
                    <a:gd name="connsiteX8" fmla="*/ 682876 w 1635111"/>
                    <a:gd name="connsiteY8" fmla="*/ 421667 h 1765597"/>
                    <a:gd name="connsiteX0" fmla="*/ 682876 w 1635111"/>
                    <a:gd name="connsiteY0" fmla="*/ 421667 h 1763787"/>
                    <a:gd name="connsiteX1" fmla="*/ -1 w 1635111"/>
                    <a:gd name="connsiteY1" fmla="*/ 101063 h 1763787"/>
                    <a:gd name="connsiteX2" fmla="*/ 689017 w 1635111"/>
                    <a:gd name="connsiteY2" fmla="*/ -1 h 1763787"/>
                    <a:gd name="connsiteX3" fmla="*/ 1362569 w 1635111"/>
                    <a:gd name="connsiteY3" fmla="*/ 263682 h 1763787"/>
                    <a:gd name="connsiteX4" fmla="*/ 1635112 w 1635111"/>
                    <a:gd name="connsiteY4" fmla="*/ 1654613 h 1763787"/>
                    <a:gd name="connsiteX5" fmla="*/ 1415407 w 1635111"/>
                    <a:gd name="connsiteY5" fmla="*/ 1760504 h 1763787"/>
                    <a:gd name="connsiteX6" fmla="*/ 1047771 w 1635111"/>
                    <a:gd name="connsiteY6" fmla="*/ 905495 h 1763787"/>
                    <a:gd name="connsiteX7" fmla="*/ 1052660 w 1635111"/>
                    <a:gd name="connsiteY7" fmla="*/ 825803 h 1763787"/>
                    <a:gd name="connsiteX8" fmla="*/ 682876 w 1635111"/>
                    <a:gd name="connsiteY8" fmla="*/ 421667 h 1763787"/>
                    <a:gd name="connsiteX0" fmla="*/ 682876 w 1635111"/>
                    <a:gd name="connsiteY0" fmla="*/ 421667 h 1763787"/>
                    <a:gd name="connsiteX1" fmla="*/ -1 w 1635111"/>
                    <a:gd name="connsiteY1" fmla="*/ 101063 h 1763787"/>
                    <a:gd name="connsiteX2" fmla="*/ 689017 w 1635111"/>
                    <a:gd name="connsiteY2" fmla="*/ -1 h 1763787"/>
                    <a:gd name="connsiteX3" fmla="*/ 1362569 w 1635111"/>
                    <a:gd name="connsiteY3" fmla="*/ 263682 h 1763787"/>
                    <a:gd name="connsiteX4" fmla="*/ 1635112 w 1635111"/>
                    <a:gd name="connsiteY4" fmla="*/ 1654613 h 1763787"/>
                    <a:gd name="connsiteX5" fmla="*/ 1415407 w 1635111"/>
                    <a:gd name="connsiteY5" fmla="*/ 1760504 h 1763787"/>
                    <a:gd name="connsiteX6" fmla="*/ 1047771 w 1635111"/>
                    <a:gd name="connsiteY6" fmla="*/ 905495 h 1763787"/>
                    <a:gd name="connsiteX7" fmla="*/ 1052660 w 1635111"/>
                    <a:gd name="connsiteY7" fmla="*/ 825803 h 1763787"/>
                    <a:gd name="connsiteX8" fmla="*/ 682876 w 1635111"/>
                    <a:gd name="connsiteY8" fmla="*/ 421667 h 1763787"/>
                    <a:gd name="connsiteX0" fmla="*/ 682876 w 1635111"/>
                    <a:gd name="connsiteY0" fmla="*/ 421667 h 1763787"/>
                    <a:gd name="connsiteX1" fmla="*/ -1 w 1635111"/>
                    <a:gd name="connsiteY1" fmla="*/ 101063 h 1763787"/>
                    <a:gd name="connsiteX2" fmla="*/ 689017 w 1635111"/>
                    <a:gd name="connsiteY2" fmla="*/ -1 h 1763787"/>
                    <a:gd name="connsiteX3" fmla="*/ 1362569 w 1635111"/>
                    <a:gd name="connsiteY3" fmla="*/ 263682 h 1763787"/>
                    <a:gd name="connsiteX4" fmla="*/ 1635112 w 1635111"/>
                    <a:gd name="connsiteY4" fmla="*/ 1654613 h 1763787"/>
                    <a:gd name="connsiteX5" fmla="*/ 1415407 w 1635111"/>
                    <a:gd name="connsiteY5" fmla="*/ 1760504 h 1763787"/>
                    <a:gd name="connsiteX6" fmla="*/ 1047771 w 1635111"/>
                    <a:gd name="connsiteY6" fmla="*/ 905495 h 1763787"/>
                    <a:gd name="connsiteX7" fmla="*/ 1052660 w 1635111"/>
                    <a:gd name="connsiteY7" fmla="*/ 825803 h 1763787"/>
                    <a:gd name="connsiteX8" fmla="*/ 682876 w 1635111"/>
                    <a:gd name="connsiteY8" fmla="*/ 421667 h 1763787"/>
                    <a:gd name="connsiteX0" fmla="*/ 682876 w 1635111"/>
                    <a:gd name="connsiteY0" fmla="*/ 421667 h 1763787"/>
                    <a:gd name="connsiteX1" fmla="*/ -1 w 1635111"/>
                    <a:gd name="connsiteY1" fmla="*/ 101063 h 1763787"/>
                    <a:gd name="connsiteX2" fmla="*/ 689017 w 1635111"/>
                    <a:gd name="connsiteY2" fmla="*/ -1 h 1763787"/>
                    <a:gd name="connsiteX3" fmla="*/ 1362569 w 1635111"/>
                    <a:gd name="connsiteY3" fmla="*/ 263682 h 1763787"/>
                    <a:gd name="connsiteX4" fmla="*/ 1635112 w 1635111"/>
                    <a:gd name="connsiteY4" fmla="*/ 1654613 h 1763787"/>
                    <a:gd name="connsiteX5" fmla="*/ 1415407 w 1635111"/>
                    <a:gd name="connsiteY5" fmla="*/ 1760504 h 1763787"/>
                    <a:gd name="connsiteX6" fmla="*/ 1047771 w 1635111"/>
                    <a:gd name="connsiteY6" fmla="*/ 905495 h 1763787"/>
                    <a:gd name="connsiteX7" fmla="*/ 1052660 w 1635111"/>
                    <a:gd name="connsiteY7" fmla="*/ 825803 h 1763787"/>
                    <a:gd name="connsiteX8" fmla="*/ 682876 w 1635111"/>
                    <a:gd name="connsiteY8" fmla="*/ 421667 h 1763787"/>
                    <a:gd name="connsiteX0" fmla="*/ 682876 w 1635111"/>
                    <a:gd name="connsiteY0" fmla="*/ 421667 h 1763787"/>
                    <a:gd name="connsiteX1" fmla="*/ -1 w 1635111"/>
                    <a:gd name="connsiteY1" fmla="*/ 101063 h 1763787"/>
                    <a:gd name="connsiteX2" fmla="*/ 689017 w 1635111"/>
                    <a:gd name="connsiteY2" fmla="*/ -1 h 1763787"/>
                    <a:gd name="connsiteX3" fmla="*/ 1362569 w 1635111"/>
                    <a:gd name="connsiteY3" fmla="*/ 263682 h 1763787"/>
                    <a:gd name="connsiteX4" fmla="*/ 1635112 w 1635111"/>
                    <a:gd name="connsiteY4" fmla="*/ 1654613 h 1763787"/>
                    <a:gd name="connsiteX5" fmla="*/ 1415407 w 1635111"/>
                    <a:gd name="connsiteY5" fmla="*/ 1760504 h 1763787"/>
                    <a:gd name="connsiteX6" fmla="*/ 1047771 w 1635111"/>
                    <a:gd name="connsiteY6" fmla="*/ 905495 h 1763787"/>
                    <a:gd name="connsiteX7" fmla="*/ 1038513 w 1635111"/>
                    <a:gd name="connsiteY7" fmla="*/ 768449 h 1763787"/>
                    <a:gd name="connsiteX8" fmla="*/ 682876 w 1635111"/>
                    <a:gd name="connsiteY8" fmla="*/ 421667 h 1763787"/>
                    <a:gd name="connsiteX0" fmla="*/ 682876 w 1635111"/>
                    <a:gd name="connsiteY0" fmla="*/ 421667 h 1763787"/>
                    <a:gd name="connsiteX1" fmla="*/ -1 w 1635111"/>
                    <a:gd name="connsiteY1" fmla="*/ 101063 h 1763787"/>
                    <a:gd name="connsiteX2" fmla="*/ 689017 w 1635111"/>
                    <a:gd name="connsiteY2" fmla="*/ -1 h 1763787"/>
                    <a:gd name="connsiteX3" fmla="*/ 1362569 w 1635111"/>
                    <a:gd name="connsiteY3" fmla="*/ 263682 h 1763787"/>
                    <a:gd name="connsiteX4" fmla="*/ 1635112 w 1635111"/>
                    <a:gd name="connsiteY4" fmla="*/ 1654613 h 1763787"/>
                    <a:gd name="connsiteX5" fmla="*/ 1415407 w 1635111"/>
                    <a:gd name="connsiteY5" fmla="*/ 1760504 h 1763787"/>
                    <a:gd name="connsiteX6" fmla="*/ 1055107 w 1635111"/>
                    <a:gd name="connsiteY6" fmla="*/ 807149 h 1763787"/>
                    <a:gd name="connsiteX7" fmla="*/ 1038513 w 1635111"/>
                    <a:gd name="connsiteY7" fmla="*/ 768449 h 1763787"/>
                    <a:gd name="connsiteX8" fmla="*/ 682876 w 1635111"/>
                    <a:gd name="connsiteY8" fmla="*/ 421667 h 1763787"/>
                    <a:gd name="connsiteX0" fmla="*/ 682876 w 1635111"/>
                    <a:gd name="connsiteY0" fmla="*/ 421667 h 1763787"/>
                    <a:gd name="connsiteX1" fmla="*/ -1 w 1635111"/>
                    <a:gd name="connsiteY1" fmla="*/ 101063 h 1763787"/>
                    <a:gd name="connsiteX2" fmla="*/ 689017 w 1635111"/>
                    <a:gd name="connsiteY2" fmla="*/ -1 h 1763787"/>
                    <a:gd name="connsiteX3" fmla="*/ 1362569 w 1635111"/>
                    <a:gd name="connsiteY3" fmla="*/ 263682 h 1763787"/>
                    <a:gd name="connsiteX4" fmla="*/ 1635112 w 1635111"/>
                    <a:gd name="connsiteY4" fmla="*/ 1654613 h 1763787"/>
                    <a:gd name="connsiteX5" fmla="*/ 1415407 w 1635111"/>
                    <a:gd name="connsiteY5" fmla="*/ 1760504 h 1763787"/>
                    <a:gd name="connsiteX6" fmla="*/ 1055107 w 1635111"/>
                    <a:gd name="connsiteY6" fmla="*/ 807149 h 1763787"/>
                    <a:gd name="connsiteX7" fmla="*/ 1038513 w 1635111"/>
                    <a:gd name="connsiteY7" fmla="*/ 768449 h 1763787"/>
                    <a:gd name="connsiteX8" fmla="*/ 682876 w 1635111"/>
                    <a:gd name="connsiteY8" fmla="*/ 421667 h 1763787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</a:cxnLst>
                  <a:rect l="l" t="t" r="r" b="b"/>
                  <a:pathLst>
                    <a:path w="1635111" h="1763787">
                      <a:moveTo>
                        <a:pt x="682876" y="421667"/>
                      </a:moveTo>
                      <a:cubicBezTo>
                        <a:pt x="74257" y="469933"/>
                        <a:pt x="26918" y="186665"/>
                        <a:pt x="-1" y="101063"/>
                      </a:cubicBezTo>
                      <a:cubicBezTo>
                        <a:pt x="148110" y="44157"/>
                        <a:pt x="589777" y="37705"/>
                        <a:pt x="689017" y="-1"/>
                      </a:cubicBezTo>
                      <a:cubicBezTo>
                        <a:pt x="806237" y="9920"/>
                        <a:pt x="862860" y="1065"/>
                        <a:pt x="1362569" y="263682"/>
                      </a:cubicBezTo>
                      <a:cubicBezTo>
                        <a:pt x="1489569" y="637062"/>
                        <a:pt x="1547188" y="1286834"/>
                        <a:pt x="1635112" y="1654613"/>
                      </a:cubicBezTo>
                      <a:cubicBezTo>
                        <a:pt x="1448594" y="1737535"/>
                        <a:pt x="1438267" y="1775744"/>
                        <a:pt x="1415407" y="1760504"/>
                      </a:cubicBezTo>
                      <a:cubicBezTo>
                        <a:pt x="1335113" y="1615311"/>
                        <a:pt x="1047127" y="1033969"/>
                        <a:pt x="1055107" y="807149"/>
                      </a:cubicBezTo>
                      <a:cubicBezTo>
                        <a:pt x="1053864" y="799185"/>
                        <a:pt x="1059944" y="780513"/>
                        <a:pt x="1038513" y="768449"/>
                      </a:cubicBezTo>
                      <a:cubicBezTo>
                        <a:pt x="949034" y="653763"/>
                        <a:pt x="838888" y="549548"/>
                        <a:pt x="682876" y="421667"/>
                      </a:cubicBezTo>
                      <a:close/>
                    </a:path>
                  </a:pathLst>
                </a:custGeom>
                <a:solidFill>
                  <a:srgbClr val="F38412">
                    <a:lumMod val="20000"/>
                    <a:lumOff val="80000"/>
                  </a:srgbClr>
                </a:solidFill>
                <a:ln w="15875" cap="flat" cmpd="sng" algn="ctr">
                  <a:solidFill>
                    <a:srgbClr val="000000"/>
                  </a:solidFill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  <p:sp>
              <p:nvSpPr>
                <p:cNvPr id="253" name="Rectangle 9"/>
                <p:cNvSpPr/>
                <p:nvPr/>
              </p:nvSpPr>
              <p:spPr>
                <a:xfrm rot="18977302" flipH="1">
                  <a:off x="458046" y="5486128"/>
                  <a:ext cx="2320820" cy="1467811"/>
                </a:xfrm>
                <a:custGeom>
                  <a:avLst/>
                  <a:gdLst>
                    <a:gd name="connsiteX0" fmla="*/ 0 w 1600200"/>
                    <a:gd name="connsiteY0" fmla="*/ 0 h 2286000"/>
                    <a:gd name="connsiteX1" fmla="*/ 1600200 w 1600200"/>
                    <a:gd name="connsiteY1" fmla="*/ 0 h 2286000"/>
                    <a:gd name="connsiteX2" fmla="*/ 1600200 w 1600200"/>
                    <a:gd name="connsiteY2" fmla="*/ 2286000 h 2286000"/>
                    <a:gd name="connsiteX3" fmla="*/ 0 w 1600200"/>
                    <a:gd name="connsiteY3" fmla="*/ 2286000 h 2286000"/>
                    <a:gd name="connsiteX4" fmla="*/ 0 w 1600200"/>
                    <a:gd name="connsiteY4" fmla="*/ 0 h 2286000"/>
                    <a:gd name="connsiteX0" fmla="*/ 0 w 1600200"/>
                    <a:gd name="connsiteY0" fmla="*/ 0 h 2286000"/>
                    <a:gd name="connsiteX1" fmla="*/ 1295400 w 1600200"/>
                    <a:gd name="connsiteY1" fmla="*/ 22860 h 2286000"/>
                    <a:gd name="connsiteX2" fmla="*/ 1600200 w 1600200"/>
                    <a:gd name="connsiteY2" fmla="*/ 2286000 h 2286000"/>
                    <a:gd name="connsiteX3" fmla="*/ 0 w 1600200"/>
                    <a:gd name="connsiteY3" fmla="*/ 2286000 h 2286000"/>
                    <a:gd name="connsiteX4" fmla="*/ 0 w 1600200"/>
                    <a:gd name="connsiteY4" fmla="*/ 0 h 2286000"/>
                    <a:gd name="connsiteX0" fmla="*/ 0 w 1295400"/>
                    <a:gd name="connsiteY0" fmla="*/ 0 h 2286000"/>
                    <a:gd name="connsiteX1" fmla="*/ 1295400 w 1295400"/>
                    <a:gd name="connsiteY1" fmla="*/ 22860 h 2286000"/>
                    <a:gd name="connsiteX2" fmla="*/ 1249680 w 1295400"/>
                    <a:gd name="connsiteY2" fmla="*/ 1943100 h 2286000"/>
                    <a:gd name="connsiteX3" fmla="*/ 0 w 1295400"/>
                    <a:gd name="connsiteY3" fmla="*/ 2286000 h 2286000"/>
                    <a:gd name="connsiteX4" fmla="*/ 0 w 1295400"/>
                    <a:gd name="connsiteY4" fmla="*/ 0 h 2286000"/>
                    <a:gd name="connsiteX0" fmla="*/ 0 w 1264920"/>
                    <a:gd name="connsiteY0" fmla="*/ 0 h 2286000"/>
                    <a:gd name="connsiteX1" fmla="*/ 1264920 w 1264920"/>
                    <a:gd name="connsiteY1" fmla="*/ 22860 h 2286000"/>
                    <a:gd name="connsiteX2" fmla="*/ 1249680 w 1264920"/>
                    <a:gd name="connsiteY2" fmla="*/ 1943100 h 2286000"/>
                    <a:gd name="connsiteX3" fmla="*/ 0 w 1264920"/>
                    <a:gd name="connsiteY3" fmla="*/ 2286000 h 2286000"/>
                    <a:gd name="connsiteX4" fmla="*/ 0 w 1264920"/>
                    <a:gd name="connsiteY4" fmla="*/ 0 h 2286000"/>
                    <a:gd name="connsiteX0" fmla="*/ 0 w 1325880"/>
                    <a:gd name="connsiteY0" fmla="*/ 708660 h 2263140"/>
                    <a:gd name="connsiteX1" fmla="*/ 1325880 w 1325880"/>
                    <a:gd name="connsiteY1" fmla="*/ 0 h 2263140"/>
                    <a:gd name="connsiteX2" fmla="*/ 1310640 w 1325880"/>
                    <a:gd name="connsiteY2" fmla="*/ 1920240 h 2263140"/>
                    <a:gd name="connsiteX3" fmla="*/ 60960 w 1325880"/>
                    <a:gd name="connsiteY3" fmla="*/ 2263140 h 2263140"/>
                    <a:gd name="connsiteX4" fmla="*/ 0 w 1325880"/>
                    <a:gd name="connsiteY4" fmla="*/ 708660 h 2263140"/>
                    <a:gd name="connsiteX0" fmla="*/ 0 w 1325880"/>
                    <a:gd name="connsiteY0" fmla="*/ 708660 h 2217420"/>
                    <a:gd name="connsiteX1" fmla="*/ 1325880 w 1325880"/>
                    <a:gd name="connsiteY1" fmla="*/ 0 h 2217420"/>
                    <a:gd name="connsiteX2" fmla="*/ 1310640 w 1325880"/>
                    <a:gd name="connsiteY2" fmla="*/ 1920240 h 2217420"/>
                    <a:gd name="connsiteX3" fmla="*/ 762000 w 1325880"/>
                    <a:gd name="connsiteY3" fmla="*/ 2217420 h 2217420"/>
                    <a:gd name="connsiteX4" fmla="*/ 0 w 1325880"/>
                    <a:gd name="connsiteY4" fmla="*/ 708660 h 2217420"/>
                    <a:gd name="connsiteX0" fmla="*/ 0 w 1325880"/>
                    <a:gd name="connsiteY0" fmla="*/ 662940 h 2217420"/>
                    <a:gd name="connsiteX1" fmla="*/ 1325880 w 1325880"/>
                    <a:gd name="connsiteY1" fmla="*/ 0 h 2217420"/>
                    <a:gd name="connsiteX2" fmla="*/ 1310640 w 1325880"/>
                    <a:gd name="connsiteY2" fmla="*/ 1920240 h 2217420"/>
                    <a:gd name="connsiteX3" fmla="*/ 762000 w 1325880"/>
                    <a:gd name="connsiteY3" fmla="*/ 2217420 h 2217420"/>
                    <a:gd name="connsiteX4" fmla="*/ 0 w 1325880"/>
                    <a:gd name="connsiteY4" fmla="*/ 662940 h 2217420"/>
                    <a:gd name="connsiteX0" fmla="*/ 0 w 1325880"/>
                    <a:gd name="connsiteY0" fmla="*/ 662940 h 2217420"/>
                    <a:gd name="connsiteX1" fmla="*/ 1325880 w 1325880"/>
                    <a:gd name="connsiteY1" fmla="*/ 0 h 2217420"/>
                    <a:gd name="connsiteX2" fmla="*/ 1310640 w 1325880"/>
                    <a:gd name="connsiteY2" fmla="*/ 1920240 h 2217420"/>
                    <a:gd name="connsiteX3" fmla="*/ 762000 w 1325880"/>
                    <a:gd name="connsiteY3" fmla="*/ 2217420 h 2217420"/>
                    <a:gd name="connsiteX4" fmla="*/ 0 w 1325880"/>
                    <a:gd name="connsiteY4" fmla="*/ 662940 h 2217420"/>
                    <a:gd name="connsiteX0" fmla="*/ 17099 w 1342979"/>
                    <a:gd name="connsiteY0" fmla="*/ 662940 h 2217420"/>
                    <a:gd name="connsiteX1" fmla="*/ 1342979 w 1342979"/>
                    <a:gd name="connsiteY1" fmla="*/ 0 h 2217420"/>
                    <a:gd name="connsiteX2" fmla="*/ 1327739 w 1342979"/>
                    <a:gd name="connsiteY2" fmla="*/ 1920240 h 2217420"/>
                    <a:gd name="connsiteX3" fmla="*/ 779099 w 1342979"/>
                    <a:gd name="connsiteY3" fmla="*/ 2217420 h 2217420"/>
                    <a:gd name="connsiteX4" fmla="*/ 542879 w 1342979"/>
                    <a:gd name="connsiteY4" fmla="*/ 1943100 h 2217420"/>
                    <a:gd name="connsiteX5" fmla="*/ 17099 w 1342979"/>
                    <a:gd name="connsiteY5" fmla="*/ 662940 h 2217420"/>
                    <a:gd name="connsiteX0" fmla="*/ 17099 w 1342979"/>
                    <a:gd name="connsiteY0" fmla="*/ 662940 h 2217420"/>
                    <a:gd name="connsiteX1" fmla="*/ 1342979 w 1342979"/>
                    <a:gd name="connsiteY1" fmla="*/ 0 h 2217420"/>
                    <a:gd name="connsiteX2" fmla="*/ 1327739 w 1342979"/>
                    <a:gd name="connsiteY2" fmla="*/ 1920240 h 2217420"/>
                    <a:gd name="connsiteX3" fmla="*/ 779099 w 1342979"/>
                    <a:gd name="connsiteY3" fmla="*/ 2217420 h 2217420"/>
                    <a:gd name="connsiteX4" fmla="*/ 542879 w 1342979"/>
                    <a:gd name="connsiteY4" fmla="*/ 1943100 h 2217420"/>
                    <a:gd name="connsiteX5" fmla="*/ 17099 w 1342979"/>
                    <a:gd name="connsiteY5" fmla="*/ 662940 h 2217420"/>
                    <a:gd name="connsiteX0" fmla="*/ 44582 w 1370462"/>
                    <a:gd name="connsiteY0" fmla="*/ 662940 h 2217420"/>
                    <a:gd name="connsiteX1" fmla="*/ 1370462 w 1370462"/>
                    <a:gd name="connsiteY1" fmla="*/ 0 h 2217420"/>
                    <a:gd name="connsiteX2" fmla="*/ 1355222 w 1370462"/>
                    <a:gd name="connsiteY2" fmla="*/ 1920240 h 2217420"/>
                    <a:gd name="connsiteX3" fmla="*/ 806582 w 1370462"/>
                    <a:gd name="connsiteY3" fmla="*/ 2217420 h 2217420"/>
                    <a:gd name="connsiteX4" fmla="*/ 570362 w 1370462"/>
                    <a:gd name="connsiteY4" fmla="*/ 1943100 h 2217420"/>
                    <a:gd name="connsiteX5" fmla="*/ 417963 w 1370462"/>
                    <a:gd name="connsiteY5" fmla="*/ 1272540 h 2217420"/>
                    <a:gd name="connsiteX6" fmla="*/ 44582 w 1370462"/>
                    <a:gd name="connsiteY6" fmla="*/ 662940 h 2217420"/>
                    <a:gd name="connsiteX0" fmla="*/ 0 w 1325880"/>
                    <a:gd name="connsiteY0" fmla="*/ 662940 h 2217420"/>
                    <a:gd name="connsiteX1" fmla="*/ 1325880 w 1325880"/>
                    <a:gd name="connsiteY1" fmla="*/ 0 h 2217420"/>
                    <a:gd name="connsiteX2" fmla="*/ 1310640 w 1325880"/>
                    <a:gd name="connsiteY2" fmla="*/ 1920240 h 2217420"/>
                    <a:gd name="connsiteX3" fmla="*/ 762000 w 1325880"/>
                    <a:gd name="connsiteY3" fmla="*/ 2217420 h 2217420"/>
                    <a:gd name="connsiteX4" fmla="*/ 525780 w 1325880"/>
                    <a:gd name="connsiteY4" fmla="*/ 1943100 h 2217420"/>
                    <a:gd name="connsiteX5" fmla="*/ 373381 w 1325880"/>
                    <a:gd name="connsiteY5" fmla="*/ 1272540 h 2217420"/>
                    <a:gd name="connsiteX6" fmla="*/ 0 w 1325880"/>
                    <a:gd name="connsiteY6" fmla="*/ 662940 h 2217420"/>
                    <a:gd name="connsiteX0" fmla="*/ 0 w 1325880"/>
                    <a:gd name="connsiteY0" fmla="*/ 662940 h 2217420"/>
                    <a:gd name="connsiteX1" fmla="*/ 1325880 w 1325880"/>
                    <a:gd name="connsiteY1" fmla="*/ 0 h 2217420"/>
                    <a:gd name="connsiteX2" fmla="*/ 1310640 w 1325880"/>
                    <a:gd name="connsiteY2" fmla="*/ 1920240 h 2217420"/>
                    <a:gd name="connsiteX3" fmla="*/ 762000 w 1325880"/>
                    <a:gd name="connsiteY3" fmla="*/ 2217420 h 2217420"/>
                    <a:gd name="connsiteX4" fmla="*/ 586740 w 1325880"/>
                    <a:gd name="connsiteY4" fmla="*/ 1813560 h 2217420"/>
                    <a:gd name="connsiteX5" fmla="*/ 373381 w 1325880"/>
                    <a:gd name="connsiteY5" fmla="*/ 1272540 h 2217420"/>
                    <a:gd name="connsiteX6" fmla="*/ 0 w 1325880"/>
                    <a:gd name="connsiteY6" fmla="*/ 662940 h 2217420"/>
                    <a:gd name="connsiteX0" fmla="*/ 0 w 1325880"/>
                    <a:gd name="connsiteY0" fmla="*/ 662940 h 2217420"/>
                    <a:gd name="connsiteX1" fmla="*/ 1325880 w 1325880"/>
                    <a:gd name="connsiteY1" fmla="*/ 0 h 2217420"/>
                    <a:gd name="connsiteX2" fmla="*/ 1310640 w 1325880"/>
                    <a:gd name="connsiteY2" fmla="*/ 1920240 h 2217420"/>
                    <a:gd name="connsiteX3" fmla="*/ 762000 w 1325880"/>
                    <a:gd name="connsiteY3" fmla="*/ 2217420 h 2217420"/>
                    <a:gd name="connsiteX4" fmla="*/ 586740 w 1325880"/>
                    <a:gd name="connsiteY4" fmla="*/ 1813560 h 2217420"/>
                    <a:gd name="connsiteX5" fmla="*/ 373381 w 1325880"/>
                    <a:gd name="connsiteY5" fmla="*/ 1272540 h 2217420"/>
                    <a:gd name="connsiteX6" fmla="*/ 0 w 1325880"/>
                    <a:gd name="connsiteY6" fmla="*/ 662940 h 2217420"/>
                    <a:gd name="connsiteX0" fmla="*/ 0 w 1325880"/>
                    <a:gd name="connsiteY0" fmla="*/ 662940 h 2217420"/>
                    <a:gd name="connsiteX1" fmla="*/ 1325880 w 1325880"/>
                    <a:gd name="connsiteY1" fmla="*/ 0 h 2217420"/>
                    <a:gd name="connsiteX2" fmla="*/ 1310640 w 1325880"/>
                    <a:gd name="connsiteY2" fmla="*/ 1920240 h 2217420"/>
                    <a:gd name="connsiteX3" fmla="*/ 762000 w 1325880"/>
                    <a:gd name="connsiteY3" fmla="*/ 2217420 h 2217420"/>
                    <a:gd name="connsiteX4" fmla="*/ 586740 w 1325880"/>
                    <a:gd name="connsiteY4" fmla="*/ 1813560 h 2217420"/>
                    <a:gd name="connsiteX5" fmla="*/ 373381 w 1325880"/>
                    <a:gd name="connsiteY5" fmla="*/ 1272540 h 2217420"/>
                    <a:gd name="connsiteX6" fmla="*/ 0 w 1325880"/>
                    <a:gd name="connsiteY6" fmla="*/ 662940 h 2217420"/>
                    <a:gd name="connsiteX0" fmla="*/ 0 w 1325880"/>
                    <a:gd name="connsiteY0" fmla="*/ 662940 h 2217420"/>
                    <a:gd name="connsiteX1" fmla="*/ 1325880 w 1325880"/>
                    <a:gd name="connsiteY1" fmla="*/ 0 h 2217420"/>
                    <a:gd name="connsiteX2" fmla="*/ 1310640 w 1325880"/>
                    <a:gd name="connsiteY2" fmla="*/ 1920240 h 2217420"/>
                    <a:gd name="connsiteX3" fmla="*/ 762000 w 1325880"/>
                    <a:gd name="connsiteY3" fmla="*/ 2217420 h 2217420"/>
                    <a:gd name="connsiteX4" fmla="*/ 586740 w 1325880"/>
                    <a:gd name="connsiteY4" fmla="*/ 1813560 h 2217420"/>
                    <a:gd name="connsiteX5" fmla="*/ 373381 w 1325880"/>
                    <a:gd name="connsiteY5" fmla="*/ 1272540 h 2217420"/>
                    <a:gd name="connsiteX6" fmla="*/ 0 w 1325880"/>
                    <a:gd name="connsiteY6" fmla="*/ 662940 h 2217420"/>
                    <a:gd name="connsiteX0" fmla="*/ 0 w 1325880"/>
                    <a:gd name="connsiteY0" fmla="*/ 662940 h 2217420"/>
                    <a:gd name="connsiteX1" fmla="*/ 1325880 w 1325880"/>
                    <a:gd name="connsiteY1" fmla="*/ 0 h 2217420"/>
                    <a:gd name="connsiteX2" fmla="*/ 1310640 w 1325880"/>
                    <a:gd name="connsiteY2" fmla="*/ 1920240 h 2217420"/>
                    <a:gd name="connsiteX3" fmla="*/ 762000 w 1325880"/>
                    <a:gd name="connsiteY3" fmla="*/ 2217420 h 2217420"/>
                    <a:gd name="connsiteX4" fmla="*/ 586740 w 1325880"/>
                    <a:gd name="connsiteY4" fmla="*/ 1813560 h 2217420"/>
                    <a:gd name="connsiteX5" fmla="*/ 373381 w 1325880"/>
                    <a:gd name="connsiteY5" fmla="*/ 1272540 h 2217420"/>
                    <a:gd name="connsiteX6" fmla="*/ 0 w 1325880"/>
                    <a:gd name="connsiteY6" fmla="*/ 662940 h 2217420"/>
                    <a:gd name="connsiteX0" fmla="*/ 0 w 1348740"/>
                    <a:gd name="connsiteY0" fmla="*/ 685800 h 2217420"/>
                    <a:gd name="connsiteX1" fmla="*/ 1348740 w 1348740"/>
                    <a:gd name="connsiteY1" fmla="*/ 0 h 2217420"/>
                    <a:gd name="connsiteX2" fmla="*/ 1333500 w 1348740"/>
                    <a:gd name="connsiteY2" fmla="*/ 1920240 h 2217420"/>
                    <a:gd name="connsiteX3" fmla="*/ 784860 w 1348740"/>
                    <a:gd name="connsiteY3" fmla="*/ 2217420 h 2217420"/>
                    <a:gd name="connsiteX4" fmla="*/ 609600 w 1348740"/>
                    <a:gd name="connsiteY4" fmla="*/ 1813560 h 2217420"/>
                    <a:gd name="connsiteX5" fmla="*/ 396241 w 1348740"/>
                    <a:gd name="connsiteY5" fmla="*/ 1272540 h 2217420"/>
                    <a:gd name="connsiteX6" fmla="*/ 0 w 1348740"/>
                    <a:gd name="connsiteY6" fmla="*/ 685800 h 2217420"/>
                    <a:gd name="connsiteX0" fmla="*/ 0 w 1348740"/>
                    <a:gd name="connsiteY0" fmla="*/ 685800 h 2217420"/>
                    <a:gd name="connsiteX1" fmla="*/ 1348740 w 1348740"/>
                    <a:gd name="connsiteY1" fmla="*/ 0 h 2217420"/>
                    <a:gd name="connsiteX2" fmla="*/ 1333500 w 1348740"/>
                    <a:gd name="connsiteY2" fmla="*/ 1920240 h 2217420"/>
                    <a:gd name="connsiteX3" fmla="*/ 784860 w 1348740"/>
                    <a:gd name="connsiteY3" fmla="*/ 2217420 h 2217420"/>
                    <a:gd name="connsiteX4" fmla="*/ 609600 w 1348740"/>
                    <a:gd name="connsiteY4" fmla="*/ 1813560 h 2217420"/>
                    <a:gd name="connsiteX5" fmla="*/ 396241 w 1348740"/>
                    <a:gd name="connsiteY5" fmla="*/ 1272540 h 2217420"/>
                    <a:gd name="connsiteX6" fmla="*/ 0 w 1348740"/>
                    <a:gd name="connsiteY6" fmla="*/ 685800 h 2217420"/>
                    <a:gd name="connsiteX0" fmla="*/ 0 w 1348740"/>
                    <a:gd name="connsiteY0" fmla="*/ 685800 h 2217420"/>
                    <a:gd name="connsiteX1" fmla="*/ 1348740 w 1348740"/>
                    <a:gd name="connsiteY1" fmla="*/ 0 h 2217420"/>
                    <a:gd name="connsiteX2" fmla="*/ 1333500 w 1348740"/>
                    <a:gd name="connsiteY2" fmla="*/ 1920240 h 2217420"/>
                    <a:gd name="connsiteX3" fmla="*/ 784860 w 1348740"/>
                    <a:gd name="connsiteY3" fmla="*/ 2217420 h 2217420"/>
                    <a:gd name="connsiteX4" fmla="*/ 632460 w 1348740"/>
                    <a:gd name="connsiteY4" fmla="*/ 1813560 h 2217420"/>
                    <a:gd name="connsiteX5" fmla="*/ 396241 w 1348740"/>
                    <a:gd name="connsiteY5" fmla="*/ 1272540 h 2217420"/>
                    <a:gd name="connsiteX6" fmla="*/ 0 w 1348740"/>
                    <a:gd name="connsiteY6" fmla="*/ 685800 h 2217420"/>
                    <a:gd name="connsiteX0" fmla="*/ 0 w 1348740"/>
                    <a:gd name="connsiteY0" fmla="*/ 685800 h 2217420"/>
                    <a:gd name="connsiteX1" fmla="*/ 1348740 w 1348740"/>
                    <a:gd name="connsiteY1" fmla="*/ 0 h 2217420"/>
                    <a:gd name="connsiteX2" fmla="*/ 1333500 w 1348740"/>
                    <a:gd name="connsiteY2" fmla="*/ 1920240 h 2217420"/>
                    <a:gd name="connsiteX3" fmla="*/ 784860 w 1348740"/>
                    <a:gd name="connsiteY3" fmla="*/ 2217420 h 2217420"/>
                    <a:gd name="connsiteX4" fmla="*/ 626073 w 1348740"/>
                    <a:gd name="connsiteY4" fmla="*/ 1794242 h 2217420"/>
                    <a:gd name="connsiteX5" fmla="*/ 396241 w 1348740"/>
                    <a:gd name="connsiteY5" fmla="*/ 1272540 h 2217420"/>
                    <a:gd name="connsiteX6" fmla="*/ 0 w 1348740"/>
                    <a:gd name="connsiteY6" fmla="*/ 685800 h 2217420"/>
                    <a:gd name="connsiteX0" fmla="*/ 0 w 1348740"/>
                    <a:gd name="connsiteY0" fmla="*/ 685800 h 2217420"/>
                    <a:gd name="connsiteX1" fmla="*/ 1348740 w 1348740"/>
                    <a:gd name="connsiteY1" fmla="*/ 0 h 2217420"/>
                    <a:gd name="connsiteX2" fmla="*/ 1333500 w 1348740"/>
                    <a:gd name="connsiteY2" fmla="*/ 1920240 h 2217420"/>
                    <a:gd name="connsiteX3" fmla="*/ 784860 w 1348740"/>
                    <a:gd name="connsiteY3" fmla="*/ 2217420 h 2217420"/>
                    <a:gd name="connsiteX4" fmla="*/ 626073 w 1348740"/>
                    <a:gd name="connsiteY4" fmla="*/ 1794242 h 2217420"/>
                    <a:gd name="connsiteX5" fmla="*/ 396241 w 1348740"/>
                    <a:gd name="connsiteY5" fmla="*/ 1272540 h 2217420"/>
                    <a:gd name="connsiteX6" fmla="*/ 0 w 1348740"/>
                    <a:gd name="connsiteY6" fmla="*/ 685800 h 2217420"/>
                    <a:gd name="connsiteX0" fmla="*/ 15527 w 1364267"/>
                    <a:gd name="connsiteY0" fmla="*/ 685800 h 2217420"/>
                    <a:gd name="connsiteX1" fmla="*/ 1364267 w 1364267"/>
                    <a:gd name="connsiteY1" fmla="*/ 0 h 2217420"/>
                    <a:gd name="connsiteX2" fmla="*/ 1349027 w 1364267"/>
                    <a:gd name="connsiteY2" fmla="*/ 1920240 h 2217420"/>
                    <a:gd name="connsiteX3" fmla="*/ 800387 w 1364267"/>
                    <a:gd name="connsiteY3" fmla="*/ 2217420 h 2217420"/>
                    <a:gd name="connsiteX4" fmla="*/ 641600 w 1364267"/>
                    <a:gd name="connsiteY4" fmla="*/ 1794242 h 2217420"/>
                    <a:gd name="connsiteX5" fmla="*/ 15527 w 1364267"/>
                    <a:gd name="connsiteY5" fmla="*/ 685800 h 2217420"/>
                    <a:gd name="connsiteX0" fmla="*/ 0 w 1348740"/>
                    <a:gd name="connsiteY0" fmla="*/ 685800 h 2217420"/>
                    <a:gd name="connsiteX1" fmla="*/ 1348740 w 1348740"/>
                    <a:gd name="connsiteY1" fmla="*/ 0 h 2217420"/>
                    <a:gd name="connsiteX2" fmla="*/ 1333500 w 1348740"/>
                    <a:gd name="connsiteY2" fmla="*/ 1920240 h 2217420"/>
                    <a:gd name="connsiteX3" fmla="*/ 784860 w 1348740"/>
                    <a:gd name="connsiteY3" fmla="*/ 2217420 h 2217420"/>
                    <a:gd name="connsiteX4" fmla="*/ 626073 w 1348740"/>
                    <a:gd name="connsiteY4" fmla="*/ 1794242 h 2217420"/>
                    <a:gd name="connsiteX5" fmla="*/ 0 w 1348740"/>
                    <a:gd name="connsiteY5" fmla="*/ 685800 h 2217420"/>
                    <a:gd name="connsiteX0" fmla="*/ 0 w 1348740"/>
                    <a:gd name="connsiteY0" fmla="*/ 685800 h 2217420"/>
                    <a:gd name="connsiteX1" fmla="*/ 1348740 w 1348740"/>
                    <a:gd name="connsiteY1" fmla="*/ 0 h 2217420"/>
                    <a:gd name="connsiteX2" fmla="*/ 1333500 w 1348740"/>
                    <a:gd name="connsiteY2" fmla="*/ 1920240 h 2217420"/>
                    <a:gd name="connsiteX3" fmla="*/ 784860 w 1348740"/>
                    <a:gd name="connsiteY3" fmla="*/ 2217420 h 2217420"/>
                    <a:gd name="connsiteX4" fmla="*/ 626073 w 1348740"/>
                    <a:gd name="connsiteY4" fmla="*/ 1794242 h 2217420"/>
                    <a:gd name="connsiteX5" fmla="*/ 0 w 1348740"/>
                    <a:gd name="connsiteY5" fmla="*/ 685800 h 2217420"/>
                    <a:gd name="connsiteX0" fmla="*/ 0 w 1348740"/>
                    <a:gd name="connsiteY0" fmla="*/ 685800 h 2217420"/>
                    <a:gd name="connsiteX1" fmla="*/ 1348740 w 1348740"/>
                    <a:gd name="connsiteY1" fmla="*/ 0 h 2217420"/>
                    <a:gd name="connsiteX2" fmla="*/ 1333500 w 1348740"/>
                    <a:gd name="connsiteY2" fmla="*/ 1920240 h 2217420"/>
                    <a:gd name="connsiteX3" fmla="*/ 784860 w 1348740"/>
                    <a:gd name="connsiteY3" fmla="*/ 2217420 h 2217420"/>
                    <a:gd name="connsiteX4" fmla="*/ 626073 w 1348740"/>
                    <a:gd name="connsiteY4" fmla="*/ 1794242 h 2217420"/>
                    <a:gd name="connsiteX5" fmla="*/ 0 w 1348740"/>
                    <a:gd name="connsiteY5" fmla="*/ 685800 h 2217420"/>
                    <a:gd name="connsiteX0" fmla="*/ 0 w 1348740"/>
                    <a:gd name="connsiteY0" fmla="*/ 685800 h 2217420"/>
                    <a:gd name="connsiteX1" fmla="*/ 1348740 w 1348740"/>
                    <a:gd name="connsiteY1" fmla="*/ 0 h 2217420"/>
                    <a:gd name="connsiteX2" fmla="*/ 1333500 w 1348740"/>
                    <a:gd name="connsiteY2" fmla="*/ 1920240 h 2217420"/>
                    <a:gd name="connsiteX3" fmla="*/ 784860 w 1348740"/>
                    <a:gd name="connsiteY3" fmla="*/ 2217420 h 2217420"/>
                    <a:gd name="connsiteX4" fmla="*/ 626073 w 1348740"/>
                    <a:gd name="connsiteY4" fmla="*/ 1794242 h 2217420"/>
                    <a:gd name="connsiteX5" fmla="*/ 0 w 1348740"/>
                    <a:gd name="connsiteY5" fmla="*/ 685800 h 2217420"/>
                    <a:gd name="connsiteX0" fmla="*/ 0 w 1348740"/>
                    <a:gd name="connsiteY0" fmla="*/ 685800 h 2217420"/>
                    <a:gd name="connsiteX1" fmla="*/ 1348740 w 1348740"/>
                    <a:gd name="connsiteY1" fmla="*/ 0 h 2217420"/>
                    <a:gd name="connsiteX2" fmla="*/ 1333500 w 1348740"/>
                    <a:gd name="connsiteY2" fmla="*/ 1920240 h 2217420"/>
                    <a:gd name="connsiteX3" fmla="*/ 784860 w 1348740"/>
                    <a:gd name="connsiteY3" fmla="*/ 2217420 h 2217420"/>
                    <a:gd name="connsiteX4" fmla="*/ 626073 w 1348740"/>
                    <a:gd name="connsiteY4" fmla="*/ 1794242 h 2217420"/>
                    <a:gd name="connsiteX5" fmla="*/ 0 w 1348740"/>
                    <a:gd name="connsiteY5" fmla="*/ 685800 h 2217420"/>
                    <a:gd name="connsiteX0" fmla="*/ 0 w 4271761"/>
                    <a:gd name="connsiteY0" fmla="*/ 685800 h 2217420"/>
                    <a:gd name="connsiteX1" fmla="*/ 1348740 w 4271761"/>
                    <a:gd name="connsiteY1" fmla="*/ 0 h 2217420"/>
                    <a:gd name="connsiteX2" fmla="*/ 4271762 w 4271761"/>
                    <a:gd name="connsiteY2" fmla="*/ 533359 h 2217420"/>
                    <a:gd name="connsiteX3" fmla="*/ 784860 w 4271761"/>
                    <a:gd name="connsiteY3" fmla="*/ 2217420 h 2217420"/>
                    <a:gd name="connsiteX4" fmla="*/ 626073 w 4271761"/>
                    <a:gd name="connsiteY4" fmla="*/ 1794242 h 2217420"/>
                    <a:gd name="connsiteX5" fmla="*/ 0 w 4271761"/>
                    <a:gd name="connsiteY5" fmla="*/ 685800 h 2217420"/>
                    <a:gd name="connsiteX0" fmla="*/ 0 w 4271761"/>
                    <a:gd name="connsiteY0" fmla="*/ 1776826 h 3308446"/>
                    <a:gd name="connsiteX1" fmla="*/ 3980058 w 4271761"/>
                    <a:gd name="connsiteY1" fmla="*/ -1 h 3308446"/>
                    <a:gd name="connsiteX2" fmla="*/ 4271762 w 4271761"/>
                    <a:gd name="connsiteY2" fmla="*/ 1624385 h 3308446"/>
                    <a:gd name="connsiteX3" fmla="*/ 784860 w 4271761"/>
                    <a:gd name="connsiteY3" fmla="*/ 3308446 h 3308446"/>
                    <a:gd name="connsiteX4" fmla="*/ 626073 w 4271761"/>
                    <a:gd name="connsiteY4" fmla="*/ 2885268 h 3308446"/>
                    <a:gd name="connsiteX5" fmla="*/ 0 w 4271761"/>
                    <a:gd name="connsiteY5" fmla="*/ 1776826 h 3308446"/>
                    <a:gd name="connsiteX0" fmla="*/ 0 w 4271761"/>
                    <a:gd name="connsiteY0" fmla="*/ 1776826 h 3308446"/>
                    <a:gd name="connsiteX1" fmla="*/ 3980058 w 4271761"/>
                    <a:gd name="connsiteY1" fmla="*/ -1 h 3308446"/>
                    <a:gd name="connsiteX2" fmla="*/ 4271762 w 4271761"/>
                    <a:gd name="connsiteY2" fmla="*/ 1624385 h 3308446"/>
                    <a:gd name="connsiteX3" fmla="*/ 784860 w 4271761"/>
                    <a:gd name="connsiteY3" fmla="*/ 3308446 h 3308446"/>
                    <a:gd name="connsiteX4" fmla="*/ 626073 w 4271761"/>
                    <a:gd name="connsiteY4" fmla="*/ 2885268 h 3308446"/>
                    <a:gd name="connsiteX5" fmla="*/ 0 w 4271761"/>
                    <a:gd name="connsiteY5" fmla="*/ 1776826 h 3308446"/>
                    <a:gd name="connsiteX0" fmla="*/ 0 w 4271761"/>
                    <a:gd name="connsiteY0" fmla="*/ 1776826 h 3271309"/>
                    <a:gd name="connsiteX1" fmla="*/ 3980058 w 4271761"/>
                    <a:gd name="connsiteY1" fmla="*/ -1 h 3271309"/>
                    <a:gd name="connsiteX2" fmla="*/ 4271762 w 4271761"/>
                    <a:gd name="connsiteY2" fmla="*/ 1624385 h 3271309"/>
                    <a:gd name="connsiteX3" fmla="*/ 749646 w 4271761"/>
                    <a:gd name="connsiteY3" fmla="*/ 3271310 h 3271309"/>
                    <a:gd name="connsiteX4" fmla="*/ 626073 w 4271761"/>
                    <a:gd name="connsiteY4" fmla="*/ 2885268 h 3271309"/>
                    <a:gd name="connsiteX5" fmla="*/ 0 w 4271761"/>
                    <a:gd name="connsiteY5" fmla="*/ 1776826 h 3271309"/>
                    <a:gd name="connsiteX0" fmla="*/ 0 w 5119295"/>
                    <a:gd name="connsiteY0" fmla="*/ 1776826 h 3271309"/>
                    <a:gd name="connsiteX1" fmla="*/ 3980058 w 5119295"/>
                    <a:gd name="connsiteY1" fmla="*/ -1 h 3271309"/>
                    <a:gd name="connsiteX2" fmla="*/ 5119295 w 5119295"/>
                    <a:gd name="connsiteY2" fmla="*/ 1238212 h 3271309"/>
                    <a:gd name="connsiteX3" fmla="*/ 749646 w 5119295"/>
                    <a:gd name="connsiteY3" fmla="*/ 3271310 h 3271309"/>
                    <a:gd name="connsiteX4" fmla="*/ 626073 w 5119295"/>
                    <a:gd name="connsiteY4" fmla="*/ 2885268 h 3271309"/>
                    <a:gd name="connsiteX5" fmla="*/ 0 w 5119295"/>
                    <a:gd name="connsiteY5" fmla="*/ 1776826 h 3271309"/>
                    <a:gd name="connsiteX0" fmla="*/ 0 w 5119295"/>
                    <a:gd name="connsiteY0" fmla="*/ 1776826 h 3271309"/>
                    <a:gd name="connsiteX1" fmla="*/ 3980058 w 5119295"/>
                    <a:gd name="connsiteY1" fmla="*/ -1 h 3271309"/>
                    <a:gd name="connsiteX2" fmla="*/ 5119295 w 5119295"/>
                    <a:gd name="connsiteY2" fmla="*/ 1238212 h 3271309"/>
                    <a:gd name="connsiteX3" fmla="*/ 749646 w 5119295"/>
                    <a:gd name="connsiteY3" fmla="*/ 3271310 h 3271309"/>
                    <a:gd name="connsiteX4" fmla="*/ 626073 w 5119295"/>
                    <a:gd name="connsiteY4" fmla="*/ 2885268 h 3271309"/>
                    <a:gd name="connsiteX5" fmla="*/ 0 w 5119295"/>
                    <a:gd name="connsiteY5" fmla="*/ 1776826 h 3271309"/>
                    <a:gd name="connsiteX0" fmla="*/ 0 w 5119295"/>
                    <a:gd name="connsiteY0" fmla="*/ 1776826 h 3271309"/>
                    <a:gd name="connsiteX1" fmla="*/ 3980058 w 5119295"/>
                    <a:gd name="connsiteY1" fmla="*/ -1 h 3271309"/>
                    <a:gd name="connsiteX2" fmla="*/ 5119295 w 5119295"/>
                    <a:gd name="connsiteY2" fmla="*/ 1238212 h 3271309"/>
                    <a:gd name="connsiteX3" fmla="*/ 749646 w 5119295"/>
                    <a:gd name="connsiteY3" fmla="*/ 3271310 h 3271309"/>
                    <a:gd name="connsiteX4" fmla="*/ 626073 w 5119295"/>
                    <a:gd name="connsiteY4" fmla="*/ 2885268 h 3271309"/>
                    <a:gd name="connsiteX5" fmla="*/ 0 w 5119295"/>
                    <a:gd name="connsiteY5" fmla="*/ 1776826 h 3271309"/>
                    <a:gd name="connsiteX0" fmla="*/ 0 w 5119295"/>
                    <a:gd name="connsiteY0" fmla="*/ 1776826 h 3271309"/>
                    <a:gd name="connsiteX1" fmla="*/ 3980058 w 5119295"/>
                    <a:gd name="connsiteY1" fmla="*/ -1 h 3271309"/>
                    <a:gd name="connsiteX2" fmla="*/ 5119295 w 5119295"/>
                    <a:gd name="connsiteY2" fmla="*/ 1238212 h 3271309"/>
                    <a:gd name="connsiteX3" fmla="*/ 749646 w 5119295"/>
                    <a:gd name="connsiteY3" fmla="*/ 3271310 h 3271309"/>
                    <a:gd name="connsiteX4" fmla="*/ 626073 w 5119295"/>
                    <a:gd name="connsiteY4" fmla="*/ 2885268 h 3271309"/>
                    <a:gd name="connsiteX5" fmla="*/ 0 w 5119295"/>
                    <a:gd name="connsiteY5" fmla="*/ 1776826 h 3271309"/>
                    <a:gd name="connsiteX0" fmla="*/ 0 w 5119295"/>
                    <a:gd name="connsiteY0" fmla="*/ 1776826 h 3271309"/>
                    <a:gd name="connsiteX1" fmla="*/ 3980058 w 5119295"/>
                    <a:gd name="connsiteY1" fmla="*/ -1 h 3271309"/>
                    <a:gd name="connsiteX2" fmla="*/ 5119295 w 5119295"/>
                    <a:gd name="connsiteY2" fmla="*/ 1238212 h 3271309"/>
                    <a:gd name="connsiteX3" fmla="*/ 749646 w 5119295"/>
                    <a:gd name="connsiteY3" fmla="*/ 3271310 h 3271309"/>
                    <a:gd name="connsiteX4" fmla="*/ 626073 w 5119295"/>
                    <a:gd name="connsiteY4" fmla="*/ 2885268 h 3271309"/>
                    <a:gd name="connsiteX5" fmla="*/ 0 w 5119295"/>
                    <a:gd name="connsiteY5" fmla="*/ 1776826 h 3271309"/>
                    <a:gd name="connsiteX0" fmla="*/ 0 w 5130211"/>
                    <a:gd name="connsiteY0" fmla="*/ 1776826 h 3271309"/>
                    <a:gd name="connsiteX1" fmla="*/ 3980058 w 5130211"/>
                    <a:gd name="connsiteY1" fmla="*/ -1 h 3271309"/>
                    <a:gd name="connsiteX2" fmla="*/ 5130211 w 5130211"/>
                    <a:gd name="connsiteY2" fmla="*/ 1227693 h 3271309"/>
                    <a:gd name="connsiteX3" fmla="*/ 749646 w 5130211"/>
                    <a:gd name="connsiteY3" fmla="*/ 3271310 h 3271309"/>
                    <a:gd name="connsiteX4" fmla="*/ 626073 w 5130211"/>
                    <a:gd name="connsiteY4" fmla="*/ 2885268 h 3271309"/>
                    <a:gd name="connsiteX5" fmla="*/ 0 w 5130211"/>
                    <a:gd name="connsiteY5" fmla="*/ 1776826 h 3271309"/>
                    <a:gd name="connsiteX0" fmla="*/ 0 w 5130211"/>
                    <a:gd name="connsiteY0" fmla="*/ 1776826 h 3271309"/>
                    <a:gd name="connsiteX1" fmla="*/ 3980058 w 5130211"/>
                    <a:gd name="connsiteY1" fmla="*/ -1 h 3271309"/>
                    <a:gd name="connsiteX2" fmla="*/ 5130211 w 5130211"/>
                    <a:gd name="connsiteY2" fmla="*/ 1227693 h 3271309"/>
                    <a:gd name="connsiteX3" fmla="*/ 749646 w 5130211"/>
                    <a:gd name="connsiteY3" fmla="*/ 3271310 h 3271309"/>
                    <a:gd name="connsiteX4" fmla="*/ 626073 w 5130211"/>
                    <a:gd name="connsiteY4" fmla="*/ 2885268 h 3271309"/>
                    <a:gd name="connsiteX5" fmla="*/ 0 w 5130211"/>
                    <a:gd name="connsiteY5" fmla="*/ 1776826 h 3271309"/>
                    <a:gd name="connsiteX0" fmla="*/ 0 w 5130211"/>
                    <a:gd name="connsiteY0" fmla="*/ 1776826 h 3271309"/>
                    <a:gd name="connsiteX1" fmla="*/ 3980058 w 5130211"/>
                    <a:gd name="connsiteY1" fmla="*/ -1 h 3271309"/>
                    <a:gd name="connsiteX2" fmla="*/ 5130211 w 5130211"/>
                    <a:gd name="connsiteY2" fmla="*/ 1227693 h 3271309"/>
                    <a:gd name="connsiteX3" fmla="*/ 749646 w 5130211"/>
                    <a:gd name="connsiteY3" fmla="*/ 3271310 h 3271309"/>
                    <a:gd name="connsiteX4" fmla="*/ 626073 w 5130211"/>
                    <a:gd name="connsiteY4" fmla="*/ 2885268 h 3271309"/>
                    <a:gd name="connsiteX5" fmla="*/ 0 w 5130211"/>
                    <a:gd name="connsiteY5" fmla="*/ 1776826 h 3271309"/>
                    <a:gd name="connsiteX0" fmla="*/ 0 w 5130211"/>
                    <a:gd name="connsiteY0" fmla="*/ 1776826 h 3271309"/>
                    <a:gd name="connsiteX1" fmla="*/ 3980058 w 5130211"/>
                    <a:gd name="connsiteY1" fmla="*/ -1 h 3271309"/>
                    <a:gd name="connsiteX2" fmla="*/ 5130211 w 5130211"/>
                    <a:gd name="connsiteY2" fmla="*/ 1227693 h 3271309"/>
                    <a:gd name="connsiteX3" fmla="*/ 749646 w 5130211"/>
                    <a:gd name="connsiteY3" fmla="*/ 3271310 h 3271309"/>
                    <a:gd name="connsiteX4" fmla="*/ 626073 w 5130211"/>
                    <a:gd name="connsiteY4" fmla="*/ 2885268 h 3271309"/>
                    <a:gd name="connsiteX5" fmla="*/ 0 w 5130211"/>
                    <a:gd name="connsiteY5" fmla="*/ 1776826 h 3271309"/>
                    <a:gd name="connsiteX0" fmla="*/ 0 w 5130211"/>
                    <a:gd name="connsiteY0" fmla="*/ 1776826 h 3271309"/>
                    <a:gd name="connsiteX1" fmla="*/ 3980058 w 5130211"/>
                    <a:gd name="connsiteY1" fmla="*/ -1 h 3271309"/>
                    <a:gd name="connsiteX2" fmla="*/ 5130211 w 5130211"/>
                    <a:gd name="connsiteY2" fmla="*/ 1227693 h 3271309"/>
                    <a:gd name="connsiteX3" fmla="*/ 749646 w 5130211"/>
                    <a:gd name="connsiteY3" fmla="*/ 3271310 h 3271309"/>
                    <a:gd name="connsiteX4" fmla="*/ 626073 w 5130211"/>
                    <a:gd name="connsiteY4" fmla="*/ 2885268 h 3271309"/>
                    <a:gd name="connsiteX5" fmla="*/ 0 w 5130211"/>
                    <a:gd name="connsiteY5" fmla="*/ 1776826 h 3271309"/>
                    <a:gd name="connsiteX0" fmla="*/ 0 w 5130211"/>
                    <a:gd name="connsiteY0" fmla="*/ 1776826 h 3271309"/>
                    <a:gd name="connsiteX1" fmla="*/ 3980058 w 5130211"/>
                    <a:gd name="connsiteY1" fmla="*/ -1 h 3271309"/>
                    <a:gd name="connsiteX2" fmla="*/ 5130211 w 5130211"/>
                    <a:gd name="connsiteY2" fmla="*/ 1227693 h 3271309"/>
                    <a:gd name="connsiteX3" fmla="*/ 749646 w 5130211"/>
                    <a:gd name="connsiteY3" fmla="*/ 3271310 h 3271309"/>
                    <a:gd name="connsiteX4" fmla="*/ 626073 w 5130211"/>
                    <a:gd name="connsiteY4" fmla="*/ 2885268 h 3271309"/>
                    <a:gd name="connsiteX5" fmla="*/ 0 w 5130211"/>
                    <a:gd name="connsiteY5" fmla="*/ 1776826 h 3271309"/>
                    <a:gd name="connsiteX0" fmla="*/ 0 w 5130211"/>
                    <a:gd name="connsiteY0" fmla="*/ 1776826 h 3271309"/>
                    <a:gd name="connsiteX1" fmla="*/ 3980058 w 5130211"/>
                    <a:gd name="connsiteY1" fmla="*/ -1 h 3271309"/>
                    <a:gd name="connsiteX2" fmla="*/ 5130211 w 5130211"/>
                    <a:gd name="connsiteY2" fmla="*/ 1227693 h 3271309"/>
                    <a:gd name="connsiteX3" fmla="*/ 749646 w 5130211"/>
                    <a:gd name="connsiteY3" fmla="*/ 3271310 h 3271309"/>
                    <a:gd name="connsiteX4" fmla="*/ 626073 w 5130211"/>
                    <a:gd name="connsiteY4" fmla="*/ 2885268 h 3271309"/>
                    <a:gd name="connsiteX5" fmla="*/ 0 w 5130211"/>
                    <a:gd name="connsiteY5" fmla="*/ 1776826 h 3271309"/>
                    <a:gd name="connsiteX0" fmla="*/ 0 w 5130211"/>
                    <a:gd name="connsiteY0" fmla="*/ 1776826 h 3271309"/>
                    <a:gd name="connsiteX1" fmla="*/ 3980058 w 5130211"/>
                    <a:gd name="connsiteY1" fmla="*/ -1 h 3271309"/>
                    <a:gd name="connsiteX2" fmla="*/ 5130211 w 5130211"/>
                    <a:gd name="connsiteY2" fmla="*/ 1227693 h 3271309"/>
                    <a:gd name="connsiteX3" fmla="*/ 749646 w 5130211"/>
                    <a:gd name="connsiteY3" fmla="*/ 3271310 h 3271309"/>
                    <a:gd name="connsiteX4" fmla="*/ 626073 w 5130211"/>
                    <a:gd name="connsiteY4" fmla="*/ 2885268 h 3271309"/>
                    <a:gd name="connsiteX5" fmla="*/ 0 w 5130211"/>
                    <a:gd name="connsiteY5" fmla="*/ 1776826 h 3271309"/>
                    <a:gd name="connsiteX0" fmla="*/ 0 w 5130211"/>
                    <a:gd name="connsiteY0" fmla="*/ 1776826 h 3271309"/>
                    <a:gd name="connsiteX1" fmla="*/ 3980058 w 5130211"/>
                    <a:gd name="connsiteY1" fmla="*/ -1 h 3271309"/>
                    <a:gd name="connsiteX2" fmla="*/ 5130211 w 5130211"/>
                    <a:gd name="connsiteY2" fmla="*/ 1227693 h 3271309"/>
                    <a:gd name="connsiteX3" fmla="*/ 749646 w 5130211"/>
                    <a:gd name="connsiteY3" fmla="*/ 3271310 h 3271309"/>
                    <a:gd name="connsiteX4" fmla="*/ 626073 w 5130211"/>
                    <a:gd name="connsiteY4" fmla="*/ 2885268 h 3271309"/>
                    <a:gd name="connsiteX5" fmla="*/ 0 w 5130211"/>
                    <a:gd name="connsiteY5" fmla="*/ 1776826 h 3271309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</a:cxnLst>
                  <a:rect l="l" t="t" r="r" b="b"/>
                  <a:pathLst>
                    <a:path w="5130211" h="3271309">
                      <a:moveTo>
                        <a:pt x="0" y="1776826"/>
                      </a:moveTo>
                      <a:lnTo>
                        <a:pt x="3980058" y="-1"/>
                      </a:lnTo>
                      <a:cubicBezTo>
                        <a:pt x="4382709" y="429028"/>
                        <a:pt x="4884845" y="949855"/>
                        <a:pt x="5130211" y="1227693"/>
                      </a:cubicBezTo>
                      <a:cubicBezTo>
                        <a:pt x="4947331" y="1326753"/>
                        <a:pt x="932526" y="3172250"/>
                        <a:pt x="749646" y="3271310"/>
                      </a:cubicBezTo>
                      <a:cubicBezTo>
                        <a:pt x="627726" y="3162090"/>
                        <a:pt x="640731" y="3140074"/>
                        <a:pt x="626073" y="2885268"/>
                      </a:cubicBezTo>
                      <a:cubicBezTo>
                        <a:pt x="540946" y="2583938"/>
                        <a:pt x="275478" y="2144955"/>
                        <a:pt x="0" y="1776826"/>
                      </a:cubicBezTo>
                      <a:close/>
                    </a:path>
                  </a:pathLst>
                </a:custGeom>
                <a:solidFill>
                  <a:srgbClr val="000000"/>
                </a:solidFill>
                <a:ln w="12700" cap="flat" cmpd="sng" algn="ctr">
                  <a:solidFill>
                    <a:srgbClr val="000000"/>
                  </a:solidFill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  <p:sp>
              <p:nvSpPr>
                <p:cNvPr id="254" name="Rectangle 10"/>
                <p:cNvSpPr/>
                <p:nvPr/>
              </p:nvSpPr>
              <p:spPr>
                <a:xfrm rot="18977302" flipH="1">
                  <a:off x="2451328" y="5433454"/>
                  <a:ext cx="377273" cy="707181"/>
                </a:xfrm>
                <a:custGeom>
                  <a:avLst/>
                  <a:gdLst>
                    <a:gd name="connsiteX0" fmla="*/ 0 w 609600"/>
                    <a:gd name="connsiteY0" fmla="*/ 0 h 1371600"/>
                    <a:gd name="connsiteX1" fmla="*/ 609600 w 609600"/>
                    <a:gd name="connsiteY1" fmla="*/ 0 h 1371600"/>
                    <a:gd name="connsiteX2" fmla="*/ 609600 w 609600"/>
                    <a:gd name="connsiteY2" fmla="*/ 1371600 h 1371600"/>
                    <a:gd name="connsiteX3" fmla="*/ 0 w 609600"/>
                    <a:gd name="connsiteY3" fmla="*/ 1371600 h 1371600"/>
                    <a:gd name="connsiteX4" fmla="*/ 0 w 609600"/>
                    <a:gd name="connsiteY4" fmla="*/ 0 h 1371600"/>
                    <a:gd name="connsiteX0" fmla="*/ 0 w 693420"/>
                    <a:gd name="connsiteY0" fmla="*/ 259080 h 1371600"/>
                    <a:gd name="connsiteX1" fmla="*/ 693420 w 693420"/>
                    <a:gd name="connsiteY1" fmla="*/ 0 h 1371600"/>
                    <a:gd name="connsiteX2" fmla="*/ 693420 w 693420"/>
                    <a:gd name="connsiteY2" fmla="*/ 1371600 h 1371600"/>
                    <a:gd name="connsiteX3" fmla="*/ 83820 w 693420"/>
                    <a:gd name="connsiteY3" fmla="*/ 1371600 h 1371600"/>
                    <a:gd name="connsiteX4" fmla="*/ 0 w 693420"/>
                    <a:gd name="connsiteY4" fmla="*/ 259080 h 1371600"/>
                    <a:gd name="connsiteX0" fmla="*/ 0 w 693420"/>
                    <a:gd name="connsiteY0" fmla="*/ 167640 h 1280160"/>
                    <a:gd name="connsiteX1" fmla="*/ 297180 w 693420"/>
                    <a:gd name="connsiteY1" fmla="*/ 0 h 1280160"/>
                    <a:gd name="connsiteX2" fmla="*/ 693420 w 693420"/>
                    <a:gd name="connsiteY2" fmla="*/ 1280160 h 1280160"/>
                    <a:gd name="connsiteX3" fmla="*/ 83820 w 693420"/>
                    <a:gd name="connsiteY3" fmla="*/ 1280160 h 1280160"/>
                    <a:gd name="connsiteX4" fmla="*/ 0 w 693420"/>
                    <a:gd name="connsiteY4" fmla="*/ 167640 h 1280160"/>
                    <a:gd name="connsiteX0" fmla="*/ 0 w 891540"/>
                    <a:gd name="connsiteY0" fmla="*/ 167640 h 1280160"/>
                    <a:gd name="connsiteX1" fmla="*/ 297180 w 891540"/>
                    <a:gd name="connsiteY1" fmla="*/ 0 h 1280160"/>
                    <a:gd name="connsiteX2" fmla="*/ 891540 w 891540"/>
                    <a:gd name="connsiteY2" fmla="*/ 1127760 h 1280160"/>
                    <a:gd name="connsiteX3" fmla="*/ 83820 w 891540"/>
                    <a:gd name="connsiteY3" fmla="*/ 1280160 h 1280160"/>
                    <a:gd name="connsiteX4" fmla="*/ 0 w 891540"/>
                    <a:gd name="connsiteY4" fmla="*/ 167640 h 1280160"/>
                    <a:gd name="connsiteX0" fmla="*/ 0 w 891540"/>
                    <a:gd name="connsiteY0" fmla="*/ 167640 h 1249680"/>
                    <a:gd name="connsiteX1" fmla="*/ 297180 w 891540"/>
                    <a:gd name="connsiteY1" fmla="*/ 0 h 1249680"/>
                    <a:gd name="connsiteX2" fmla="*/ 891540 w 891540"/>
                    <a:gd name="connsiteY2" fmla="*/ 1127760 h 1249680"/>
                    <a:gd name="connsiteX3" fmla="*/ 411480 w 891540"/>
                    <a:gd name="connsiteY3" fmla="*/ 1249680 h 1249680"/>
                    <a:gd name="connsiteX4" fmla="*/ 0 w 891540"/>
                    <a:gd name="connsiteY4" fmla="*/ 167640 h 1249680"/>
                    <a:gd name="connsiteX0" fmla="*/ 0 w 891540"/>
                    <a:gd name="connsiteY0" fmla="*/ 167640 h 1249680"/>
                    <a:gd name="connsiteX1" fmla="*/ 297180 w 891540"/>
                    <a:gd name="connsiteY1" fmla="*/ 0 h 1249680"/>
                    <a:gd name="connsiteX2" fmla="*/ 891540 w 891540"/>
                    <a:gd name="connsiteY2" fmla="*/ 1127760 h 1249680"/>
                    <a:gd name="connsiteX3" fmla="*/ 411480 w 891540"/>
                    <a:gd name="connsiteY3" fmla="*/ 1249680 h 1249680"/>
                    <a:gd name="connsiteX4" fmla="*/ 0 w 891540"/>
                    <a:gd name="connsiteY4" fmla="*/ 167640 h 1249680"/>
                    <a:gd name="connsiteX0" fmla="*/ 0 w 891540"/>
                    <a:gd name="connsiteY0" fmla="*/ 167640 h 1264920"/>
                    <a:gd name="connsiteX1" fmla="*/ 297180 w 891540"/>
                    <a:gd name="connsiteY1" fmla="*/ 0 h 1264920"/>
                    <a:gd name="connsiteX2" fmla="*/ 891540 w 891540"/>
                    <a:gd name="connsiteY2" fmla="*/ 1127760 h 1264920"/>
                    <a:gd name="connsiteX3" fmla="*/ 388620 w 891540"/>
                    <a:gd name="connsiteY3" fmla="*/ 1264920 h 1264920"/>
                    <a:gd name="connsiteX4" fmla="*/ 0 w 891540"/>
                    <a:gd name="connsiteY4" fmla="*/ 167640 h 1264920"/>
                    <a:gd name="connsiteX0" fmla="*/ 0 w 891540"/>
                    <a:gd name="connsiteY0" fmla="*/ 167640 h 1269751"/>
                    <a:gd name="connsiteX1" fmla="*/ 297180 w 891540"/>
                    <a:gd name="connsiteY1" fmla="*/ 0 h 1269751"/>
                    <a:gd name="connsiteX2" fmla="*/ 891540 w 891540"/>
                    <a:gd name="connsiteY2" fmla="*/ 1127760 h 1269751"/>
                    <a:gd name="connsiteX3" fmla="*/ 388620 w 891540"/>
                    <a:gd name="connsiteY3" fmla="*/ 1264920 h 1269751"/>
                    <a:gd name="connsiteX4" fmla="*/ 0 w 891540"/>
                    <a:gd name="connsiteY4" fmla="*/ 167640 h 1269751"/>
                    <a:gd name="connsiteX0" fmla="*/ 0 w 891540"/>
                    <a:gd name="connsiteY0" fmla="*/ 167640 h 1273375"/>
                    <a:gd name="connsiteX1" fmla="*/ 297180 w 891540"/>
                    <a:gd name="connsiteY1" fmla="*/ 0 h 1273375"/>
                    <a:gd name="connsiteX2" fmla="*/ 891540 w 891540"/>
                    <a:gd name="connsiteY2" fmla="*/ 1127760 h 1273375"/>
                    <a:gd name="connsiteX3" fmla="*/ 388620 w 891540"/>
                    <a:gd name="connsiteY3" fmla="*/ 1264920 h 1273375"/>
                    <a:gd name="connsiteX4" fmla="*/ 0 w 891540"/>
                    <a:gd name="connsiteY4" fmla="*/ 167640 h 1273375"/>
                    <a:gd name="connsiteX0" fmla="*/ 0 w 861060"/>
                    <a:gd name="connsiteY0" fmla="*/ 167640 h 1273375"/>
                    <a:gd name="connsiteX1" fmla="*/ 297180 w 861060"/>
                    <a:gd name="connsiteY1" fmla="*/ 0 h 1273375"/>
                    <a:gd name="connsiteX2" fmla="*/ 861060 w 861060"/>
                    <a:gd name="connsiteY2" fmla="*/ 1127760 h 1273375"/>
                    <a:gd name="connsiteX3" fmla="*/ 388620 w 861060"/>
                    <a:gd name="connsiteY3" fmla="*/ 1264920 h 1273375"/>
                    <a:gd name="connsiteX4" fmla="*/ 0 w 861060"/>
                    <a:gd name="connsiteY4" fmla="*/ 167640 h 1273375"/>
                    <a:gd name="connsiteX0" fmla="*/ 0 w 861060"/>
                    <a:gd name="connsiteY0" fmla="*/ 114300 h 1220035"/>
                    <a:gd name="connsiteX1" fmla="*/ 274320 w 861060"/>
                    <a:gd name="connsiteY1" fmla="*/ 0 h 1220035"/>
                    <a:gd name="connsiteX2" fmla="*/ 861060 w 861060"/>
                    <a:gd name="connsiteY2" fmla="*/ 1074420 h 1220035"/>
                    <a:gd name="connsiteX3" fmla="*/ 388620 w 861060"/>
                    <a:gd name="connsiteY3" fmla="*/ 1211580 h 1220035"/>
                    <a:gd name="connsiteX4" fmla="*/ 0 w 861060"/>
                    <a:gd name="connsiteY4" fmla="*/ 114300 h 1220035"/>
                    <a:gd name="connsiteX0" fmla="*/ 0 w 861060"/>
                    <a:gd name="connsiteY0" fmla="*/ 114300 h 1220035"/>
                    <a:gd name="connsiteX1" fmla="*/ 274320 w 861060"/>
                    <a:gd name="connsiteY1" fmla="*/ 0 h 1220035"/>
                    <a:gd name="connsiteX2" fmla="*/ 861060 w 861060"/>
                    <a:gd name="connsiteY2" fmla="*/ 1074420 h 1220035"/>
                    <a:gd name="connsiteX3" fmla="*/ 388620 w 861060"/>
                    <a:gd name="connsiteY3" fmla="*/ 1211580 h 1220035"/>
                    <a:gd name="connsiteX4" fmla="*/ 0 w 861060"/>
                    <a:gd name="connsiteY4" fmla="*/ 114300 h 1220035"/>
                    <a:gd name="connsiteX0" fmla="*/ 0 w 861060"/>
                    <a:gd name="connsiteY0" fmla="*/ 114300 h 1220035"/>
                    <a:gd name="connsiteX1" fmla="*/ 274320 w 861060"/>
                    <a:gd name="connsiteY1" fmla="*/ 0 h 1220035"/>
                    <a:gd name="connsiteX2" fmla="*/ 861060 w 861060"/>
                    <a:gd name="connsiteY2" fmla="*/ 1074420 h 1220035"/>
                    <a:gd name="connsiteX3" fmla="*/ 388620 w 861060"/>
                    <a:gd name="connsiteY3" fmla="*/ 1211580 h 1220035"/>
                    <a:gd name="connsiteX4" fmla="*/ 0 w 861060"/>
                    <a:gd name="connsiteY4" fmla="*/ 114300 h 1220035"/>
                    <a:gd name="connsiteX0" fmla="*/ 0 w 832485"/>
                    <a:gd name="connsiteY0" fmla="*/ 114300 h 1220035"/>
                    <a:gd name="connsiteX1" fmla="*/ 245745 w 832485"/>
                    <a:gd name="connsiteY1" fmla="*/ 0 h 1220035"/>
                    <a:gd name="connsiteX2" fmla="*/ 832485 w 832485"/>
                    <a:gd name="connsiteY2" fmla="*/ 1074420 h 1220035"/>
                    <a:gd name="connsiteX3" fmla="*/ 360045 w 832485"/>
                    <a:gd name="connsiteY3" fmla="*/ 1211580 h 1220035"/>
                    <a:gd name="connsiteX4" fmla="*/ 0 w 832485"/>
                    <a:gd name="connsiteY4" fmla="*/ 114300 h 1220035"/>
                    <a:gd name="connsiteX0" fmla="*/ 0 w 832485"/>
                    <a:gd name="connsiteY0" fmla="*/ 114300 h 1220035"/>
                    <a:gd name="connsiteX1" fmla="*/ 245745 w 832485"/>
                    <a:gd name="connsiteY1" fmla="*/ 0 h 1220035"/>
                    <a:gd name="connsiteX2" fmla="*/ 832485 w 832485"/>
                    <a:gd name="connsiteY2" fmla="*/ 1074420 h 1220035"/>
                    <a:gd name="connsiteX3" fmla="*/ 360045 w 832485"/>
                    <a:gd name="connsiteY3" fmla="*/ 1211580 h 1220035"/>
                    <a:gd name="connsiteX4" fmla="*/ 0 w 832485"/>
                    <a:gd name="connsiteY4" fmla="*/ 114300 h 1220035"/>
                    <a:gd name="connsiteX0" fmla="*/ 0 w 832485"/>
                    <a:gd name="connsiteY0" fmla="*/ 114300 h 1220035"/>
                    <a:gd name="connsiteX1" fmla="*/ 245745 w 832485"/>
                    <a:gd name="connsiteY1" fmla="*/ 0 h 1220035"/>
                    <a:gd name="connsiteX2" fmla="*/ 832485 w 832485"/>
                    <a:gd name="connsiteY2" fmla="*/ 1074420 h 1220035"/>
                    <a:gd name="connsiteX3" fmla="*/ 360045 w 832485"/>
                    <a:gd name="connsiteY3" fmla="*/ 1211580 h 1220035"/>
                    <a:gd name="connsiteX4" fmla="*/ 0 w 832485"/>
                    <a:gd name="connsiteY4" fmla="*/ 114300 h 1220035"/>
                    <a:gd name="connsiteX0" fmla="*/ 0 w 832485"/>
                    <a:gd name="connsiteY0" fmla="*/ 114300 h 1222203"/>
                    <a:gd name="connsiteX1" fmla="*/ 245745 w 832485"/>
                    <a:gd name="connsiteY1" fmla="*/ 0 h 1222203"/>
                    <a:gd name="connsiteX2" fmla="*/ 832485 w 832485"/>
                    <a:gd name="connsiteY2" fmla="*/ 1074420 h 1222203"/>
                    <a:gd name="connsiteX3" fmla="*/ 352901 w 832485"/>
                    <a:gd name="connsiteY3" fmla="*/ 1213961 h 1222203"/>
                    <a:gd name="connsiteX4" fmla="*/ 0 w 832485"/>
                    <a:gd name="connsiteY4" fmla="*/ 114300 h 1222203"/>
                    <a:gd name="connsiteX0" fmla="*/ 0 w 822960"/>
                    <a:gd name="connsiteY0" fmla="*/ 114300 h 1222203"/>
                    <a:gd name="connsiteX1" fmla="*/ 236220 w 822960"/>
                    <a:gd name="connsiteY1" fmla="*/ 0 h 1222203"/>
                    <a:gd name="connsiteX2" fmla="*/ 822960 w 822960"/>
                    <a:gd name="connsiteY2" fmla="*/ 1074420 h 1222203"/>
                    <a:gd name="connsiteX3" fmla="*/ 343376 w 822960"/>
                    <a:gd name="connsiteY3" fmla="*/ 1213961 h 1222203"/>
                    <a:gd name="connsiteX4" fmla="*/ 0 w 822960"/>
                    <a:gd name="connsiteY4" fmla="*/ 114300 h 1222203"/>
                    <a:gd name="connsiteX0" fmla="*/ 0 w 822960"/>
                    <a:gd name="connsiteY0" fmla="*/ 114300 h 1222203"/>
                    <a:gd name="connsiteX1" fmla="*/ 236220 w 822960"/>
                    <a:gd name="connsiteY1" fmla="*/ 0 h 1222203"/>
                    <a:gd name="connsiteX2" fmla="*/ 822960 w 822960"/>
                    <a:gd name="connsiteY2" fmla="*/ 1074420 h 1222203"/>
                    <a:gd name="connsiteX3" fmla="*/ 343376 w 822960"/>
                    <a:gd name="connsiteY3" fmla="*/ 1213961 h 1222203"/>
                    <a:gd name="connsiteX4" fmla="*/ 0 w 822960"/>
                    <a:gd name="connsiteY4" fmla="*/ 114300 h 1222203"/>
                    <a:gd name="connsiteX0" fmla="*/ 0 w 822960"/>
                    <a:gd name="connsiteY0" fmla="*/ 114300 h 1222203"/>
                    <a:gd name="connsiteX1" fmla="*/ 236220 w 822960"/>
                    <a:gd name="connsiteY1" fmla="*/ 0 h 1222203"/>
                    <a:gd name="connsiteX2" fmla="*/ 822960 w 822960"/>
                    <a:gd name="connsiteY2" fmla="*/ 1074420 h 1222203"/>
                    <a:gd name="connsiteX3" fmla="*/ 343376 w 822960"/>
                    <a:gd name="connsiteY3" fmla="*/ 1213961 h 1222203"/>
                    <a:gd name="connsiteX4" fmla="*/ 0 w 822960"/>
                    <a:gd name="connsiteY4" fmla="*/ 114300 h 1222203"/>
                    <a:gd name="connsiteX0" fmla="*/ 0 w 822960"/>
                    <a:gd name="connsiteY0" fmla="*/ 114300 h 1222203"/>
                    <a:gd name="connsiteX1" fmla="*/ 236220 w 822960"/>
                    <a:gd name="connsiteY1" fmla="*/ 0 h 1222203"/>
                    <a:gd name="connsiteX2" fmla="*/ 822960 w 822960"/>
                    <a:gd name="connsiteY2" fmla="*/ 1074420 h 1222203"/>
                    <a:gd name="connsiteX3" fmla="*/ 326708 w 822960"/>
                    <a:gd name="connsiteY3" fmla="*/ 1213961 h 1222203"/>
                    <a:gd name="connsiteX4" fmla="*/ 0 w 822960"/>
                    <a:gd name="connsiteY4" fmla="*/ 114300 h 1222203"/>
                    <a:gd name="connsiteX0" fmla="*/ 0 w 822960"/>
                    <a:gd name="connsiteY0" fmla="*/ 114300 h 1222203"/>
                    <a:gd name="connsiteX1" fmla="*/ 236220 w 822960"/>
                    <a:gd name="connsiteY1" fmla="*/ 0 h 1222203"/>
                    <a:gd name="connsiteX2" fmla="*/ 822960 w 822960"/>
                    <a:gd name="connsiteY2" fmla="*/ 1074420 h 1222203"/>
                    <a:gd name="connsiteX3" fmla="*/ 326708 w 822960"/>
                    <a:gd name="connsiteY3" fmla="*/ 1213961 h 1222203"/>
                    <a:gd name="connsiteX4" fmla="*/ 0 w 822960"/>
                    <a:gd name="connsiteY4" fmla="*/ 114300 h 1222203"/>
                    <a:gd name="connsiteX0" fmla="*/ 0 w 822960"/>
                    <a:gd name="connsiteY0" fmla="*/ 109537 h 1217440"/>
                    <a:gd name="connsiteX1" fmla="*/ 233839 w 822960"/>
                    <a:gd name="connsiteY1" fmla="*/ 0 h 1217440"/>
                    <a:gd name="connsiteX2" fmla="*/ 822960 w 822960"/>
                    <a:gd name="connsiteY2" fmla="*/ 1069657 h 1217440"/>
                    <a:gd name="connsiteX3" fmla="*/ 326708 w 822960"/>
                    <a:gd name="connsiteY3" fmla="*/ 1209198 h 1217440"/>
                    <a:gd name="connsiteX4" fmla="*/ 0 w 822960"/>
                    <a:gd name="connsiteY4" fmla="*/ 109537 h 1217440"/>
                    <a:gd name="connsiteX0" fmla="*/ 0 w 822960"/>
                    <a:gd name="connsiteY0" fmla="*/ 109537 h 1217440"/>
                    <a:gd name="connsiteX1" fmla="*/ 233839 w 822960"/>
                    <a:gd name="connsiteY1" fmla="*/ 0 h 1217440"/>
                    <a:gd name="connsiteX2" fmla="*/ 822960 w 822960"/>
                    <a:gd name="connsiteY2" fmla="*/ 1069657 h 1217440"/>
                    <a:gd name="connsiteX3" fmla="*/ 326708 w 822960"/>
                    <a:gd name="connsiteY3" fmla="*/ 1209198 h 1217440"/>
                    <a:gd name="connsiteX4" fmla="*/ 0 w 822960"/>
                    <a:gd name="connsiteY4" fmla="*/ 109537 h 1217440"/>
                    <a:gd name="connsiteX0" fmla="*/ 0 w 837247"/>
                    <a:gd name="connsiteY0" fmla="*/ 95249 h 1217440"/>
                    <a:gd name="connsiteX1" fmla="*/ 248126 w 837247"/>
                    <a:gd name="connsiteY1" fmla="*/ 0 h 1217440"/>
                    <a:gd name="connsiteX2" fmla="*/ 837247 w 837247"/>
                    <a:gd name="connsiteY2" fmla="*/ 1069657 h 1217440"/>
                    <a:gd name="connsiteX3" fmla="*/ 340995 w 837247"/>
                    <a:gd name="connsiteY3" fmla="*/ 1209198 h 1217440"/>
                    <a:gd name="connsiteX4" fmla="*/ 0 w 837247"/>
                    <a:gd name="connsiteY4" fmla="*/ 95249 h 1217440"/>
                    <a:gd name="connsiteX0" fmla="*/ 0 w 837247"/>
                    <a:gd name="connsiteY0" fmla="*/ 95249 h 1217440"/>
                    <a:gd name="connsiteX1" fmla="*/ 248126 w 837247"/>
                    <a:gd name="connsiteY1" fmla="*/ 0 h 1217440"/>
                    <a:gd name="connsiteX2" fmla="*/ 837247 w 837247"/>
                    <a:gd name="connsiteY2" fmla="*/ 1069657 h 1217440"/>
                    <a:gd name="connsiteX3" fmla="*/ 340995 w 837247"/>
                    <a:gd name="connsiteY3" fmla="*/ 1209198 h 1217440"/>
                    <a:gd name="connsiteX4" fmla="*/ 0 w 837247"/>
                    <a:gd name="connsiteY4" fmla="*/ 95249 h 1217440"/>
                    <a:gd name="connsiteX0" fmla="*/ 0 w 837247"/>
                    <a:gd name="connsiteY0" fmla="*/ 95249 h 1217440"/>
                    <a:gd name="connsiteX1" fmla="*/ 248126 w 837247"/>
                    <a:gd name="connsiteY1" fmla="*/ 0 h 1217440"/>
                    <a:gd name="connsiteX2" fmla="*/ 837247 w 837247"/>
                    <a:gd name="connsiteY2" fmla="*/ 1069657 h 1217440"/>
                    <a:gd name="connsiteX3" fmla="*/ 340995 w 837247"/>
                    <a:gd name="connsiteY3" fmla="*/ 1209198 h 1217440"/>
                    <a:gd name="connsiteX4" fmla="*/ 0 w 837247"/>
                    <a:gd name="connsiteY4" fmla="*/ 95249 h 1217440"/>
                    <a:gd name="connsiteX0" fmla="*/ 0 w 837247"/>
                    <a:gd name="connsiteY0" fmla="*/ 95249 h 1217440"/>
                    <a:gd name="connsiteX1" fmla="*/ 248126 w 837247"/>
                    <a:gd name="connsiteY1" fmla="*/ 0 h 1217440"/>
                    <a:gd name="connsiteX2" fmla="*/ 837247 w 837247"/>
                    <a:gd name="connsiteY2" fmla="*/ 1069657 h 1217440"/>
                    <a:gd name="connsiteX3" fmla="*/ 340995 w 837247"/>
                    <a:gd name="connsiteY3" fmla="*/ 1209198 h 1217440"/>
                    <a:gd name="connsiteX4" fmla="*/ 0 w 837247"/>
                    <a:gd name="connsiteY4" fmla="*/ 95249 h 1217440"/>
                    <a:gd name="connsiteX0" fmla="*/ 0 w 833969"/>
                    <a:gd name="connsiteY0" fmla="*/ 95249 h 1217160"/>
                    <a:gd name="connsiteX1" fmla="*/ 248126 w 833969"/>
                    <a:gd name="connsiteY1" fmla="*/ 0 h 1217160"/>
                    <a:gd name="connsiteX2" fmla="*/ 833969 w 833969"/>
                    <a:gd name="connsiteY2" fmla="*/ 1066352 h 1217160"/>
                    <a:gd name="connsiteX3" fmla="*/ 340995 w 833969"/>
                    <a:gd name="connsiteY3" fmla="*/ 1209198 h 1217160"/>
                    <a:gd name="connsiteX4" fmla="*/ 0 w 833969"/>
                    <a:gd name="connsiteY4" fmla="*/ 95249 h 121716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</a:cxnLst>
                  <a:rect l="l" t="t" r="r" b="b"/>
                  <a:pathLst>
                    <a:path w="833969" h="1217160">
                      <a:moveTo>
                        <a:pt x="0" y="95249"/>
                      </a:moveTo>
                      <a:cubicBezTo>
                        <a:pt x="91440" y="57149"/>
                        <a:pt x="156686" y="38100"/>
                        <a:pt x="248126" y="0"/>
                      </a:cubicBezTo>
                      <a:cubicBezTo>
                        <a:pt x="480115" y="372179"/>
                        <a:pt x="663289" y="582615"/>
                        <a:pt x="833969" y="1066352"/>
                      </a:cubicBezTo>
                      <a:cubicBezTo>
                        <a:pt x="696809" y="1180652"/>
                        <a:pt x="699135" y="1239678"/>
                        <a:pt x="340995" y="1209198"/>
                      </a:cubicBezTo>
                      <a:cubicBezTo>
                        <a:pt x="272892" y="805655"/>
                        <a:pt x="151085" y="527488"/>
                        <a:pt x="0" y="95249"/>
                      </a:cubicBezTo>
                      <a:close/>
                    </a:path>
                  </a:pathLst>
                </a:custGeom>
                <a:gradFill>
                  <a:gsLst>
                    <a:gs pos="0">
                      <a:srgbClr val="000000">
                        <a:lumMod val="50000"/>
                        <a:lumOff val="50000"/>
                      </a:srgbClr>
                    </a:gs>
                    <a:gs pos="51000">
                      <a:srgbClr val="FFFFFF">
                        <a:lumMod val="85000"/>
                      </a:srgbClr>
                    </a:gs>
                    <a:gs pos="100000">
                      <a:srgbClr val="000000">
                        <a:lumMod val="50000"/>
                        <a:lumOff val="50000"/>
                      </a:srgbClr>
                    </a:gs>
                  </a:gsLst>
                  <a:lin ang="5400000" scaled="1"/>
                </a:gradFill>
                <a:ln w="12700" cap="flat" cmpd="sng" algn="ctr">
                  <a:solidFill>
                    <a:srgbClr val="000000">
                      <a:lumMod val="50000"/>
                      <a:lumOff val="50000"/>
                    </a:srgbClr>
                  </a:solidFill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</p:grpSp>
          <p:grpSp>
            <p:nvGrpSpPr>
              <p:cNvPr id="247" name="Group 212"/>
              <p:cNvGrpSpPr/>
              <p:nvPr/>
            </p:nvGrpSpPr>
            <p:grpSpPr>
              <a:xfrm>
                <a:off x="3905703" y="4933719"/>
                <a:ext cx="352590" cy="584196"/>
                <a:chOff x="3114248" y="5210344"/>
                <a:chExt cx="352590" cy="584196"/>
              </a:xfrm>
            </p:grpSpPr>
            <p:sp>
              <p:nvSpPr>
                <p:cNvPr id="248" name="Rounded Rectangle 28"/>
                <p:cNvSpPr/>
                <p:nvPr/>
              </p:nvSpPr>
              <p:spPr>
                <a:xfrm rot="20299043" flipH="1">
                  <a:off x="3268390" y="5654498"/>
                  <a:ext cx="198448" cy="140042"/>
                </a:xfrm>
                <a:custGeom>
                  <a:avLst/>
                  <a:gdLst>
                    <a:gd name="connsiteX0" fmla="*/ 0 w 408782"/>
                    <a:gd name="connsiteY0" fmla="*/ 136357 h 294038"/>
                    <a:gd name="connsiteX1" fmla="*/ 136357 w 408782"/>
                    <a:gd name="connsiteY1" fmla="*/ 0 h 294038"/>
                    <a:gd name="connsiteX2" fmla="*/ 272425 w 408782"/>
                    <a:gd name="connsiteY2" fmla="*/ 0 h 294038"/>
                    <a:gd name="connsiteX3" fmla="*/ 408782 w 408782"/>
                    <a:gd name="connsiteY3" fmla="*/ 136357 h 294038"/>
                    <a:gd name="connsiteX4" fmla="*/ 408782 w 408782"/>
                    <a:gd name="connsiteY4" fmla="*/ 157681 h 294038"/>
                    <a:gd name="connsiteX5" fmla="*/ 272425 w 408782"/>
                    <a:gd name="connsiteY5" fmla="*/ 294038 h 294038"/>
                    <a:gd name="connsiteX6" fmla="*/ 136357 w 408782"/>
                    <a:gd name="connsiteY6" fmla="*/ 294038 h 294038"/>
                    <a:gd name="connsiteX7" fmla="*/ 0 w 408782"/>
                    <a:gd name="connsiteY7" fmla="*/ 157681 h 294038"/>
                    <a:gd name="connsiteX8" fmla="*/ 0 w 408782"/>
                    <a:gd name="connsiteY8" fmla="*/ 136357 h 294038"/>
                    <a:gd name="connsiteX0" fmla="*/ 0 w 408782"/>
                    <a:gd name="connsiteY0" fmla="*/ 136357 h 294038"/>
                    <a:gd name="connsiteX1" fmla="*/ 136357 w 408782"/>
                    <a:gd name="connsiteY1" fmla="*/ 0 h 294038"/>
                    <a:gd name="connsiteX2" fmla="*/ 272425 w 408782"/>
                    <a:gd name="connsiteY2" fmla="*/ 0 h 294038"/>
                    <a:gd name="connsiteX3" fmla="*/ 408782 w 408782"/>
                    <a:gd name="connsiteY3" fmla="*/ 136357 h 294038"/>
                    <a:gd name="connsiteX4" fmla="*/ 408782 w 408782"/>
                    <a:gd name="connsiteY4" fmla="*/ 157681 h 294038"/>
                    <a:gd name="connsiteX5" fmla="*/ 301445 w 408782"/>
                    <a:gd name="connsiteY5" fmla="*/ 262404 h 294038"/>
                    <a:gd name="connsiteX6" fmla="*/ 136357 w 408782"/>
                    <a:gd name="connsiteY6" fmla="*/ 294038 h 294038"/>
                    <a:gd name="connsiteX7" fmla="*/ 0 w 408782"/>
                    <a:gd name="connsiteY7" fmla="*/ 157681 h 294038"/>
                    <a:gd name="connsiteX8" fmla="*/ 0 w 408782"/>
                    <a:gd name="connsiteY8" fmla="*/ 136357 h 294038"/>
                    <a:gd name="connsiteX0" fmla="*/ 0 w 408782"/>
                    <a:gd name="connsiteY0" fmla="*/ 136357 h 278237"/>
                    <a:gd name="connsiteX1" fmla="*/ 136357 w 408782"/>
                    <a:gd name="connsiteY1" fmla="*/ 0 h 278237"/>
                    <a:gd name="connsiteX2" fmla="*/ 272425 w 408782"/>
                    <a:gd name="connsiteY2" fmla="*/ 0 h 278237"/>
                    <a:gd name="connsiteX3" fmla="*/ 408782 w 408782"/>
                    <a:gd name="connsiteY3" fmla="*/ 136357 h 278237"/>
                    <a:gd name="connsiteX4" fmla="*/ 408782 w 408782"/>
                    <a:gd name="connsiteY4" fmla="*/ 157681 h 278237"/>
                    <a:gd name="connsiteX5" fmla="*/ 301445 w 408782"/>
                    <a:gd name="connsiteY5" fmla="*/ 262404 h 278237"/>
                    <a:gd name="connsiteX6" fmla="*/ 84352 w 408782"/>
                    <a:gd name="connsiteY6" fmla="*/ 278237 h 278237"/>
                    <a:gd name="connsiteX7" fmla="*/ 0 w 408782"/>
                    <a:gd name="connsiteY7" fmla="*/ 157681 h 278237"/>
                    <a:gd name="connsiteX8" fmla="*/ 0 w 408782"/>
                    <a:gd name="connsiteY8" fmla="*/ 136357 h 278237"/>
                    <a:gd name="connsiteX0" fmla="*/ 0 w 408782"/>
                    <a:gd name="connsiteY0" fmla="*/ 136357 h 278237"/>
                    <a:gd name="connsiteX1" fmla="*/ 136357 w 408782"/>
                    <a:gd name="connsiteY1" fmla="*/ 0 h 278237"/>
                    <a:gd name="connsiteX2" fmla="*/ 272425 w 408782"/>
                    <a:gd name="connsiteY2" fmla="*/ 0 h 278237"/>
                    <a:gd name="connsiteX3" fmla="*/ 408782 w 408782"/>
                    <a:gd name="connsiteY3" fmla="*/ 136357 h 278237"/>
                    <a:gd name="connsiteX4" fmla="*/ 408782 w 408782"/>
                    <a:gd name="connsiteY4" fmla="*/ 157681 h 278237"/>
                    <a:gd name="connsiteX5" fmla="*/ 301445 w 408782"/>
                    <a:gd name="connsiteY5" fmla="*/ 262404 h 278237"/>
                    <a:gd name="connsiteX6" fmla="*/ 84352 w 408782"/>
                    <a:gd name="connsiteY6" fmla="*/ 278237 h 278237"/>
                    <a:gd name="connsiteX7" fmla="*/ 0 w 408782"/>
                    <a:gd name="connsiteY7" fmla="*/ 157681 h 278237"/>
                    <a:gd name="connsiteX8" fmla="*/ 0 w 408782"/>
                    <a:gd name="connsiteY8" fmla="*/ 136357 h 278237"/>
                    <a:gd name="connsiteX0" fmla="*/ 0 w 408782"/>
                    <a:gd name="connsiteY0" fmla="*/ 136357 h 278237"/>
                    <a:gd name="connsiteX1" fmla="*/ 119020 w 408782"/>
                    <a:gd name="connsiteY1" fmla="*/ 40199 h 278237"/>
                    <a:gd name="connsiteX2" fmla="*/ 272425 w 408782"/>
                    <a:gd name="connsiteY2" fmla="*/ 0 h 278237"/>
                    <a:gd name="connsiteX3" fmla="*/ 408782 w 408782"/>
                    <a:gd name="connsiteY3" fmla="*/ 136357 h 278237"/>
                    <a:gd name="connsiteX4" fmla="*/ 408782 w 408782"/>
                    <a:gd name="connsiteY4" fmla="*/ 157681 h 278237"/>
                    <a:gd name="connsiteX5" fmla="*/ 301445 w 408782"/>
                    <a:gd name="connsiteY5" fmla="*/ 262404 h 278237"/>
                    <a:gd name="connsiteX6" fmla="*/ 84352 w 408782"/>
                    <a:gd name="connsiteY6" fmla="*/ 278237 h 278237"/>
                    <a:gd name="connsiteX7" fmla="*/ 0 w 408782"/>
                    <a:gd name="connsiteY7" fmla="*/ 157681 h 278237"/>
                    <a:gd name="connsiteX8" fmla="*/ 0 w 408782"/>
                    <a:gd name="connsiteY8" fmla="*/ 136357 h 278237"/>
                    <a:gd name="connsiteX0" fmla="*/ 0 w 408782"/>
                    <a:gd name="connsiteY0" fmla="*/ 102808 h 244688"/>
                    <a:gd name="connsiteX1" fmla="*/ 119020 w 408782"/>
                    <a:gd name="connsiteY1" fmla="*/ 6650 h 244688"/>
                    <a:gd name="connsiteX2" fmla="*/ 261905 w 408782"/>
                    <a:gd name="connsiteY2" fmla="*/ 0 h 244688"/>
                    <a:gd name="connsiteX3" fmla="*/ 408782 w 408782"/>
                    <a:gd name="connsiteY3" fmla="*/ 102808 h 244688"/>
                    <a:gd name="connsiteX4" fmla="*/ 408782 w 408782"/>
                    <a:gd name="connsiteY4" fmla="*/ 124132 h 244688"/>
                    <a:gd name="connsiteX5" fmla="*/ 301445 w 408782"/>
                    <a:gd name="connsiteY5" fmla="*/ 228855 h 244688"/>
                    <a:gd name="connsiteX6" fmla="*/ 84352 w 408782"/>
                    <a:gd name="connsiteY6" fmla="*/ 244688 h 244688"/>
                    <a:gd name="connsiteX7" fmla="*/ 0 w 408782"/>
                    <a:gd name="connsiteY7" fmla="*/ 124132 h 244688"/>
                    <a:gd name="connsiteX8" fmla="*/ 0 w 408782"/>
                    <a:gd name="connsiteY8" fmla="*/ 102808 h 244688"/>
                    <a:gd name="connsiteX0" fmla="*/ 0 w 408782"/>
                    <a:gd name="connsiteY0" fmla="*/ 102808 h 244688"/>
                    <a:gd name="connsiteX1" fmla="*/ 119020 w 408782"/>
                    <a:gd name="connsiteY1" fmla="*/ 6650 h 244688"/>
                    <a:gd name="connsiteX2" fmla="*/ 261905 w 408782"/>
                    <a:gd name="connsiteY2" fmla="*/ 0 h 244688"/>
                    <a:gd name="connsiteX3" fmla="*/ 408782 w 408782"/>
                    <a:gd name="connsiteY3" fmla="*/ 102808 h 244688"/>
                    <a:gd name="connsiteX4" fmla="*/ 408782 w 408782"/>
                    <a:gd name="connsiteY4" fmla="*/ 124132 h 244688"/>
                    <a:gd name="connsiteX5" fmla="*/ 299615 w 408782"/>
                    <a:gd name="connsiteY5" fmla="*/ 240620 h 244688"/>
                    <a:gd name="connsiteX6" fmla="*/ 84352 w 408782"/>
                    <a:gd name="connsiteY6" fmla="*/ 244688 h 244688"/>
                    <a:gd name="connsiteX7" fmla="*/ 0 w 408782"/>
                    <a:gd name="connsiteY7" fmla="*/ 124132 h 244688"/>
                    <a:gd name="connsiteX8" fmla="*/ 0 w 408782"/>
                    <a:gd name="connsiteY8" fmla="*/ 102808 h 244688"/>
                    <a:gd name="connsiteX0" fmla="*/ 0 w 408782"/>
                    <a:gd name="connsiteY0" fmla="*/ 102808 h 253003"/>
                    <a:gd name="connsiteX1" fmla="*/ 119020 w 408782"/>
                    <a:gd name="connsiteY1" fmla="*/ 6650 h 253003"/>
                    <a:gd name="connsiteX2" fmla="*/ 261905 w 408782"/>
                    <a:gd name="connsiteY2" fmla="*/ 0 h 253003"/>
                    <a:gd name="connsiteX3" fmla="*/ 408782 w 408782"/>
                    <a:gd name="connsiteY3" fmla="*/ 102808 h 253003"/>
                    <a:gd name="connsiteX4" fmla="*/ 408782 w 408782"/>
                    <a:gd name="connsiteY4" fmla="*/ 124132 h 253003"/>
                    <a:gd name="connsiteX5" fmla="*/ 299615 w 408782"/>
                    <a:gd name="connsiteY5" fmla="*/ 240620 h 253003"/>
                    <a:gd name="connsiteX6" fmla="*/ 75828 w 408782"/>
                    <a:gd name="connsiteY6" fmla="*/ 253003 h 253003"/>
                    <a:gd name="connsiteX7" fmla="*/ 0 w 408782"/>
                    <a:gd name="connsiteY7" fmla="*/ 124132 h 253003"/>
                    <a:gd name="connsiteX8" fmla="*/ 0 w 408782"/>
                    <a:gd name="connsiteY8" fmla="*/ 102808 h 253003"/>
                    <a:gd name="connsiteX0" fmla="*/ 0 w 408782"/>
                    <a:gd name="connsiteY0" fmla="*/ 102808 h 253003"/>
                    <a:gd name="connsiteX1" fmla="*/ 119020 w 408782"/>
                    <a:gd name="connsiteY1" fmla="*/ 6650 h 253003"/>
                    <a:gd name="connsiteX2" fmla="*/ 261905 w 408782"/>
                    <a:gd name="connsiteY2" fmla="*/ 0 h 253003"/>
                    <a:gd name="connsiteX3" fmla="*/ 408782 w 408782"/>
                    <a:gd name="connsiteY3" fmla="*/ 102808 h 253003"/>
                    <a:gd name="connsiteX4" fmla="*/ 408782 w 408782"/>
                    <a:gd name="connsiteY4" fmla="*/ 124132 h 253003"/>
                    <a:gd name="connsiteX5" fmla="*/ 299615 w 408782"/>
                    <a:gd name="connsiteY5" fmla="*/ 240620 h 253003"/>
                    <a:gd name="connsiteX6" fmla="*/ 75828 w 408782"/>
                    <a:gd name="connsiteY6" fmla="*/ 253003 h 253003"/>
                    <a:gd name="connsiteX7" fmla="*/ 0 w 408782"/>
                    <a:gd name="connsiteY7" fmla="*/ 124132 h 253003"/>
                    <a:gd name="connsiteX8" fmla="*/ 0 w 408782"/>
                    <a:gd name="connsiteY8" fmla="*/ 102808 h 253003"/>
                    <a:gd name="connsiteX0" fmla="*/ 0 w 408782"/>
                    <a:gd name="connsiteY0" fmla="*/ 102808 h 253003"/>
                    <a:gd name="connsiteX1" fmla="*/ 119020 w 408782"/>
                    <a:gd name="connsiteY1" fmla="*/ 6650 h 253003"/>
                    <a:gd name="connsiteX2" fmla="*/ 261905 w 408782"/>
                    <a:gd name="connsiteY2" fmla="*/ 0 h 253003"/>
                    <a:gd name="connsiteX3" fmla="*/ 408782 w 408782"/>
                    <a:gd name="connsiteY3" fmla="*/ 102808 h 253003"/>
                    <a:gd name="connsiteX4" fmla="*/ 408782 w 408782"/>
                    <a:gd name="connsiteY4" fmla="*/ 124132 h 253003"/>
                    <a:gd name="connsiteX5" fmla="*/ 299615 w 408782"/>
                    <a:gd name="connsiteY5" fmla="*/ 240620 h 253003"/>
                    <a:gd name="connsiteX6" fmla="*/ 75828 w 408782"/>
                    <a:gd name="connsiteY6" fmla="*/ 253003 h 253003"/>
                    <a:gd name="connsiteX7" fmla="*/ 0 w 408782"/>
                    <a:gd name="connsiteY7" fmla="*/ 124132 h 253003"/>
                    <a:gd name="connsiteX8" fmla="*/ 0 w 408782"/>
                    <a:gd name="connsiteY8" fmla="*/ 102808 h 253003"/>
                    <a:gd name="connsiteX0" fmla="*/ 0 w 408782"/>
                    <a:gd name="connsiteY0" fmla="*/ 102808 h 253003"/>
                    <a:gd name="connsiteX1" fmla="*/ 119020 w 408782"/>
                    <a:gd name="connsiteY1" fmla="*/ 6650 h 253003"/>
                    <a:gd name="connsiteX2" fmla="*/ 261905 w 408782"/>
                    <a:gd name="connsiteY2" fmla="*/ 0 h 253003"/>
                    <a:gd name="connsiteX3" fmla="*/ 408782 w 408782"/>
                    <a:gd name="connsiteY3" fmla="*/ 102808 h 253003"/>
                    <a:gd name="connsiteX4" fmla="*/ 408782 w 408782"/>
                    <a:gd name="connsiteY4" fmla="*/ 124132 h 253003"/>
                    <a:gd name="connsiteX5" fmla="*/ 299615 w 408782"/>
                    <a:gd name="connsiteY5" fmla="*/ 240620 h 253003"/>
                    <a:gd name="connsiteX6" fmla="*/ 75828 w 408782"/>
                    <a:gd name="connsiteY6" fmla="*/ 253003 h 253003"/>
                    <a:gd name="connsiteX7" fmla="*/ 0 w 408782"/>
                    <a:gd name="connsiteY7" fmla="*/ 124132 h 253003"/>
                    <a:gd name="connsiteX8" fmla="*/ 0 w 408782"/>
                    <a:gd name="connsiteY8" fmla="*/ 102808 h 253003"/>
                    <a:gd name="connsiteX0" fmla="*/ 0 w 408782"/>
                    <a:gd name="connsiteY0" fmla="*/ 102808 h 253003"/>
                    <a:gd name="connsiteX1" fmla="*/ 119020 w 408782"/>
                    <a:gd name="connsiteY1" fmla="*/ 6650 h 253003"/>
                    <a:gd name="connsiteX2" fmla="*/ 261905 w 408782"/>
                    <a:gd name="connsiteY2" fmla="*/ 0 h 253003"/>
                    <a:gd name="connsiteX3" fmla="*/ 408782 w 408782"/>
                    <a:gd name="connsiteY3" fmla="*/ 102808 h 253003"/>
                    <a:gd name="connsiteX4" fmla="*/ 408782 w 408782"/>
                    <a:gd name="connsiteY4" fmla="*/ 124132 h 253003"/>
                    <a:gd name="connsiteX5" fmla="*/ 299615 w 408782"/>
                    <a:gd name="connsiteY5" fmla="*/ 240620 h 253003"/>
                    <a:gd name="connsiteX6" fmla="*/ 75828 w 408782"/>
                    <a:gd name="connsiteY6" fmla="*/ 253003 h 253003"/>
                    <a:gd name="connsiteX7" fmla="*/ 0 w 408782"/>
                    <a:gd name="connsiteY7" fmla="*/ 124132 h 253003"/>
                    <a:gd name="connsiteX8" fmla="*/ 0 w 408782"/>
                    <a:gd name="connsiteY8" fmla="*/ 102808 h 253003"/>
                    <a:gd name="connsiteX0" fmla="*/ 0 w 408782"/>
                    <a:gd name="connsiteY0" fmla="*/ 102808 h 253003"/>
                    <a:gd name="connsiteX1" fmla="*/ 119020 w 408782"/>
                    <a:gd name="connsiteY1" fmla="*/ 6650 h 253003"/>
                    <a:gd name="connsiteX2" fmla="*/ 261905 w 408782"/>
                    <a:gd name="connsiteY2" fmla="*/ 0 h 253003"/>
                    <a:gd name="connsiteX3" fmla="*/ 408782 w 408782"/>
                    <a:gd name="connsiteY3" fmla="*/ 102808 h 253003"/>
                    <a:gd name="connsiteX4" fmla="*/ 408782 w 408782"/>
                    <a:gd name="connsiteY4" fmla="*/ 124132 h 253003"/>
                    <a:gd name="connsiteX5" fmla="*/ 299615 w 408782"/>
                    <a:gd name="connsiteY5" fmla="*/ 240620 h 253003"/>
                    <a:gd name="connsiteX6" fmla="*/ 75828 w 408782"/>
                    <a:gd name="connsiteY6" fmla="*/ 253003 h 253003"/>
                    <a:gd name="connsiteX7" fmla="*/ 0 w 408782"/>
                    <a:gd name="connsiteY7" fmla="*/ 124132 h 253003"/>
                    <a:gd name="connsiteX8" fmla="*/ 0 w 408782"/>
                    <a:gd name="connsiteY8" fmla="*/ 102808 h 253003"/>
                    <a:gd name="connsiteX0" fmla="*/ 0 w 408782"/>
                    <a:gd name="connsiteY0" fmla="*/ 102808 h 253003"/>
                    <a:gd name="connsiteX1" fmla="*/ 119020 w 408782"/>
                    <a:gd name="connsiteY1" fmla="*/ 6650 h 253003"/>
                    <a:gd name="connsiteX2" fmla="*/ 261905 w 408782"/>
                    <a:gd name="connsiteY2" fmla="*/ 0 h 253003"/>
                    <a:gd name="connsiteX3" fmla="*/ 408782 w 408782"/>
                    <a:gd name="connsiteY3" fmla="*/ 102808 h 253003"/>
                    <a:gd name="connsiteX4" fmla="*/ 408782 w 408782"/>
                    <a:gd name="connsiteY4" fmla="*/ 124132 h 253003"/>
                    <a:gd name="connsiteX5" fmla="*/ 299615 w 408782"/>
                    <a:gd name="connsiteY5" fmla="*/ 240620 h 253003"/>
                    <a:gd name="connsiteX6" fmla="*/ 75828 w 408782"/>
                    <a:gd name="connsiteY6" fmla="*/ 253003 h 253003"/>
                    <a:gd name="connsiteX7" fmla="*/ 0 w 408782"/>
                    <a:gd name="connsiteY7" fmla="*/ 124132 h 253003"/>
                    <a:gd name="connsiteX8" fmla="*/ 0 w 408782"/>
                    <a:gd name="connsiteY8" fmla="*/ 102808 h 253003"/>
                    <a:gd name="connsiteX0" fmla="*/ 0 w 408782"/>
                    <a:gd name="connsiteY0" fmla="*/ 102808 h 297664"/>
                    <a:gd name="connsiteX1" fmla="*/ 119020 w 408782"/>
                    <a:gd name="connsiteY1" fmla="*/ 6650 h 297664"/>
                    <a:gd name="connsiteX2" fmla="*/ 261905 w 408782"/>
                    <a:gd name="connsiteY2" fmla="*/ 0 h 297664"/>
                    <a:gd name="connsiteX3" fmla="*/ 408782 w 408782"/>
                    <a:gd name="connsiteY3" fmla="*/ 102808 h 297664"/>
                    <a:gd name="connsiteX4" fmla="*/ 408782 w 408782"/>
                    <a:gd name="connsiteY4" fmla="*/ 124132 h 297664"/>
                    <a:gd name="connsiteX5" fmla="*/ 299615 w 408782"/>
                    <a:gd name="connsiteY5" fmla="*/ 240620 h 297664"/>
                    <a:gd name="connsiteX6" fmla="*/ 75828 w 408782"/>
                    <a:gd name="connsiteY6" fmla="*/ 253003 h 297664"/>
                    <a:gd name="connsiteX7" fmla="*/ 0 w 408782"/>
                    <a:gd name="connsiteY7" fmla="*/ 124132 h 297664"/>
                    <a:gd name="connsiteX8" fmla="*/ 0 w 408782"/>
                    <a:gd name="connsiteY8" fmla="*/ 102808 h 297664"/>
                    <a:gd name="connsiteX0" fmla="*/ 0 w 408782"/>
                    <a:gd name="connsiteY0" fmla="*/ 102808 h 289311"/>
                    <a:gd name="connsiteX1" fmla="*/ 119020 w 408782"/>
                    <a:gd name="connsiteY1" fmla="*/ 6650 h 289311"/>
                    <a:gd name="connsiteX2" fmla="*/ 261905 w 408782"/>
                    <a:gd name="connsiteY2" fmla="*/ 0 h 289311"/>
                    <a:gd name="connsiteX3" fmla="*/ 408782 w 408782"/>
                    <a:gd name="connsiteY3" fmla="*/ 102808 h 289311"/>
                    <a:gd name="connsiteX4" fmla="*/ 408782 w 408782"/>
                    <a:gd name="connsiteY4" fmla="*/ 124132 h 289311"/>
                    <a:gd name="connsiteX5" fmla="*/ 299615 w 408782"/>
                    <a:gd name="connsiteY5" fmla="*/ 240620 h 289311"/>
                    <a:gd name="connsiteX6" fmla="*/ 88342 w 408782"/>
                    <a:gd name="connsiteY6" fmla="*/ 241992 h 289311"/>
                    <a:gd name="connsiteX7" fmla="*/ 0 w 408782"/>
                    <a:gd name="connsiteY7" fmla="*/ 124132 h 289311"/>
                    <a:gd name="connsiteX8" fmla="*/ 0 w 408782"/>
                    <a:gd name="connsiteY8" fmla="*/ 102808 h 289311"/>
                    <a:gd name="connsiteX0" fmla="*/ 0 w 408782"/>
                    <a:gd name="connsiteY0" fmla="*/ 102808 h 330910"/>
                    <a:gd name="connsiteX1" fmla="*/ 119020 w 408782"/>
                    <a:gd name="connsiteY1" fmla="*/ 6650 h 330910"/>
                    <a:gd name="connsiteX2" fmla="*/ 261905 w 408782"/>
                    <a:gd name="connsiteY2" fmla="*/ 0 h 330910"/>
                    <a:gd name="connsiteX3" fmla="*/ 408782 w 408782"/>
                    <a:gd name="connsiteY3" fmla="*/ 102808 h 330910"/>
                    <a:gd name="connsiteX4" fmla="*/ 408782 w 408782"/>
                    <a:gd name="connsiteY4" fmla="*/ 124132 h 330910"/>
                    <a:gd name="connsiteX5" fmla="*/ 299615 w 408782"/>
                    <a:gd name="connsiteY5" fmla="*/ 240620 h 330910"/>
                    <a:gd name="connsiteX6" fmla="*/ 88342 w 408782"/>
                    <a:gd name="connsiteY6" fmla="*/ 241992 h 330910"/>
                    <a:gd name="connsiteX7" fmla="*/ 0 w 408782"/>
                    <a:gd name="connsiteY7" fmla="*/ 124132 h 330910"/>
                    <a:gd name="connsiteX8" fmla="*/ 0 w 408782"/>
                    <a:gd name="connsiteY8" fmla="*/ 102808 h 330910"/>
                    <a:gd name="connsiteX0" fmla="*/ 0 w 408782"/>
                    <a:gd name="connsiteY0" fmla="*/ 102808 h 323046"/>
                    <a:gd name="connsiteX1" fmla="*/ 119020 w 408782"/>
                    <a:gd name="connsiteY1" fmla="*/ 6650 h 323046"/>
                    <a:gd name="connsiteX2" fmla="*/ 261905 w 408782"/>
                    <a:gd name="connsiteY2" fmla="*/ 0 h 323046"/>
                    <a:gd name="connsiteX3" fmla="*/ 408782 w 408782"/>
                    <a:gd name="connsiteY3" fmla="*/ 102808 h 323046"/>
                    <a:gd name="connsiteX4" fmla="*/ 408782 w 408782"/>
                    <a:gd name="connsiteY4" fmla="*/ 124132 h 323046"/>
                    <a:gd name="connsiteX5" fmla="*/ 216241 w 408782"/>
                    <a:gd name="connsiteY5" fmla="*/ 225170 h 323046"/>
                    <a:gd name="connsiteX6" fmla="*/ 88342 w 408782"/>
                    <a:gd name="connsiteY6" fmla="*/ 241992 h 323046"/>
                    <a:gd name="connsiteX7" fmla="*/ 0 w 408782"/>
                    <a:gd name="connsiteY7" fmla="*/ 124132 h 323046"/>
                    <a:gd name="connsiteX8" fmla="*/ 0 w 408782"/>
                    <a:gd name="connsiteY8" fmla="*/ 102808 h 323046"/>
                    <a:gd name="connsiteX0" fmla="*/ 0 w 408782"/>
                    <a:gd name="connsiteY0" fmla="*/ 102808 h 290088"/>
                    <a:gd name="connsiteX1" fmla="*/ 119020 w 408782"/>
                    <a:gd name="connsiteY1" fmla="*/ 6650 h 290088"/>
                    <a:gd name="connsiteX2" fmla="*/ 261905 w 408782"/>
                    <a:gd name="connsiteY2" fmla="*/ 0 h 290088"/>
                    <a:gd name="connsiteX3" fmla="*/ 408782 w 408782"/>
                    <a:gd name="connsiteY3" fmla="*/ 102808 h 290088"/>
                    <a:gd name="connsiteX4" fmla="*/ 408782 w 408782"/>
                    <a:gd name="connsiteY4" fmla="*/ 124132 h 290088"/>
                    <a:gd name="connsiteX5" fmla="*/ 216241 w 408782"/>
                    <a:gd name="connsiteY5" fmla="*/ 225170 h 290088"/>
                    <a:gd name="connsiteX6" fmla="*/ 88342 w 408782"/>
                    <a:gd name="connsiteY6" fmla="*/ 241992 h 290088"/>
                    <a:gd name="connsiteX7" fmla="*/ 0 w 408782"/>
                    <a:gd name="connsiteY7" fmla="*/ 124132 h 290088"/>
                    <a:gd name="connsiteX8" fmla="*/ 0 w 408782"/>
                    <a:gd name="connsiteY8" fmla="*/ 102808 h 290088"/>
                    <a:gd name="connsiteX0" fmla="*/ 0 w 408782"/>
                    <a:gd name="connsiteY0" fmla="*/ 102808 h 328226"/>
                    <a:gd name="connsiteX1" fmla="*/ 119020 w 408782"/>
                    <a:gd name="connsiteY1" fmla="*/ 6650 h 328226"/>
                    <a:gd name="connsiteX2" fmla="*/ 261905 w 408782"/>
                    <a:gd name="connsiteY2" fmla="*/ 0 h 328226"/>
                    <a:gd name="connsiteX3" fmla="*/ 408782 w 408782"/>
                    <a:gd name="connsiteY3" fmla="*/ 102808 h 328226"/>
                    <a:gd name="connsiteX4" fmla="*/ 408782 w 408782"/>
                    <a:gd name="connsiteY4" fmla="*/ 124132 h 328226"/>
                    <a:gd name="connsiteX5" fmla="*/ 216241 w 408782"/>
                    <a:gd name="connsiteY5" fmla="*/ 225170 h 328226"/>
                    <a:gd name="connsiteX6" fmla="*/ 88342 w 408782"/>
                    <a:gd name="connsiteY6" fmla="*/ 241992 h 328226"/>
                    <a:gd name="connsiteX7" fmla="*/ 0 w 408782"/>
                    <a:gd name="connsiteY7" fmla="*/ 124132 h 328226"/>
                    <a:gd name="connsiteX8" fmla="*/ 0 w 408782"/>
                    <a:gd name="connsiteY8" fmla="*/ 102808 h 328226"/>
                    <a:gd name="connsiteX0" fmla="*/ 0 w 408782"/>
                    <a:gd name="connsiteY0" fmla="*/ 102808 h 327585"/>
                    <a:gd name="connsiteX1" fmla="*/ 119020 w 408782"/>
                    <a:gd name="connsiteY1" fmla="*/ 6650 h 327585"/>
                    <a:gd name="connsiteX2" fmla="*/ 261905 w 408782"/>
                    <a:gd name="connsiteY2" fmla="*/ 0 h 327585"/>
                    <a:gd name="connsiteX3" fmla="*/ 408782 w 408782"/>
                    <a:gd name="connsiteY3" fmla="*/ 102808 h 327585"/>
                    <a:gd name="connsiteX4" fmla="*/ 408782 w 408782"/>
                    <a:gd name="connsiteY4" fmla="*/ 124132 h 327585"/>
                    <a:gd name="connsiteX5" fmla="*/ 229898 w 408782"/>
                    <a:gd name="connsiteY5" fmla="*/ 222668 h 327585"/>
                    <a:gd name="connsiteX6" fmla="*/ 88342 w 408782"/>
                    <a:gd name="connsiteY6" fmla="*/ 241992 h 327585"/>
                    <a:gd name="connsiteX7" fmla="*/ 0 w 408782"/>
                    <a:gd name="connsiteY7" fmla="*/ 124132 h 327585"/>
                    <a:gd name="connsiteX8" fmla="*/ 0 w 408782"/>
                    <a:gd name="connsiteY8" fmla="*/ 102808 h 327585"/>
                    <a:gd name="connsiteX0" fmla="*/ 0 w 408782"/>
                    <a:gd name="connsiteY0" fmla="*/ 102808 h 333270"/>
                    <a:gd name="connsiteX1" fmla="*/ 119020 w 408782"/>
                    <a:gd name="connsiteY1" fmla="*/ 6650 h 333270"/>
                    <a:gd name="connsiteX2" fmla="*/ 261905 w 408782"/>
                    <a:gd name="connsiteY2" fmla="*/ 0 h 333270"/>
                    <a:gd name="connsiteX3" fmla="*/ 408782 w 408782"/>
                    <a:gd name="connsiteY3" fmla="*/ 102808 h 333270"/>
                    <a:gd name="connsiteX4" fmla="*/ 408782 w 408782"/>
                    <a:gd name="connsiteY4" fmla="*/ 124132 h 333270"/>
                    <a:gd name="connsiteX5" fmla="*/ 229898 w 408782"/>
                    <a:gd name="connsiteY5" fmla="*/ 222668 h 333270"/>
                    <a:gd name="connsiteX6" fmla="*/ 88342 w 408782"/>
                    <a:gd name="connsiteY6" fmla="*/ 241992 h 333270"/>
                    <a:gd name="connsiteX7" fmla="*/ 0 w 408782"/>
                    <a:gd name="connsiteY7" fmla="*/ 124132 h 333270"/>
                    <a:gd name="connsiteX8" fmla="*/ 0 w 408782"/>
                    <a:gd name="connsiteY8" fmla="*/ 102808 h 333270"/>
                    <a:gd name="connsiteX0" fmla="*/ 0 w 408782"/>
                    <a:gd name="connsiteY0" fmla="*/ 102808 h 332947"/>
                    <a:gd name="connsiteX1" fmla="*/ 119020 w 408782"/>
                    <a:gd name="connsiteY1" fmla="*/ 6650 h 332947"/>
                    <a:gd name="connsiteX2" fmla="*/ 261905 w 408782"/>
                    <a:gd name="connsiteY2" fmla="*/ 0 h 332947"/>
                    <a:gd name="connsiteX3" fmla="*/ 408782 w 408782"/>
                    <a:gd name="connsiteY3" fmla="*/ 102808 h 332947"/>
                    <a:gd name="connsiteX4" fmla="*/ 408782 w 408782"/>
                    <a:gd name="connsiteY4" fmla="*/ 124132 h 332947"/>
                    <a:gd name="connsiteX5" fmla="*/ 238406 w 408782"/>
                    <a:gd name="connsiteY5" fmla="*/ 221525 h 332947"/>
                    <a:gd name="connsiteX6" fmla="*/ 88342 w 408782"/>
                    <a:gd name="connsiteY6" fmla="*/ 241992 h 332947"/>
                    <a:gd name="connsiteX7" fmla="*/ 0 w 408782"/>
                    <a:gd name="connsiteY7" fmla="*/ 124132 h 332947"/>
                    <a:gd name="connsiteX8" fmla="*/ 0 w 408782"/>
                    <a:gd name="connsiteY8" fmla="*/ 102808 h 332947"/>
                    <a:gd name="connsiteX0" fmla="*/ 0 w 408782"/>
                    <a:gd name="connsiteY0" fmla="*/ 102808 h 333978"/>
                    <a:gd name="connsiteX1" fmla="*/ 119020 w 408782"/>
                    <a:gd name="connsiteY1" fmla="*/ 6650 h 333978"/>
                    <a:gd name="connsiteX2" fmla="*/ 261905 w 408782"/>
                    <a:gd name="connsiteY2" fmla="*/ 0 h 333978"/>
                    <a:gd name="connsiteX3" fmla="*/ 408782 w 408782"/>
                    <a:gd name="connsiteY3" fmla="*/ 102808 h 333978"/>
                    <a:gd name="connsiteX4" fmla="*/ 408782 w 408782"/>
                    <a:gd name="connsiteY4" fmla="*/ 124132 h 333978"/>
                    <a:gd name="connsiteX5" fmla="*/ 238406 w 408782"/>
                    <a:gd name="connsiteY5" fmla="*/ 221525 h 333978"/>
                    <a:gd name="connsiteX6" fmla="*/ 88342 w 408782"/>
                    <a:gd name="connsiteY6" fmla="*/ 241992 h 333978"/>
                    <a:gd name="connsiteX7" fmla="*/ 0 w 408782"/>
                    <a:gd name="connsiteY7" fmla="*/ 124132 h 333978"/>
                    <a:gd name="connsiteX8" fmla="*/ 0 w 408782"/>
                    <a:gd name="connsiteY8" fmla="*/ 102808 h 333978"/>
                    <a:gd name="connsiteX0" fmla="*/ 0 w 408782"/>
                    <a:gd name="connsiteY0" fmla="*/ 102808 h 333978"/>
                    <a:gd name="connsiteX1" fmla="*/ 119020 w 408782"/>
                    <a:gd name="connsiteY1" fmla="*/ 6650 h 333978"/>
                    <a:gd name="connsiteX2" fmla="*/ 261905 w 408782"/>
                    <a:gd name="connsiteY2" fmla="*/ 0 h 333978"/>
                    <a:gd name="connsiteX3" fmla="*/ 384972 w 408782"/>
                    <a:gd name="connsiteY3" fmla="*/ 79353 h 333978"/>
                    <a:gd name="connsiteX4" fmla="*/ 408782 w 408782"/>
                    <a:gd name="connsiteY4" fmla="*/ 124132 h 333978"/>
                    <a:gd name="connsiteX5" fmla="*/ 238406 w 408782"/>
                    <a:gd name="connsiteY5" fmla="*/ 221525 h 333978"/>
                    <a:gd name="connsiteX6" fmla="*/ 88342 w 408782"/>
                    <a:gd name="connsiteY6" fmla="*/ 241992 h 333978"/>
                    <a:gd name="connsiteX7" fmla="*/ 0 w 408782"/>
                    <a:gd name="connsiteY7" fmla="*/ 124132 h 333978"/>
                    <a:gd name="connsiteX8" fmla="*/ 0 w 408782"/>
                    <a:gd name="connsiteY8" fmla="*/ 102808 h 333978"/>
                    <a:gd name="connsiteX0" fmla="*/ 0 w 400487"/>
                    <a:gd name="connsiteY0" fmla="*/ 102808 h 333978"/>
                    <a:gd name="connsiteX1" fmla="*/ 119020 w 400487"/>
                    <a:gd name="connsiteY1" fmla="*/ 6650 h 333978"/>
                    <a:gd name="connsiteX2" fmla="*/ 261905 w 400487"/>
                    <a:gd name="connsiteY2" fmla="*/ 0 h 333978"/>
                    <a:gd name="connsiteX3" fmla="*/ 384972 w 400487"/>
                    <a:gd name="connsiteY3" fmla="*/ 79353 h 333978"/>
                    <a:gd name="connsiteX4" fmla="*/ 400487 w 400487"/>
                    <a:gd name="connsiteY4" fmla="*/ 121915 h 333978"/>
                    <a:gd name="connsiteX5" fmla="*/ 238406 w 400487"/>
                    <a:gd name="connsiteY5" fmla="*/ 221525 h 333978"/>
                    <a:gd name="connsiteX6" fmla="*/ 88342 w 400487"/>
                    <a:gd name="connsiteY6" fmla="*/ 241992 h 333978"/>
                    <a:gd name="connsiteX7" fmla="*/ 0 w 400487"/>
                    <a:gd name="connsiteY7" fmla="*/ 124132 h 333978"/>
                    <a:gd name="connsiteX8" fmla="*/ 0 w 400487"/>
                    <a:gd name="connsiteY8" fmla="*/ 102808 h 333978"/>
                    <a:gd name="connsiteX0" fmla="*/ 0 w 400487"/>
                    <a:gd name="connsiteY0" fmla="*/ 102808 h 333978"/>
                    <a:gd name="connsiteX1" fmla="*/ 119020 w 400487"/>
                    <a:gd name="connsiteY1" fmla="*/ 6650 h 333978"/>
                    <a:gd name="connsiteX2" fmla="*/ 261905 w 400487"/>
                    <a:gd name="connsiteY2" fmla="*/ 0 h 333978"/>
                    <a:gd name="connsiteX3" fmla="*/ 393481 w 400487"/>
                    <a:gd name="connsiteY3" fmla="*/ 78209 h 333978"/>
                    <a:gd name="connsiteX4" fmla="*/ 400487 w 400487"/>
                    <a:gd name="connsiteY4" fmla="*/ 121915 h 333978"/>
                    <a:gd name="connsiteX5" fmla="*/ 238406 w 400487"/>
                    <a:gd name="connsiteY5" fmla="*/ 221525 h 333978"/>
                    <a:gd name="connsiteX6" fmla="*/ 88342 w 400487"/>
                    <a:gd name="connsiteY6" fmla="*/ 241992 h 333978"/>
                    <a:gd name="connsiteX7" fmla="*/ 0 w 400487"/>
                    <a:gd name="connsiteY7" fmla="*/ 124132 h 333978"/>
                    <a:gd name="connsiteX8" fmla="*/ 0 w 400487"/>
                    <a:gd name="connsiteY8" fmla="*/ 102808 h 333978"/>
                    <a:gd name="connsiteX0" fmla="*/ 0 w 400487"/>
                    <a:gd name="connsiteY0" fmla="*/ 102808 h 333978"/>
                    <a:gd name="connsiteX1" fmla="*/ 119020 w 400487"/>
                    <a:gd name="connsiteY1" fmla="*/ 6650 h 333978"/>
                    <a:gd name="connsiteX2" fmla="*/ 261905 w 400487"/>
                    <a:gd name="connsiteY2" fmla="*/ 0 h 333978"/>
                    <a:gd name="connsiteX3" fmla="*/ 393481 w 400487"/>
                    <a:gd name="connsiteY3" fmla="*/ 78209 h 333978"/>
                    <a:gd name="connsiteX4" fmla="*/ 400487 w 400487"/>
                    <a:gd name="connsiteY4" fmla="*/ 121915 h 333978"/>
                    <a:gd name="connsiteX5" fmla="*/ 238406 w 400487"/>
                    <a:gd name="connsiteY5" fmla="*/ 221525 h 333978"/>
                    <a:gd name="connsiteX6" fmla="*/ 88342 w 400487"/>
                    <a:gd name="connsiteY6" fmla="*/ 241992 h 333978"/>
                    <a:gd name="connsiteX7" fmla="*/ 0 w 400487"/>
                    <a:gd name="connsiteY7" fmla="*/ 124132 h 333978"/>
                    <a:gd name="connsiteX8" fmla="*/ 0 w 400487"/>
                    <a:gd name="connsiteY8" fmla="*/ 102808 h 333978"/>
                    <a:gd name="connsiteX0" fmla="*/ 0 w 400487"/>
                    <a:gd name="connsiteY0" fmla="*/ 102808 h 333978"/>
                    <a:gd name="connsiteX1" fmla="*/ 119020 w 400487"/>
                    <a:gd name="connsiteY1" fmla="*/ 6650 h 333978"/>
                    <a:gd name="connsiteX2" fmla="*/ 261905 w 400487"/>
                    <a:gd name="connsiteY2" fmla="*/ 0 h 333978"/>
                    <a:gd name="connsiteX3" fmla="*/ 393481 w 400487"/>
                    <a:gd name="connsiteY3" fmla="*/ 78209 h 333978"/>
                    <a:gd name="connsiteX4" fmla="*/ 400487 w 400487"/>
                    <a:gd name="connsiteY4" fmla="*/ 121915 h 333978"/>
                    <a:gd name="connsiteX5" fmla="*/ 238406 w 400487"/>
                    <a:gd name="connsiteY5" fmla="*/ 221525 h 333978"/>
                    <a:gd name="connsiteX6" fmla="*/ 88342 w 400487"/>
                    <a:gd name="connsiteY6" fmla="*/ 241992 h 333978"/>
                    <a:gd name="connsiteX7" fmla="*/ 0 w 400487"/>
                    <a:gd name="connsiteY7" fmla="*/ 124132 h 333978"/>
                    <a:gd name="connsiteX8" fmla="*/ 0 w 400487"/>
                    <a:gd name="connsiteY8" fmla="*/ 102808 h 333978"/>
                    <a:gd name="connsiteX0" fmla="*/ 0 w 400487"/>
                    <a:gd name="connsiteY0" fmla="*/ 96158 h 327328"/>
                    <a:gd name="connsiteX1" fmla="*/ 119020 w 400487"/>
                    <a:gd name="connsiteY1" fmla="*/ 0 h 327328"/>
                    <a:gd name="connsiteX2" fmla="*/ 264622 w 400487"/>
                    <a:gd name="connsiteY2" fmla="*/ 3647 h 327328"/>
                    <a:gd name="connsiteX3" fmla="*/ 393481 w 400487"/>
                    <a:gd name="connsiteY3" fmla="*/ 71559 h 327328"/>
                    <a:gd name="connsiteX4" fmla="*/ 400487 w 400487"/>
                    <a:gd name="connsiteY4" fmla="*/ 115265 h 327328"/>
                    <a:gd name="connsiteX5" fmla="*/ 238406 w 400487"/>
                    <a:gd name="connsiteY5" fmla="*/ 214875 h 327328"/>
                    <a:gd name="connsiteX6" fmla="*/ 88342 w 400487"/>
                    <a:gd name="connsiteY6" fmla="*/ 235342 h 327328"/>
                    <a:gd name="connsiteX7" fmla="*/ 0 w 400487"/>
                    <a:gd name="connsiteY7" fmla="*/ 117482 h 327328"/>
                    <a:gd name="connsiteX8" fmla="*/ 0 w 400487"/>
                    <a:gd name="connsiteY8" fmla="*/ 96158 h 327328"/>
                    <a:gd name="connsiteX0" fmla="*/ 0 w 400487"/>
                    <a:gd name="connsiteY0" fmla="*/ 92512 h 323682"/>
                    <a:gd name="connsiteX1" fmla="*/ 126671 w 400487"/>
                    <a:gd name="connsiteY1" fmla="*/ 8654 h 323682"/>
                    <a:gd name="connsiteX2" fmla="*/ 264622 w 400487"/>
                    <a:gd name="connsiteY2" fmla="*/ 1 h 323682"/>
                    <a:gd name="connsiteX3" fmla="*/ 393481 w 400487"/>
                    <a:gd name="connsiteY3" fmla="*/ 67913 h 323682"/>
                    <a:gd name="connsiteX4" fmla="*/ 400487 w 400487"/>
                    <a:gd name="connsiteY4" fmla="*/ 111619 h 323682"/>
                    <a:gd name="connsiteX5" fmla="*/ 238406 w 400487"/>
                    <a:gd name="connsiteY5" fmla="*/ 211229 h 323682"/>
                    <a:gd name="connsiteX6" fmla="*/ 88342 w 400487"/>
                    <a:gd name="connsiteY6" fmla="*/ 231696 h 323682"/>
                    <a:gd name="connsiteX7" fmla="*/ 0 w 400487"/>
                    <a:gd name="connsiteY7" fmla="*/ 113836 h 323682"/>
                    <a:gd name="connsiteX8" fmla="*/ 0 w 400487"/>
                    <a:gd name="connsiteY8" fmla="*/ 92512 h 323682"/>
                    <a:gd name="connsiteX0" fmla="*/ 58276 w 400487"/>
                    <a:gd name="connsiteY0" fmla="*/ 104672 h 323682"/>
                    <a:gd name="connsiteX1" fmla="*/ 126671 w 400487"/>
                    <a:gd name="connsiteY1" fmla="*/ 8654 h 323682"/>
                    <a:gd name="connsiteX2" fmla="*/ 264622 w 400487"/>
                    <a:gd name="connsiteY2" fmla="*/ 1 h 323682"/>
                    <a:gd name="connsiteX3" fmla="*/ 393481 w 400487"/>
                    <a:gd name="connsiteY3" fmla="*/ 67913 h 323682"/>
                    <a:gd name="connsiteX4" fmla="*/ 400487 w 400487"/>
                    <a:gd name="connsiteY4" fmla="*/ 111619 h 323682"/>
                    <a:gd name="connsiteX5" fmla="*/ 238406 w 400487"/>
                    <a:gd name="connsiteY5" fmla="*/ 211229 h 323682"/>
                    <a:gd name="connsiteX6" fmla="*/ 88342 w 400487"/>
                    <a:gd name="connsiteY6" fmla="*/ 231696 h 323682"/>
                    <a:gd name="connsiteX7" fmla="*/ 0 w 400487"/>
                    <a:gd name="connsiteY7" fmla="*/ 113836 h 323682"/>
                    <a:gd name="connsiteX8" fmla="*/ 58276 w 400487"/>
                    <a:gd name="connsiteY8" fmla="*/ 104672 h 323682"/>
                    <a:gd name="connsiteX0" fmla="*/ 4665 w 346876"/>
                    <a:gd name="connsiteY0" fmla="*/ 104672 h 323682"/>
                    <a:gd name="connsiteX1" fmla="*/ 73060 w 346876"/>
                    <a:gd name="connsiteY1" fmla="*/ 8654 h 323682"/>
                    <a:gd name="connsiteX2" fmla="*/ 211011 w 346876"/>
                    <a:gd name="connsiteY2" fmla="*/ 1 h 323682"/>
                    <a:gd name="connsiteX3" fmla="*/ 339870 w 346876"/>
                    <a:gd name="connsiteY3" fmla="*/ 67913 h 323682"/>
                    <a:gd name="connsiteX4" fmla="*/ 346876 w 346876"/>
                    <a:gd name="connsiteY4" fmla="*/ 111619 h 323682"/>
                    <a:gd name="connsiteX5" fmla="*/ 184795 w 346876"/>
                    <a:gd name="connsiteY5" fmla="*/ 211229 h 323682"/>
                    <a:gd name="connsiteX6" fmla="*/ 34731 w 346876"/>
                    <a:gd name="connsiteY6" fmla="*/ 231696 h 323682"/>
                    <a:gd name="connsiteX7" fmla="*/ 231 w 346876"/>
                    <a:gd name="connsiteY7" fmla="*/ 142585 h 323682"/>
                    <a:gd name="connsiteX8" fmla="*/ 4665 w 346876"/>
                    <a:gd name="connsiteY8" fmla="*/ 104672 h 323682"/>
                    <a:gd name="connsiteX0" fmla="*/ 4434 w 346645"/>
                    <a:gd name="connsiteY0" fmla="*/ 104672 h 323682"/>
                    <a:gd name="connsiteX1" fmla="*/ 72829 w 346645"/>
                    <a:gd name="connsiteY1" fmla="*/ 8654 h 323682"/>
                    <a:gd name="connsiteX2" fmla="*/ 210780 w 346645"/>
                    <a:gd name="connsiteY2" fmla="*/ 1 h 323682"/>
                    <a:gd name="connsiteX3" fmla="*/ 339639 w 346645"/>
                    <a:gd name="connsiteY3" fmla="*/ 67913 h 323682"/>
                    <a:gd name="connsiteX4" fmla="*/ 346645 w 346645"/>
                    <a:gd name="connsiteY4" fmla="*/ 111619 h 323682"/>
                    <a:gd name="connsiteX5" fmla="*/ 184564 w 346645"/>
                    <a:gd name="connsiteY5" fmla="*/ 211229 h 323682"/>
                    <a:gd name="connsiteX6" fmla="*/ 34500 w 346645"/>
                    <a:gd name="connsiteY6" fmla="*/ 231696 h 323682"/>
                    <a:gd name="connsiteX7" fmla="*/ 0 w 346645"/>
                    <a:gd name="connsiteY7" fmla="*/ 142585 h 323682"/>
                    <a:gd name="connsiteX8" fmla="*/ 4434 w 346645"/>
                    <a:gd name="connsiteY8" fmla="*/ 104672 h 323682"/>
                    <a:gd name="connsiteX0" fmla="*/ 4434 w 346645"/>
                    <a:gd name="connsiteY0" fmla="*/ 104672 h 323682"/>
                    <a:gd name="connsiteX1" fmla="*/ 72829 w 346645"/>
                    <a:gd name="connsiteY1" fmla="*/ 8654 h 323682"/>
                    <a:gd name="connsiteX2" fmla="*/ 210780 w 346645"/>
                    <a:gd name="connsiteY2" fmla="*/ 1 h 323682"/>
                    <a:gd name="connsiteX3" fmla="*/ 339639 w 346645"/>
                    <a:gd name="connsiteY3" fmla="*/ 67913 h 323682"/>
                    <a:gd name="connsiteX4" fmla="*/ 346645 w 346645"/>
                    <a:gd name="connsiteY4" fmla="*/ 111619 h 323682"/>
                    <a:gd name="connsiteX5" fmla="*/ 184564 w 346645"/>
                    <a:gd name="connsiteY5" fmla="*/ 211229 h 323682"/>
                    <a:gd name="connsiteX6" fmla="*/ 34500 w 346645"/>
                    <a:gd name="connsiteY6" fmla="*/ 231696 h 323682"/>
                    <a:gd name="connsiteX7" fmla="*/ 0 w 346645"/>
                    <a:gd name="connsiteY7" fmla="*/ 142585 h 323682"/>
                    <a:gd name="connsiteX8" fmla="*/ 4434 w 346645"/>
                    <a:gd name="connsiteY8" fmla="*/ 104672 h 323682"/>
                    <a:gd name="connsiteX0" fmla="*/ 2243 w 344454"/>
                    <a:gd name="connsiteY0" fmla="*/ 104672 h 323682"/>
                    <a:gd name="connsiteX1" fmla="*/ 70638 w 344454"/>
                    <a:gd name="connsiteY1" fmla="*/ 8654 h 323682"/>
                    <a:gd name="connsiteX2" fmla="*/ 208589 w 344454"/>
                    <a:gd name="connsiteY2" fmla="*/ 1 h 323682"/>
                    <a:gd name="connsiteX3" fmla="*/ 337448 w 344454"/>
                    <a:gd name="connsiteY3" fmla="*/ 67913 h 323682"/>
                    <a:gd name="connsiteX4" fmla="*/ 344454 w 344454"/>
                    <a:gd name="connsiteY4" fmla="*/ 111619 h 323682"/>
                    <a:gd name="connsiteX5" fmla="*/ 182373 w 344454"/>
                    <a:gd name="connsiteY5" fmla="*/ 211229 h 323682"/>
                    <a:gd name="connsiteX6" fmla="*/ 32309 w 344454"/>
                    <a:gd name="connsiteY6" fmla="*/ 231696 h 323682"/>
                    <a:gd name="connsiteX7" fmla="*/ 2243 w 344454"/>
                    <a:gd name="connsiteY7" fmla="*/ 104672 h 323682"/>
                    <a:gd name="connsiteX0" fmla="*/ 2685 w 344896"/>
                    <a:gd name="connsiteY0" fmla="*/ 104672 h 318772"/>
                    <a:gd name="connsiteX1" fmla="*/ 71080 w 344896"/>
                    <a:gd name="connsiteY1" fmla="*/ 8654 h 318772"/>
                    <a:gd name="connsiteX2" fmla="*/ 209031 w 344896"/>
                    <a:gd name="connsiteY2" fmla="*/ 1 h 318772"/>
                    <a:gd name="connsiteX3" fmla="*/ 337890 w 344896"/>
                    <a:gd name="connsiteY3" fmla="*/ 67913 h 318772"/>
                    <a:gd name="connsiteX4" fmla="*/ 344896 w 344896"/>
                    <a:gd name="connsiteY4" fmla="*/ 111619 h 318772"/>
                    <a:gd name="connsiteX5" fmla="*/ 182815 w 344896"/>
                    <a:gd name="connsiteY5" fmla="*/ 211229 h 318772"/>
                    <a:gd name="connsiteX6" fmla="*/ 29820 w 344896"/>
                    <a:gd name="connsiteY6" fmla="*/ 224761 h 318772"/>
                    <a:gd name="connsiteX7" fmla="*/ 2685 w 344896"/>
                    <a:gd name="connsiteY7" fmla="*/ 104672 h 318772"/>
                    <a:gd name="connsiteX0" fmla="*/ 2685 w 344896"/>
                    <a:gd name="connsiteY0" fmla="*/ 104672 h 318772"/>
                    <a:gd name="connsiteX1" fmla="*/ 71080 w 344896"/>
                    <a:gd name="connsiteY1" fmla="*/ 8654 h 318772"/>
                    <a:gd name="connsiteX2" fmla="*/ 209031 w 344896"/>
                    <a:gd name="connsiteY2" fmla="*/ 1 h 318772"/>
                    <a:gd name="connsiteX3" fmla="*/ 337890 w 344896"/>
                    <a:gd name="connsiteY3" fmla="*/ 67913 h 318772"/>
                    <a:gd name="connsiteX4" fmla="*/ 344896 w 344896"/>
                    <a:gd name="connsiteY4" fmla="*/ 111619 h 318772"/>
                    <a:gd name="connsiteX5" fmla="*/ 182815 w 344896"/>
                    <a:gd name="connsiteY5" fmla="*/ 211229 h 318772"/>
                    <a:gd name="connsiteX6" fmla="*/ 29820 w 344896"/>
                    <a:gd name="connsiteY6" fmla="*/ 224761 h 318772"/>
                    <a:gd name="connsiteX7" fmla="*/ 2685 w 344896"/>
                    <a:gd name="connsiteY7" fmla="*/ 104672 h 318772"/>
                    <a:gd name="connsiteX0" fmla="*/ 2685 w 337890"/>
                    <a:gd name="connsiteY0" fmla="*/ 104672 h 318772"/>
                    <a:gd name="connsiteX1" fmla="*/ 71080 w 337890"/>
                    <a:gd name="connsiteY1" fmla="*/ 8654 h 318772"/>
                    <a:gd name="connsiteX2" fmla="*/ 209031 w 337890"/>
                    <a:gd name="connsiteY2" fmla="*/ 1 h 318772"/>
                    <a:gd name="connsiteX3" fmla="*/ 337890 w 337890"/>
                    <a:gd name="connsiteY3" fmla="*/ 67913 h 318772"/>
                    <a:gd name="connsiteX4" fmla="*/ 182815 w 337890"/>
                    <a:gd name="connsiteY4" fmla="*/ 211229 h 318772"/>
                    <a:gd name="connsiteX5" fmla="*/ 29820 w 337890"/>
                    <a:gd name="connsiteY5" fmla="*/ 224761 h 318772"/>
                    <a:gd name="connsiteX6" fmla="*/ 2685 w 337890"/>
                    <a:gd name="connsiteY6" fmla="*/ 104672 h 318772"/>
                    <a:gd name="connsiteX0" fmla="*/ 2685 w 337890"/>
                    <a:gd name="connsiteY0" fmla="*/ 104672 h 318772"/>
                    <a:gd name="connsiteX1" fmla="*/ 71080 w 337890"/>
                    <a:gd name="connsiteY1" fmla="*/ 8654 h 318772"/>
                    <a:gd name="connsiteX2" fmla="*/ 209031 w 337890"/>
                    <a:gd name="connsiteY2" fmla="*/ 1 h 318772"/>
                    <a:gd name="connsiteX3" fmla="*/ 337890 w 337890"/>
                    <a:gd name="connsiteY3" fmla="*/ 67913 h 318772"/>
                    <a:gd name="connsiteX4" fmla="*/ 182815 w 337890"/>
                    <a:gd name="connsiteY4" fmla="*/ 211229 h 318772"/>
                    <a:gd name="connsiteX5" fmla="*/ 29820 w 337890"/>
                    <a:gd name="connsiteY5" fmla="*/ 224761 h 318772"/>
                    <a:gd name="connsiteX6" fmla="*/ 2685 w 337890"/>
                    <a:gd name="connsiteY6" fmla="*/ 104672 h 318772"/>
                    <a:gd name="connsiteX0" fmla="*/ 2685 w 337890"/>
                    <a:gd name="connsiteY0" fmla="*/ 104672 h 318772"/>
                    <a:gd name="connsiteX1" fmla="*/ 71080 w 337890"/>
                    <a:gd name="connsiteY1" fmla="*/ 8654 h 318772"/>
                    <a:gd name="connsiteX2" fmla="*/ 209031 w 337890"/>
                    <a:gd name="connsiteY2" fmla="*/ 1 h 318772"/>
                    <a:gd name="connsiteX3" fmla="*/ 337890 w 337890"/>
                    <a:gd name="connsiteY3" fmla="*/ 67913 h 318772"/>
                    <a:gd name="connsiteX4" fmla="*/ 182815 w 337890"/>
                    <a:gd name="connsiteY4" fmla="*/ 211229 h 318772"/>
                    <a:gd name="connsiteX5" fmla="*/ 29820 w 337890"/>
                    <a:gd name="connsiteY5" fmla="*/ 224761 h 318772"/>
                    <a:gd name="connsiteX6" fmla="*/ 2685 w 337890"/>
                    <a:gd name="connsiteY6" fmla="*/ 104672 h 318772"/>
                    <a:gd name="connsiteX0" fmla="*/ 2685 w 337890"/>
                    <a:gd name="connsiteY0" fmla="*/ 104671 h 318771"/>
                    <a:gd name="connsiteX1" fmla="*/ 71080 w 337890"/>
                    <a:gd name="connsiteY1" fmla="*/ 8653 h 318771"/>
                    <a:gd name="connsiteX2" fmla="*/ 209031 w 337890"/>
                    <a:gd name="connsiteY2" fmla="*/ 0 h 318771"/>
                    <a:gd name="connsiteX3" fmla="*/ 337890 w 337890"/>
                    <a:gd name="connsiteY3" fmla="*/ 67912 h 318771"/>
                    <a:gd name="connsiteX4" fmla="*/ 182815 w 337890"/>
                    <a:gd name="connsiteY4" fmla="*/ 211228 h 318771"/>
                    <a:gd name="connsiteX5" fmla="*/ 29820 w 337890"/>
                    <a:gd name="connsiteY5" fmla="*/ 224760 h 318771"/>
                    <a:gd name="connsiteX6" fmla="*/ 2685 w 337890"/>
                    <a:gd name="connsiteY6" fmla="*/ 104671 h 318771"/>
                    <a:gd name="connsiteX0" fmla="*/ 2685 w 337890"/>
                    <a:gd name="connsiteY0" fmla="*/ 104671 h 318771"/>
                    <a:gd name="connsiteX1" fmla="*/ 71080 w 337890"/>
                    <a:gd name="connsiteY1" fmla="*/ 8653 h 318771"/>
                    <a:gd name="connsiteX2" fmla="*/ 209031 w 337890"/>
                    <a:gd name="connsiteY2" fmla="*/ 0 h 318771"/>
                    <a:gd name="connsiteX3" fmla="*/ 337890 w 337890"/>
                    <a:gd name="connsiteY3" fmla="*/ 67912 h 318771"/>
                    <a:gd name="connsiteX4" fmla="*/ 182815 w 337890"/>
                    <a:gd name="connsiteY4" fmla="*/ 211228 h 318771"/>
                    <a:gd name="connsiteX5" fmla="*/ 29820 w 337890"/>
                    <a:gd name="connsiteY5" fmla="*/ 224760 h 318771"/>
                    <a:gd name="connsiteX6" fmla="*/ 2685 w 337890"/>
                    <a:gd name="connsiteY6" fmla="*/ 104671 h 318771"/>
                    <a:gd name="connsiteX0" fmla="*/ 2685 w 337890"/>
                    <a:gd name="connsiteY0" fmla="*/ 104671 h 318771"/>
                    <a:gd name="connsiteX1" fmla="*/ 71080 w 337890"/>
                    <a:gd name="connsiteY1" fmla="*/ 8653 h 318771"/>
                    <a:gd name="connsiteX2" fmla="*/ 209031 w 337890"/>
                    <a:gd name="connsiteY2" fmla="*/ 0 h 318771"/>
                    <a:gd name="connsiteX3" fmla="*/ 337890 w 337890"/>
                    <a:gd name="connsiteY3" fmla="*/ 67912 h 318771"/>
                    <a:gd name="connsiteX4" fmla="*/ 182815 w 337890"/>
                    <a:gd name="connsiteY4" fmla="*/ 211228 h 318771"/>
                    <a:gd name="connsiteX5" fmla="*/ 29820 w 337890"/>
                    <a:gd name="connsiteY5" fmla="*/ 224760 h 318771"/>
                    <a:gd name="connsiteX6" fmla="*/ 2685 w 337890"/>
                    <a:gd name="connsiteY6" fmla="*/ 104671 h 318771"/>
                    <a:gd name="connsiteX0" fmla="*/ 2798 w 338003"/>
                    <a:gd name="connsiteY0" fmla="*/ 104671 h 318771"/>
                    <a:gd name="connsiteX1" fmla="*/ 71193 w 338003"/>
                    <a:gd name="connsiteY1" fmla="*/ 8653 h 318771"/>
                    <a:gd name="connsiteX2" fmla="*/ 209144 w 338003"/>
                    <a:gd name="connsiteY2" fmla="*/ 0 h 318771"/>
                    <a:gd name="connsiteX3" fmla="*/ 338003 w 338003"/>
                    <a:gd name="connsiteY3" fmla="*/ 67912 h 318771"/>
                    <a:gd name="connsiteX4" fmla="*/ 182928 w 338003"/>
                    <a:gd name="connsiteY4" fmla="*/ 211228 h 318771"/>
                    <a:gd name="connsiteX5" fmla="*/ 29933 w 338003"/>
                    <a:gd name="connsiteY5" fmla="*/ 224760 h 318771"/>
                    <a:gd name="connsiteX6" fmla="*/ 2798 w 338003"/>
                    <a:gd name="connsiteY6" fmla="*/ 104671 h 318771"/>
                    <a:gd name="connsiteX0" fmla="*/ 2798 w 338003"/>
                    <a:gd name="connsiteY0" fmla="*/ 104671 h 318771"/>
                    <a:gd name="connsiteX1" fmla="*/ 209144 w 338003"/>
                    <a:gd name="connsiteY1" fmla="*/ 0 h 318771"/>
                    <a:gd name="connsiteX2" fmla="*/ 338003 w 338003"/>
                    <a:gd name="connsiteY2" fmla="*/ 67912 h 318771"/>
                    <a:gd name="connsiteX3" fmla="*/ 182928 w 338003"/>
                    <a:gd name="connsiteY3" fmla="*/ 211228 h 318771"/>
                    <a:gd name="connsiteX4" fmla="*/ 29933 w 338003"/>
                    <a:gd name="connsiteY4" fmla="*/ 224760 h 318771"/>
                    <a:gd name="connsiteX5" fmla="*/ 2798 w 338003"/>
                    <a:gd name="connsiteY5" fmla="*/ 104671 h 318771"/>
                    <a:gd name="connsiteX0" fmla="*/ 2798 w 338003"/>
                    <a:gd name="connsiteY0" fmla="*/ 107658 h 321758"/>
                    <a:gd name="connsiteX1" fmla="*/ 209144 w 338003"/>
                    <a:gd name="connsiteY1" fmla="*/ 2987 h 321758"/>
                    <a:gd name="connsiteX2" fmla="*/ 338003 w 338003"/>
                    <a:gd name="connsiteY2" fmla="*/ 70899 h 321758"/>
                    <a:gd name="connsiteX3" fmla="*/ 182928 w 338003"/>
                    <a:gd name="connsiteY3" fmla="*/ 214215 h 321758"/>
                    <a:gd name="connsiteX4" fmla="*/ 29933 w 338003"/>
                    <a:gd name="connsiteY4" fmla="*/ 227747 h 321758"/>
                    <a:gd name="connsiteX5" fmla="*/ 2798 w 338003"/>
                    <a:gd name="connsiteY5" fmla="*/ 107658 h 321758"/>
                    <a:gd name="connsiteX0" fmla="*/ 2798 w 338003"/>
                    <a:gd name="connsiteY0" fmla="*/ 109603 h 323703"/>
                    <a:gd name="connsiteX1" fmla="*/ 209144 w 338003"/>
                    <a:gd name="connsiteY1" fmla="*/ 4932 h 323703"/>
                    <a:gd name="connsiteX2" fmla="*/ 338003 w 338003"/>
                    <a:gd name="connsiteY2" fmla="*/ 72844 h 323703"/>
                    <a:gd name="connsiteX3" fmla="*/ 182928 w 338003"/>
                    <a:gd name="connsiteY3" fmla="*/ 216160 h 323703"/>
                    <a:gd name="connsiteX4" fmla="*/ 29933 w 338003"/>
                    <a:gd name="connsiteY4" fmla="*/ 229692 h 323703"/>
                    <a:gd name="connsiteX5" fmla="*/ 2798 w 338003"/>
                    <a:gd name="connsiteY5" fmla="*/ 109603 h 323703"/>
                    <a:gd name="connsiteX0" fmla="*/ 2798 w 338003"/>
                    <a:gd name="connsiteY0" fmla="*/ 109603 h 323703"/>
                    <a:gd name="connsiteX1" fmla="*/ 209144 w 338003"/>
                    <a:gd name="connsiteY1" fmla="*/ 4932 h 323703"/>
                    <a:gd name="connsiteX2" fmla="*/ 338003 w 338003"/>
                    <a:gd name="connsiteY2" fmla="*/ 72844 h 323703"/>
                    <a:gd name="connsiteX3" fmla="*/ 182928 w 338003"/>
                    <a:gd name="connsiteY3" fmla="*/ 216160 h 323703"/>
                    <a:gd name="connsiteX4" fmla="*/ 29933 w 338003"/>
                    <a:gd name="connsiteY4" fmla="*/ 229692 h 323703"/>
                    <a:gd name="connsiteX5" fmla="*/ 2798 w 338003"/>
                    <a:gd name="connsiteY5" fmla="*/ 109603 h 323703"/>
                    <a:gd name="connsiteX0" fmla="*/ 1763 w 336968"/>
                    <a:gd name="connsiteY0" fmla="*/ 109603 h 323703"/>
                    <a:gd name="connsiteX1" fmla="*/ 208109 w 336968"/>
                    <a:gd name="connsiteY1" fmla="*/ 4932 h 323703"/>
                    <a:gd name="connsiteX2" fmla="*/ 336968 w 336968"/>
                    <a:gd name="connsiteY2" fmla="*/ 72844 h 323703"/>
                    <a:gd name="connsiteX3" fmla="*/ 181893 w 336968"/>
                    <a:gd name="connsiteY3" fmla="*/ 216160 h 323703"/>
                    <a:gd name="connsiteX4" fmla="*/ 28898 w 336968"/>
                    <a:gd name="connsiteY4" fmla="*/ 229692 h 323703"/>
                    <a:gd name="connsiteX5" fmla="*/ 1763 w 336968"/>
                    <a:gd name="connsiteY5" fmla="*/ 109603 h 323703"/>
                    <a:gd name="connsiteX0" fmla="*/ 1124 w 346862"/>
                    <a:gd name="connsiteY0" fmla="*/ 107899 h 323840"/>
                    <a:gd name="connsiteX1" fmla="*/ 218003 w 346862"/>
                    <a:gd name="connsiteY1" fmla="*/ 5069 h 323840"/>
                    <a:gd name="connsiteX2" fmla="*/ 346862 w 346862"/>
                    <a:gd name="connsiteY2" fmla="*/ 72981 h 323840"/>
                    <a:gd name="connsiteX3" fmla="*/ 191787 w 346862"/>
                    <a:gd name="connsiteY3" fmla="*/ 216297 h 323840"/>
                    <a:gd name="connsiteX4" fmla="*/ 38792 w 346862"/>
                    <a:gd name="connsiteY4" fmla="*/ 229829 h 323840"/>
                    <a:gd name="connsiteX5" fmla="*/ 1124 w 346862"/>
                    <a:gd name="connsiteY5" fmla="*/ 107899 h 323840"/>
                    <a:gd name="connsiteX0" fmla="*/ 1124 w 346862"/>
                    <a:gd name="connsiteY0" fmla="*/ 108291 h 324232"/>
                    <a:gd name="connsiteX1" fmla="*/ 218003 w 346862"/>
                    <a:gd name="connsiteY1" fmla="*/ 5461 h 324232"/>
                    <a:gd name="connsiteX2" fmla="*/ 346862 w 346862"/>
                    <a:gd name="connsiteY2" fmla="*/ 73373 h 324232"/>
                    <a:gd name="connsiteX3" fmla="*/ 191787 w 346862"/>
                    <a:gd name="connsiteY3" fmla="*/ 216689 h 324232"/>
                    <a:gd name="connsiteX4" fmla="*/ 38792 w 346862"/>
                    <a:gd name="connsiteY4" fmla="*/ 230221 h 324232"/>
                    <a:gd name="connsiteX5" fmla="*/ 1124 w 346862"/>
                    <a:gd name="connsiteY5" fmla="*/ 108291 h 324232"/>
                    <a:gd name="connsiteX0" fmla="*/ 1434 w 347172"/>
                    <a:gd name="connsiteY0" fmla="*/ 108291 h 324232"/>
                    <a:gd name="connsiteX1" fmla="*/ 218313 w 347172"/>
                    <a:gd name="connsiteY1" fmla="*/ 5461 h 324232"/>
                    <a:gd name="connsiteX2" fmla="*/ 347172 w 347172"/>
                    <a:gd name="connsiteY2" fmla="*/ 73373 h 324232"/>
                    <a:gd name="connsiteX3" fmla="*/ 192097 w 347172"/>
                    <a:gd name="connsiteY3" fmla="*/ 216689 h 324232"/>
                    <a:gd name="connsiteX4" fmla="*/ 39102 w 347172"/>
                    <a:gd name="connsiteY4" fmla="*/ 230221 h 324232"/>
                    <a:gd name="connsiteX5" fmla="*/ 1434 w 347172"/>
                    <a:gd name="connsiteY5" fmla="*/ 108291 h 324232"/>
                    <a:gd name="connsiteX0" fmla="*/ 1434 w 347172"/>
                    <a:gd name="connsiteY0" fmla="*/ 108291 h 320846"/>
                    <a:gd name="connsiteX1" fmla="*/ 218313 w 347172"/>
                    <a:gd name="connsiteY1" fmla="*/ 5461 h 320846"/>
                    <a:gd name="connsiteX2" fmla="*/ 347172 w 347172"/>
                    <a:gd name="connsiteY2" fmla="*/ 73373 h 320846"/>
                    <a:gd name="connsiteX3" fmla="*/ 192097 w 347172"/>
                    <a:gd name="connsiteY3" fmla="*/ 216689 h 320846"/>
                    <a:gd name="connsiteX4" fmla="*/ 39102 w 347172"/>
                    <a:gd name="connsiteY4" fmla="*/ 230221 h 320846"/>
                    <a:gd name="connsiteX5" fmla="*/ 1434 w 347172"/>
                    <a:gd name="connsiteY5" fmla="*/ 108291 h 320846"/>
                    <a:gd name="connsiteX0" fmla="*/ 1434 w 347172"/>
                    <a:gd name="connsiteY0" fmla="*/ 108291 h 320714"/>
                    <a:gd name="connsiteX1" fmla="*/ 218313 w 347172"/>
                    <a:gd name="connsiteY1" fmla="*/ 5461 h 320714"/>
                    <a:gd name="connsiteX2" fmla="*/ 347172 w 347172"/>
                    <a:gd name="connsiteY2" fmla="*/ 73373 h 320714"/>
                    <a:gd name="connsiteX3" fmla="*/ 192097 w 347172"/>
                    <a:gd name="connsiteY3" fmla="*/ 216689 h 320714"/>
                    <a:gd name="connsiteX4" fmla="*/ 39102 w 347172"/>
                    <a:gd name="connsiteY4" fmla="*/ 230221 h 320714"/>
                    <a:gd name="connsiteX5" fmla="*/ 1434 w 347172"/>
                    <a:gd name="connsiteY5" fmla="*/ 108291 h 320714"/>
                    <a:gd name="connsiteX0" fmla="*/ 1434 w 348059"/>
                    <a:gd name="connsiteY0" fmla="*/ 108291 h 320714"/>
                    <a:gd name="connsiteX1" fmla="*/ 218313 w 348059"/>
                    <a:gd name="connsiteY1" fmla="*/ 5461 h 320714"/>
                    <a:gd name="connsiteX2" fmla="*/ 347172 w 348059"/>
                    <a:gd name="connsiteY2" fmla="*/ 73373 h 320714"/>
                    <a:gd name="connsiteX3" fmla="*/ 192097 w 348059"/>
                    <a:gd name="connsiteY3" fmla="*/ 216689 h 320714"/>
                    <a:gd name="connsiteX4" fmla="*/ 39102 w 348059"/>
                    <a:gd name="connsiteY4" fmla="*/ 230221 h 320714"/>
                    <a:gd name="connsiteX5" fmla="*/ 1434 w 348059"/>
                    <a:gd name="connsiteY5" fmla="*/ 108291 h 320714"/>
                    <a:gd name="connsiteX0" fmla="*/ 1434 w 347172"/>
                    <a:gd name="connsiteY0" fmla="*/ 108291 h 230221"/>
                    <a:gd name="connsiteX1" fmla="*/ 218313 w 347172"/>
                    <a:gd name="connsiteY1" fmla="*/ 5461 h 230221"/>
                    <a:gd name="connsiteX2" fmla="*/ 347172 w 347172"/>
                    <a:gd name="connsiteY2" fmla="*/ 73373 h 230221"/>
                    <a:gd name="connsiteX3" fmla="*/ 39102 w 347172"/>
                    <a:gd name="connsiteY3" fmla="*/ 230221 h 230221"/>
                    <a:gd name="connsiteX4" fmla="*/ 1434 w 347172"/>
                    <a:gd name="connsiteY4" fmla="*/ 108291 h 230221"/>
                    <a:gd name="connsiteX0" fmla="*/ 1434 w 347172"/>
                    <a:gd name="connsiteY0" fmla="*/ 108291 h 245113"/>
                    <a:gd name="connsiteX1" fmla="*/ 218313 w 347172"/>
                    <a:gd name="connsiteY1" fmla="*/ 5461 h 245113"/>
                    <a:gd name="connsiteX2" fmla="*/ 347172 w 347172"/>
                    <a:gd name="connsiteY2" fmla="*/ 73373 h 245113"/>
                    <a:gd name="connsiteX3" fmla="*/ 39102 w 347172"/>
                    <a:gd name="connsiteY3" fmla="*/ 230221 h 245113"/>
                    <a:gd name="connsiteX4" fmla="*/ 1434 w 347172"/>
                    <a:gd name="connsiteY4" fmla="*/ 108291 h 245113"/>
                    <a:gd name="connsiteX0" fmla="*/ 1434 w 381199"/>
                    <a:gd name="connsiteY0" fmla="*/ 108291 h 245118"/>
                    <a:gd name="connsiteX1" fmla="*/ 218313 w 381199"/>
                    <a:gd name="connsiteY1" fmla="*/ 5461 h 245118"/>
                    <a:gd name="connsiteX2" fmla="*/ 381198 w 381199"/>
                    <a:gd name="connsiteY2" fmla="*/ 73439 h 245118"/>
                    <a:gd name="connsiteX3" fmla="*/ 39102 w 381199"/>
                    <a:gd name="connsiteY3" fmla="*/ 230221 h 245118"/>
                    <a:gd name="connsiteX4" fmla="*/ 1434 w 381199"/>
                    <a:gd name="connsiteY4" fmla="*/ 108291 h 245118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</a:cxnLst>
                  <a:rect l="l" t="t" r="r" b="b"/>
                  <a:pathLst>
                    <a:path w="381199" h="245118">
                      <a:moveTo>
                        <a:pt x="1434" y="108291"/>
                      </a:moveTo>
                      <a:cubicBezTo>
                        <a:pt x="9681" y="21395"/>
                        <a:pt x="120259" y="-14729"/>
                        <a:pt x="218313" y="5461"/>
                      </a:cubicBezTo>
                      <a:cubicBezTo>
                        <a:pt x="293621" y="5461"/>
                        <a:pt x="353572" y="13576"/>
                        <a:pt x="381198" y="73439"/>
                      </a:cubicBezTo>
                      <a:cubicBezTo>
                        <a:pt x="351330" y="110899"/>
                        <a:pt x="387526" y="298718"/>
                        <a:pt x="39102" y="230221"/>
                      </a:cubicBezTo>
                      <a:cubicBezTo>
                        <a:pt x="10422" y="202056"/>
                        <a:pt x="-4954" y="145464"/>
                        <a:pt x="1434" y="108291"/>
                      </a:cubicBezTo>
                      <a:close/>
                    </a:path>
                  </a:pathLst>
                </a:custGeom>
                <a:solidFill>
                  <a:srgbClr val="F38412">
                    <a:lumMod val="20000"/>
                    <a:lumOff val="80000"/>
                  </a:srgbClr>
                </a:solidFill>
                <a:ln w="15875" cap="flat" cmpd="sng" algn="ctr">
                  <a:solidFill>
                    <a:srgbClr val="000000"/>
                  </a:solidFill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  <p:sp>
              <p:nvSpPr>
                <p:cNvPr id="249" name="Rounded Rectangle 209"/>
                <p:cNvSpPr/>
                <p:nvPr/>
              </p:nvSpPr>
              <p:spPr>
                <a:xfrm rot="20122367" flipH="1">
                  <a:off x="3114248" y="5210344"/>
                  <a:ext cx="198346" cy="166804"/>
                </a:xfrm>
                <a:prstGeom prst="roundRect">
                  <a:avLst>
                    <a:gd name="adj" fmla="val 50000"/>
                  </a:avLst>
                </a:prstGeom>
                <a:solidFill>
                  <a:srgbClr val="F38412">
                    <a:lumMod val="20000"/>
                    <a:lumOff val="80000"/>
                  </a:srgbClr>
                </a:solidFill>
                <a:ln w="15875" cap="flat" cmpd="sng" algn="ctr">
                  <a:solidFill>
                    <a:srgbClr val="000000"/>
                  </a:solidFill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  <p:sp>
              <p:nvSpPr>
                <p:cNvPr id="250" name="Rounded Rectangle 210"/>
                <p:cNvSpPr/>
                <p:nvPr/>
              </p:nvSpPr>
              <p:spPr>
                <a:xfrm rot="20122367" flipH="1">
                  <a:off x="3174044" y="5360194"/>
                  <a:ext cx="212808" cy="167991"/>
                </a:xfrm>
                <a:prstGeom prst="roundRect">
                  <a:avLst>
                    <a:gd name="adj" fmla="val 46374"/>
                  </a:avLst>
                </a:prstGeom>
                <a:solidFill>
                  <a:srgbClr val="F38412">
                    <a:lumMod val="20000"/>
                    <a:lumOff val="80000"/>
                  </a:srgbClr>
                </a:solidFill>
                <a:ln w="15875" cap="flat" cmpd="sng" algn="ctr">
                  <a:solidFill>
                    <a:srgbClr val="000000"/>
                  </a:solidFill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  <p:sp>
              <p:nvSpPr>
                <p:cNvPr id="251" name="Rounded Rectangle 28"/>
                <p:cNvSpPr/>
                <p:nvPr/>
              </p:nvSpPr>
              <p:spPr>
                <a:xfrm rot="20122367" flipH="1">
                  <a:off x="3203442" y="5527677"/>
                  <a:ext cx="212808" cy="144547"/>
                </a:xfrm>
                <a:custGeom>
                  <a:avLst/>
                  <a:gdLst>
                    <a:gd name="connsiteX0" fmla="*/ 0 w 408782"/>
                    <a:gd name="connsiteY0" fmla="*/ 136357 h 294038"/>
                    <a:gd name="connsiteX1" fmla="*/ 136357 w 408782"/>
                    <a:gd name="connsiteY1" fmla="*/ 0 h 294038"/>
                    <a:gd name="connsiteX2" fmla="*/ 272425 w 408782"/>
                    <a:gd name="connsiteY2" fmla="*/ 0 h 294038"/>
                    <a:gd name="connsiteX3" fmla="*/ 408782 w 408782"/>
                    <a:gd name="connsiteY3" fmla="*/ 136357 h 294038"/>
                    <a:gd name="connsiteX4" fmla="*/ 408782 w 408782"/>
                    <a:gd name="connsiteY4" fmla="*/ 157681 h 294038"/>
                    <a:gd name="connsiteX5" fmla="*/ 272425 w 408782"/>
                    <a:gd name="connsiteY5" fmla="*/ 294038 h 294038"/>
                    <a:gd name="connsiteX6" fmla="*/ 136357 w 408782"/>
                    <a:gd name="connsiteY6" fmla="*/ 294038 h 294038"/>
                    <a:gd name="connsiteX7" fmla="*/ 0 w 408782"/>
                    <a:gd name="connsiteY7" fmla="*/ 157681 h 294038"/>
                    <a:gd name="connsiteX8" fmla="*/ 0 w 408782"/>
                    <a:gd name="connsiteY8" fmla="*/ 136357 h 294038"/>
                    <a:gd name="connsiteX0" fmla="*/ 0 w 408782"/>
                    <a:gd name="connsiteY0" fmla="*/ 136357 h 294038"/>
                    <a:gd name="connsiteX1" fmla="*/ 136357 w 408782"/>
                    <a:gd name="connsiteY1" fmla="*/ 0 h 294038"/>
                    <a:gd name="connsiteX2" fmla="*/ 272425 w 408782"/>
                    <a:gd name="connsiteY2" fmla="*/ 0 h 294038"/>
                    <a:gd name="connsiteX3" fmla="*/ 408782 w 408782"/>
                    <a:gd name="connsiteY3" fmla="*/ 136357 h 294038"/>
                    <a:gd name="connsiteX4" fmla="*/ 408782 w 408782"/>
                    <a:gd name="connsiteY4" fmla="*/ 157681 h 294038"/>
                    <a:gd name="connsiteX5" fmla="*/ 301445 w 408782"/>
                    <a:gd name="connsiteY5" fmla="*/ 262404 h 294038"/>
                    <a:gd name="connsiteX6" fmla="*/ 136357 w 408782"/>
                    <a:gd name="connsiteY6" fmla="*/ 294038 h 294038"/>
                    <a:gd name="connsiteX7" fmla="*/ 0 w 408782"/>
                    <a:gd name="connsiteY7" fmla="*/ 157681 h 294038"/>
                    <a:gd name="connsiteX8" fmla="*/ 0 w 408782"/>
                    <a:gd name="connsiteY8" fmla="*/ 136357 h 294038"/>
                    <a:gd name="connsiteX0" fmla="*/ 0 w 408782"/>
                    <a:gd name="connsiteY0" fmla="*/ 136357 h 278237"/>
                    <a:gd name="connsiteX1" fmla="*/ 136357 w 408782"/>
                    <a:gd name="connsiteY1" fmla="*/ 0 h 278237"/>
                    <a:gd name="connsiteX2" fmla="*/ 272425 w 408782"/>
                    <a:gd name="connsiteY2" fmla="*/ 0 h 278237"/>
                    <a:gd name="connsiteX3" fmla="*/ 408782 w 408782"/>
                    <a:gd name="connsiteY3" fmla="*/ 136357 h 278237"/>
                    <a:gd name="connsiteX4" fmla="*/ 408782 w 408782"/>
                    <a:gd name="connsiteY4" fmla="*/ 157681 h 278237"/>
                    <a:gd name="connsiteX5" fmla="*/ 301445 w 408782"/>
                    <a:gd name="connsiteY5" fmla="*/ 262404 h 278237"/>
                    <a:gd name="connsiteX6" fmla="*/ 84352 w 408782"/>
                    <a:gd name="connsiteY6" fmla="*/ 278237 h 278237"/>
                    <a:gd name="connsiteX7" fmla="*/ 0 w 408782"/>
                    <a:gd name="connsiteY7" fmla="*/ 157681 h 278237"/>
                    <a:gd name="connsiteX8" fmla="*/ 0 w 408782"/>
                    <a:gd name="connsiteY8" fmla="*/ 136357 h 278237"/>
                    <a:gd name="connsiteX0" fmla="*/ 0 w 408782"/>
                    <a:gd name="connsiteY0" fmla="*/ 136357 h 278237"/>
                    <a:gd name="connsiteX1" fmla="*/ 136357 w 408782"/>
                    <a:gd name="connsiteY1" fmla="*/ 0 h 278237"/>
                    <a:gd name="connsiteX2" fmla="*/ 272425 w 408782"/>
                    <a:gd name="connsiteY2" fmla="*/ 0 h 278237"/>
                    <a:gd name="connsiteX3" fmla="*/ 408782 w 408782"/>
                    <a:gd name="connsiteY3" fmla="*/ 136357 h 278237"/>
                    <a:gd name="connsiteX4" fmla="*/ 408782 w 408782"/>
                    <a:gd name="connsiteY4" fmla="*/ 157681 h 278237"/>
                    <a:gd name="connsiteX5" fmla="*/ 301445 w 408782"/>
                    <a:gd name="connsiteY5" fmla="*/ 262404 h 278237"/>
                    <a:gd name="connsiteX6" fmla="*/ 84352 w 408782"/>
                    <a:gd name="connsiteY6" fmla="*/ 278237 h 278237"/>
                    <a:gd name="connsiteX7" fmla="*/ 0 w 408782"/>
                    <a:gd name="connsiteY7" fmla="*/ 157681 h 278237"/>
                    <a:gd name="connsiteX8" fmla="*/ 0 w 408782"/>
                    <a:gd name="connsiteY8" fmla="*/ 136357 h 278237"/>
                    <a:gd name="connsiteX0" fmla="*/ 0 w 408782"/>
                    <a:gd name="connsiteY0" fmla="*/ 136357 h 278237"/>
                    <a:gd name="connsiteX1" fmla="*/ 119020 w 408782"/>
                    <a:gd name="connsiteY1" fmla="*/ 40199 h 278237"/>
                    <a:gd name="connsiteX2" fmla="*/ 272425 w 408782"/>
                    <a:gd name="connsiteY2" fmla="*/ 0 h 278237"/>
                    <a:gd name="connsiteX3" fmla="*/ 408782 w 408782"/>
                    <a:gd name="connsiteY3" fmla="*/ 136357 h 278237"/>
                    <a:gd name="connsiteX4" fmla="*/ 408782 w 408782"/>
                    <a:gd name="connsiteY4" fmla="*/ 157681 h 278237"/>
                    <a:gd name="connsiteX5" fmla="*/ 301445 w 408782"/>
                    <a:gd name="connsiteY5" fmla="*/ 262404 h 278237"/>
                    <a:gd name="connsiteX6" fmla="*/ 84352 w 408782"/>
                    <a:gd name="connsiteY6" fmla="*/ 278237 h 278237"/>
                    <a:gd name="connsiteX7" fmla="*/ 0 w 408782"/>
                    <a:gd name="connsiteY7" fmla="*/ 157681 h 278237"/>
                    <a:gd name="connsiteX8" fmla="*/ 0 w 408782"/>
                    <a:gd name="connsiteY8" fmla="*/ 136357 h 278237"/>
                    <a:gd name="connsiteX0" fmla="*/ 0 w 408782"/>
                    <a:gd name="connsiteY0" fmla="*/ 102808 h 244688"/>
                    <a:gd name="connsiteX1" fmla="*/ 119020 w 408782"/>
                    <a:gd name="connsiteY1" fmla="*/ 6650 h 244688"/>
                    <a:gd name="connsiteX2" fmla="*/ 261905 w 408782"/>
                    <a:gd name="connsiteY2" fmla="*/ 0 h 244688"/>
                    <a:gd name="connsiteX3" fmla="*/ 408782 w 408782"/>
                    <a:gd name="connsiteY3" fmla="*/ 102808 h 244688"/>
                    <a:gd name="connsiteX4" fmla="*/ 408782 w 408782"/>
                    <a:gd name="connsiteY4" fmla="*/ 124132 h 244688"/>
                    <a:gd name="connsiteX5" fmla="*/ 301445 w 408782"/>
                    <a:gd name="connsiteY5" fmla="*/ 228855 h 244688"/>
                    <a:gd name="connsiteX6" fmla="*/ 84352 w 408782"/>
                    <a:gd name="connsiteY6" fmla="*/ 244688 h 244688"/>
                    <a:gd name="connsiteX7" fmla="*/ 0 w 408782"/>
                    <a:gd name="connsiteY7" fmla="*/ 124132 h 244688"/>
                    <a:gd name="connsiteX8" fmla="*/ 0 w 408782"/>
                    <a:gd name="connsiteY8" fmla="*/ 102808 h 244688"/>
                    <a:gd name="connsiteX0" fmla="*/ 0 w 408782"/>
                    <a:gd name="connsiteY0" fmla="*/ 102808 h 244688"/>
                    <a:gd name="connsiteX1" fmla="*/ 119020 w 408782"/>
                    <a:gd name="connsiteY1" fmla="*/ 6650 h 244688"/>
                    <a:gd name="connsiteX2" fmla="*/ 261905 w 408782"/>
                    <a:gd name="connsiteY2" fmla="*/ 0 h 244688"/>
                    <a:gd name="connsiteX3" fmla="*/ 408782 w 408782"/>
                    <a:gd name="connsiteY3" fmla="*/ 102808 h 244688"/>
                    <a:gd name="connsiteX4" fmla="*/ 408782 w 408782"/>
                    <a:gd name="connsiteY4" fmla="*/ 124132 h 244688"/>
                    <a:gd name="connsiteX5" fmla="*/ 299615 w 408782"/>
                    <a:gd name="connsiteY5" fmla="*/ 240620 h 244688"/>
                    <a:gd name="connsiteX6" fmla="*/ 84352 w 408782"/>
                    <a:gd name="connsiteY6" fmla="*/ 244688 h 244688"/>
                    <a:gd name="connsiteX7" fmla="*/ 0 w 408782"/>
                    <a:gd name="connsiteY7" fmla="*/ 124132 h 244688"/>
                    <a:gd name="connsiteX8" fmla="*/ 0 w 408782"/>
                    <a:gd name="connsiteY8" fmla="*/ 102808 h 244688"/>
                    <a:gd name="connsiteX0" fmla="*/ 0 w 408782"/>
                    <a:gd name="connsiteY0" fmla="*/ 102808 h 253003"/>
                    <a:gd name="connsiteX1" fmla="*/ 119020 w 408782"/>
                    <a:gd name="connsiteY1" fmla="*/ 6650 h 253003"/>
                    <a:gd name="connsiteX2" fmla="*/ 261905 w 408782"/>
                    <a:gd name="connsiteY2" fmla="*/ 0 h 253003"/>
                    <a:gd name="connsiteX3" fmla="*/ 408782 w 408782"/>
                    <a:gd name="connsiteY3" fmla="*/ 102808 h 253003"/>
                    <a:gd name="connsiteX4" fmla="*/ 408782 w 408782"/>
                    <a:gd name="connsiteY4" fmla="*/ 124132 h 253003"/>
                    <a:gd name="connsiteX5" fmla="*/ 299615 w 408782"/>
                    <a:gd name="connsiteY5" fmla="*/ 240620 h 253003"/>
                    <a:gd name="connsiteX6" fmla="*/ 75828 w 408782"/>
                    <a:gd name="connsiteY6" fmla="*/ 253003 h 253003"/>
                    <a:gd name="connsiteX7" fmla="*/ 0 w 408782"/>
                    <a:gd name="connsiteY7" fmla="*/ 124132 h 253003"/>
                    <a:gd name="connsiteX8" fmla="*/ 0 w 408782"/>
                    <a:gd name="connsiteY8" fmla="*/ 102808 h 253003"/>
                    <a:gd name="connsiteX0" fmla="*/ 0 w 408782"/>
                    <a:gd name="connsiteY0" fmla="*/ 102808 h 253003"/>
                    <a:gd name="connsiteX1" fmla="*/ 119020 w 408782"/>
                    <a:gd name="connsiteY1" fmla="*/ 6650 h 253003"/>
                    <a:gd name="connsiteX2" fmla="*/ 261905 w 408782"/>
                    <a:gd name="connsiteY2" fmla="*/ 0 h 253003"/>
                    <a:gd name="connsiteX3" fmla="*/ 408782 w 408782"/>
                    <a:gd name="connsiteY3" fmla="*/ 102808 h 253003"/>
                    <a:gd name="connsiteX4" fmla="*/ 408782 w 408782"/>
                    <a:gd name="connsiteY4" fmla="*/ 124132 h 253003"/>
                    <a:gd name="connsiteX5" fmla="*/ 299615 w 408782"/>
                    <a:gd name="connsiteY5" fmla="*/ 240620 h 253003"/>
                    <a:gd name="connsiteX6" fmla="*/ 75828 w 408782"/>
                    <a:gd name="connsiteY6" fmla="*/ 253003 h 253003"/>
                    <a:gd name="connsiteX7" fmla="*/ 0 w 408782"/>
                    <a:gd name="connsiteY7" fmla="*/ 124132 h 253003"/>
                    <a:gd name="connsiteX8" fmla="*/ 0 w 408782"/>
                    <a:gd name="connsiteY8" fmla="*/ 102808 h 253003"/>
                    <a:gd name="connsiteX0" fmla="*/ 0 w 408782"/>
                    <a:gd name="connsiteY0" fmla="*/ 102808 h 253003"/>
                    <a:gd name="connsiteX1" fmla="*/ 119020 w 408782"/>
                    <a:gd name="connsiteY1" fmla="*/ 6650 h 253003"/>
                    <a:gd name="connsiteX2" fmla="*/ 261905 w 408782"/>
                    <a:gd name="connsiteY2" fmla="*/ 0 h 253003"/>
                    <a:gd name="connsiteX3" fmla="*/ 408782 w 408782"/>
                    <a:gd name="connsiteY3" fmla="*/ 102808 h 253003"/>
                    <a:gd name="connsiteX4" fmla="*/ 408782 w 408782"/>
                    <a:gd name="connsiteY4" fmla="*/ 124132 h 253003"/>
                    <a:gd name="connsiteX5" fmla="*/ 299615 w 408782"/>
                    <a:gd name="connsiteY5" fmla="*/ 240620 h 253003"/>
                    <a:gd name="connsiteX6" fmla="*/ 75828 w 408782"/>
                    <a:gd name="connsiteY6" fmla="*/ 253003 h 253003"/>
                    <a:gd name="connsiteX7" fmla="*/ 0 w 408782"/>
                    <a:gd name="connsiteY7" fmla="*/ 124132 h 253003"/>
                    <a:gd name="connsiteX8" fmla="*/ 0 w 408782"/>
                    <a:gd name="connsiteY8" fmla="*/ 102808 h 253003"/>
                    <a:gd name="connsiteX0" fmla="*/ 0 w 408782"/>
                    <a:gd name="connsiteY0" fmla="*/ 102808 h 253003"/>
                    <a:gd name="connsiteX1" fmla="*/ 119020 w 408782"/>
                    <a:gd name="connsiteY1" fmla="*/ 6650 h 253003"/>
                    <a:gd name="connsiteX2" fmla="*/ 261905 w 408782"/>
                    <a:gd name="connsiteY2" fmla="*/ 0 h 253003"/>
                    <a:gd name="connsiteX3" fmla="*/ 408782 w 408782"/>
                    <a:gd name="connsiteY3" fmla="*/ 102808 h 253003"/>
                    <a:gd name="connsiteX4" fmla="*/ 408782 w 408782"/>
                    <a:gd name="connsiteY4" fmla="*/ 124132 h 253003"/>
                    <a:gd name="connsiteX5" fmla="*/ 299615 w 408782"/>
                    <a:gd name="connsiteY5" fmla="*/ 240620 h 253003"/>
                    <a:gd name="connsiteX6" fmla="*/ 75828 w 408782"/>
                    <a:gd name="connsiteY6" fmla="*/ 253003 h 253003"/>
                    <a:gd name="connsiteX7" fmla="*/ 0 w 408782"/>
                    <a:gd name="connsiteY7" fmla="*/ 124132 h 253003"/>
                    <a:gd name="connsiteX8" fmla="*/ 0 w 408782"/>
                    <a:gd name="connsiteY8" fmla="*/ 102808 h 253003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</a:cxnLst>
                  <a:rect l="l" t="t" r="r" b="b"/>
                  <a:pathLst>
                    <a:path w="408782" h="253003">
                      <a:moveTo>
                        <a:pt x="0" y="102808"/>
                      </a:moveTo>
                      <a:cubicBezTo>
                        <a:pt x="4947" y="35981"/>
                        <a:pt x="46913" y="20162"/>
                        <a:pt x="119020" y="6650"/>
                      </a:cubicBezTo>
                      <a:lnTo>
                        <a:pt x="261905" y="0"/>
                      </a:lnTo>
                      <a:cubicBezTo>
                        <a:pt x="337213" y="0"/>
                        <a:pt x="401964" y="34151"/>
                        <a:pt x="408782" y="102808"/>
                      </a:cubicBezTo>
                      <a:lnTo>
                        <a:pt x="408782" y="124132"/>
                      </a:lnTo>
                      <a:cubicBezTo>
                        <a:pt x="408782" y="199440"/>
                        <a:pt x="374923" y="240620"/>
                        <a:pt x="299615" y="240620"/>
                      </a:cubicBezTo>
                      <a:cubicBezTo>
                        <a:pt x="254259" y="240620"/>
                        <a:pt x="121184" y="253003"/>
                        <a:pt x="75828" y="253003"/>
                      </a:cubicBezTo>
                      <a:cubicBezTo>
                        <a:pt x="36064" y="238290"/>
                        <a:pt x="0" y="199440"/>
                        <a:pt x="0" y="124132"/>
                      </a:cubicBezTo>
                      <a:lnTo>
                        <a:pt x="0" y="102808"/>
                      </a:lnTo>
                      <a:close/>
                    </a:path>
                  </a:pathLst>
                </a:custGeom>
                <a:solidFill>
                  <a:srgbClr val="F38412">
                    <a:lumMod val="20000"/>
                    <a:lumOff val="80000"/>
                  </a:srgbClr>
                </a:solidFill>
                <a:ln w="15875" cap="flat" cmpd="sng" algn="ctr">
                  <a:solidFill>
                    <a:srgbClr val="000000"/>
                  </a:solidFill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Futura Bk BT" panose="020B0502020204020303" pitchFamily="34" charset="0"/>
                    <a:ea typeface="+mn-ea"/>
                  </a:endParaRPr>
                </a:p>
              </p:txBody>
            </p:sp>
          </p:grpSp>
        </p:grpSp>
      </p:grpSp>
      <p:sp>
        <p:nvSpPr>
          <p:cNvPr id="301" name="TextBox 24"/>
          <p:cNvSpPr txBox="1"/>
          <p:nvPr/>
        </p:nvSpPr>
        <p:spPr>
          <a:xfrm rot="20247694">
            <a:off x="3047029" y="3975177"/>
            <a:ext cx="107548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tr-TR" sz="1400" b="1" kern="0" dirty="0" smtClean="0">
                <a:solidFill>
                  <a:srgbClr val="000000"/>
                </a:solidFill>
                <a:latin typeface="Futura Bk BT" panose="020B0502020204020303" pitchFamily="34" charset="0"/>
                <a:ea typeface="+mn-ea"/>
                <a:cs typeface="Aharoni" panose="02010803020104030203" pitchFamily="2" charset="-79"/>
              </a:rPr>
              <a:t>Yazma eğitimi</a:t>
            </a:r>
            <a:endParaRPr kumimoji="0" lang="en-US" sz="1400" b="1" i="0" u="none" strike="noStrike" kern="0" cap="none" spc="0" normalizeH="0" baseline="0" noProof="0" dirty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Futura Bk BT" panose="020B0502020204020303" pitchFamily="34" charset="0"/>
              <a:ea typeface="+mn-ea"/>
              <a:cs typeface="Aharoni" panose="02010803020104030203" pitchFamily="2" charset="-79"/>
            </a:endParaRPr>
          </a:p>
        </p:txBody>
      </p:sp>
      <p:pic>
        <p:nvPicPr>
          <p:cNvPr id="302" name="Picture 2" descr="C:\Users\selda.ulutas\Desktop\aircraft.png"/>
          <p:cNvPicPr>
            <a:picLocks noChangeAspect="1" noChangeArrowheads="1"/>
          </p:cNvPicPr>
          <p:nvPr/>
        </p:nvPicPr>
        <p:blipFill>
          <a:blip r:embed="rId3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0363249">
            <a:off x="1017916" y="4056597"/>
            <a:ext cx="1129247" cy="15965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" name="Grup 2"/>
          <p:cNvGrpSpPr/>
          <p:nvPr/>
        </p:nvGrpSpPr>
        <p:grpSpPr>
          <a:xfrm>
            <a:off x="2051720" y="4725144"/>
            <a:ext cx="1964826" cy="1107996"/>
            <a:chOff x="6156176" y="2518934"/>
            <a:chExt cx="1964826" cy="1107996"/>
          </a:xfrm>
        </p:grpSpPr>
        <p:sp>
          <p:nvSpPr>
            <p:cNvPr id="236" name="TextBox 73"/>
            <p:cNvSpPr txBox="1"/>
            <p:nvPr/>
          </p:nvSpPr>
          <p:spPr>
            <a:xfrm flipH="1">
              <a:off x="6156176" y="2518934"/>
              <a:ext cx="1964826" cy="110799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lvl="0" algn="ctr" fontAlgn="auto">
                <a:spcBef>
                  <a:spcPts val="0"/>
                </a:spcBef>
                <a:spcAft>
                  <a:spcPts val="0"/>
                </a:spcAft>
              </a:pPr>
              <a:r>
                <a:rPr lang="tr-TR" sz="1600" dirty="0">
                  <a:latin typeface="Futura Bk BT" panose="020B0502020204020303" pitchFamily="34" charset="0"/>
                </a:rPr>
                <a:t>Proje Ön Değerlendirme Hizmeti Desteği</a:t>
              </a:r>
            </a:p>
            <a:p>
              <a:pPr algn="ctr" fontAlgn="auto">
                <a:spcBef>
                  <a:spcPts val="0"/>
                </a:spcBef>
                <a:spcAft>
                  <a:spcPts val="0"/>
                </a:spcAft>
              </a:pPr>
              <a:endParaRPr lang="en-US" sz="1600" dirty="0">
                <a:solidFill>
                  <a:srgbClr val="000000">
                    <a:lumMod val="65000"/>
                    <a:lumOff val="35000"/>
                  </a:srgbClr>
                </a:solidFill>
                <a:latin typeface="Futura Bk BT" panose="020B0502020204020303" pitchFamily="34" charset="0"/>
                <a:cs typeface="Aharoni" panose="02010803020104030203" pitchFamily="2" charset="-79"/>
              </a:endParaRPr>
            </a:p>
          </p:txBody>
        </p:sp>
        <p:cxnSp>
          <p:nvCxnSpPr>
            <p:cNvPr id="306" name="Straight Connector 112"/>
            <p:cNvCxnSpPr/>
            <p:nvPr/>
          </p:nvCxnSpPr>
          <p:spPr>
            <a:xfrm>
              <a:off x="6594046" y="3311022"/>
              <a:ext cx="1002290" cy="0"/>
            </a:xfrm>
            <a:prstGeom prst="line">
              <a:avLst/>
            </a:prstGeom>
            <a:ln w="12700">
              <a:solidFill>
                <a:schemeClr val="tx1">
                  <a:lumMod val="50000"/>
                  <a:lumOff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307" name="Straight Connector 112"/>
          <p:cNvCxnSpPr/>
          <p:nvPr/>
        </p:nvCxnSpPr>
        <p:spPr>
          <a:xfrm>
            <a:off x="545374" y="3140968"/>
            <a:ext cx="1002290" cy="0"/>
          </a:xfrm>
          <a:prstGeom prst="line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6" name="Grup 5"/>
          <p:cNvGrpSpPr/>
          <p:nvPr/>
        </p:nvGrpSpPr>
        <p:grpSpPr>
          <a:xfrm>
            <a:off x="3779912" y="5088086"/>
            <a:ext cx="2143994" cy="1077218"/>
            <a:chOff x="4444230" y="5013176"/>
            <a:chExt cx="2143994" cy="1077218"/>
          </a:xfrm>
        </p:grpSpPr>
        <p:sp>
          <p:nvSpPr>
            <p:cNvPr id="308" name="TextBox 73"/>
            <p:cNvSpPr txBox="1"/>
            <p:nvPr/>
          </p:nvSpPr>
          <p:spPr>
            <a:xfrm flipH="1">
              <a:off x="4444230" y="5013176"/>
              <a:ext cx="2143994" cy="107721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lvl="0" algn="ctr" fontAlgn="auto">
                <a:spcBef>
                  <a:spcPts val="0"/>
                </a:spcBef>
                <a:spcAft>
                  <a:spcPts val="0"/>
                </a:spcAft>
              </a:pPr>
              <a:r>
                <a:rPr lang="tr-TR" sz="1600" dirty="0" smtClean="0">
                  <a:latin typeface="Futura Bk BT" panose="020B0502020204020303" pitchFamily="34" charset="0"/>
                </a:rPr>
                <a:t>Konsorsiyum kurma amaçlı organizasyon  </a:t>
              </a:r>
              <a:r>
                <a:rPr lang="tr-TR" sz="1600" dirty="0">
                  <a:latin typeface="Futura Bk BT" panose="020B0502020204020303" pitchFamily="34" charset="0"/>
                </a:rPr>
                <a:t>Desteği</a:t>
              </a:r>
            </a:p>
            <a:p>
              <a:pPr algn="ctr" fontAlgn="auto">
                <a:spcBef>
                  <a:spcPts val="0"/>
                </a:spcBef>
                <a:spcAft>
                  <a:spcPts val="0"/>
                </a:spcAft>
              </a:pPr>
              <a:endParaRPr lang="en-US" sz="1600" dirty="0">
                <a:solidFill>
                  <a:srgbClr val="000000">
                    <a:lumMod val="65000"/>
                    <a:lumOff val="35000"/>
                  </a:srgbClr>
                </a:solidFill>
                <a:latin typeface="Futura Bk BT" panose="020B0502020204020303" pitchFamily="34" charset="0"/>
                <a:cs typeface="Aharoni" panose="02010803020104030203" pitchFamily="2" charset="-79"/>
              </a:endParaRPr>
            </a:p>
          </p:txBody>
        </p:sp>
        <p:cxnSp>
          <p:nvCxnSpPr>
            <p:cNvPr id="309" name="Straight Connector 112"/>
            <p:cNvCxnSpPr/>
            <p:nvPr/>
          </p:nvCxnSpPr>
          <p:spPr>
            <a:xfrm>
              <a:off x="5005496" y="5861597"/>
              <a:ext cx="1002290" cy="0"/>
            </a:xfrm>
            <a:prstGeom prst="line">
              <a:avLst/>
            </a:prstGeom>
            <a:ln w="12700">
              <a:solidFill>
                <a:schemeClr val="tx1">
                  <a:lumMod val="50000"/>
                  <a:lumOff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5" name="Grup 4"/>
          <p:cNvGrpSpPr/>
          <p:nvPr/>
        </p:nvGrpSpPr>
        <p:grpSpPr>
          <a:xfrm>
            <a:off x="1419013" y="1409781"/>
            <a:ext cx="1964826" cy="830997"/>
            <a:chOff x="2555776" y="4869160"/>
            <a:chExt cx="1964826" cy="830997"/>
          </a:xfrm>
        </p:grpSpPr>
        <p:sp>
          <p:nvSpPr>
            <p:cNvPr id="83" name="TextBox 73"/>
            <p:cNvSpPr txBox="1"/>
            <p:nvPr/>
          </p:nvSpPr>
          <p:spPr>
            <a:xfrm flipH="1">
              <a:off x="2555776" y="4869160"/>
              <a:ext cx="1964826" cy="8309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lvl="0" algn="ctr" fontAlgn="auto">
                <a:spcBef>
                  <a:spcPts val="0"/>
                </a:spcBef>
                <a:spcAft>
                  <a:spcPts val="0"/>
                </a:spcAft>
              </a:pPr>
              <a:r>
                <a:rPr lang="tr-TR" sz="1600" dirty="0">
                  <a:latin typeface="Futura Bk BT" panose="020B0502020204020303" pitchFamily="34" charset="0"/>
                </a:rPr>
                <a:t>Proje </a:t>
              </a:r>
              <a:r>
                <a:rPr lang="tr-TR" sz="1600" dirty="0" smtClean="0">
                  <a:latin typeface="Futura Bk BT" panose="020B0502020204020303" pitchFamily="34" charset="0"/>
                </a:rPr>
                <a:t>Yardırma Hizmeti </a:t>
              </a:r>
              <a:r>
                <a:rPr lang="tr-TR" sz="1600" dirty="0">
                  <a:latin typeface="Futura Bk BT" panose="020B0502020204020303" pitchFamily="34" charset="0"/>
                </a:rPr>
                <a:t>Desteği</a:t>
              </a:r>
            </a:p>
            <a:p>
              <a:pPr algn="ctr" fontAlgn="auto">
                <a:spcBef>
                  <a:spcPts val="0"/>
                </a:spcBef>
                <a:spcAft>
                  <a:spcPts val="0"/>
                </a:spcAft>
              </a:pPr>
              <a:endParaRPr lang="en-US" sz="1600" dirty="0">
                <a:solidFill>
                  <a:srgbClr val="000000">
                    <a:lumMod val="65000"/>
                    <a:lumOff val="35000"/>
                  </a:srgbClr>
                </a:solidFill>
                <a:latin typeface="Futura Bk BT" panose="020B0502020204020303" pitchFamily="34" charset="0"/>
                <a:cs typeface="Aharoni" panose="02010803020104030203" pitchFamily="2" charset="-79"/>
              </a:endParaRPr>
            </a:p>
          </p:txBody>
        </p:sp>
        <p:cxnSp>
          <p:nvCxnSpPr>
            <p:cNvPr id="84" name="Straight Connector 112"/>
            <p:cNvCxnSpPr/>
            <p:nvPr/>
          </p:nvCxnSpPr>
          <p:spPr>
            <a:xfrm>
              <a:off x="2993646" y="5517232"/>
              <a:ext cx="1002290" cy="0"/>
            </a:xfrm>
            <a:prstGeom prst="line">
              <a:avLst/>
            </a:prstGeom>
            <a:ln w="12700">
              <a:solidFill>
                <a:schemeClr val="tx1">
                  <a:lumMod val="50000"/>
                  <a:lumOff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85" name="Grup 84"/>
          <p:cNvGrpSpPr/>
          <p:nvPr/>
        </p:nvGrpSpPr>
        <p:grpSpPr>
          <a:xfrm>
            <a:off x="2919352" y="6021288"/>
            <a:ext cx="1964826" cy="830997"/>
            <a:chOff x="6156176" y="2692876"/>
            <a:chExt cx="1964826" cy="830997"/>
          </a:xfrm>
        </p:grpSpPr>
        <p:sp>
          <p:nvSpPr>
            <p:cNvPr id="86" name="TextBox 73"/>
            <p:cNvSpPr txBox="1"/>
            <p:nvPr/>
          </p:nvSpPr>
          <p:spPr>
            <a:xfrm flipH="1">
              <a:off x="6156176" y="2692876"/>
              <a:ext cx="1964826" cy="8309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lvl="0" algn="ctr" fontAlgn="auto">
                <a:spcBef>
                  <a:spcPts val="0"/>
                </a:spcBef>
                <a:spcAft>
                  <a:spcPts val="0"/>
                </a:spcAft>
              </a:pPr>
              <a:r>
                <a:rPr lang="tr-TR" sz="1600" dirty="0">
                  <a:latin typeface="Futura Bk BT" panose="020B0502020204020303" pitchFamily="34" charset="0"/>
                </a:rPr>
                <a:t>Proje </a:t>
              </a:r>
              <a:r>
                <a:rPr lang="tr-TR" sz="1600" dirty="0" smtClean="0">
                  <a:latin typeface="Futura Bk BT" panose="020B0502020204020303" pitchFamily="34" charset="0"/>
                </a:rPr>
                <a:t>Yazma-sunma Eğitimi Desteği</a:t>
              </a:r>
              <a:endParaRPr lang="tr-TR" sz="1600" dirty="0">
                <a:latin typeface="Futura Bk BT" panose="020B0502020204020303" pitchFamily="34" charset="0"/>
              </a:endParaRPr>
            </a:p>
            <a:p>
              <a:pPr algn="ctr" fontAlgn="auto">
                <a:spcBef>
                  <a:spcPts val="0"/>
                </a:spcBef>
                <a:spcAft>
                  <a:spcPts val="0"/>
                </a:spcAft>
              </a:pPr>
              <a:endParaRPr lang="en-US" sz="1600" dirty="0">
                <a:solidFill>
                  <a:srgbClr val="000000">
                    <a:lumMod val="65000"/>
                    <a:lumOff val="35000"/>
                  </a:srgbClr>
                </a:solidFill>
                <a:latin typeface="Futura Bk BT" panose="020B0502020204020303" pitchFamily="34" charset="0"/>
                <a:cs typeface="Aharoni" panose="02010803020104030203" pitchFamily="2" charset="-79"/>
              </a:endParaRPr>
            </a:p>
          </p:txBody>
        </p:sp>
        <p:cxnSp>
          <p:nvCxnSpPr>
            <p:cNvPr id="87" name="Straight Connector 112"/>
            <p:cNvCxnSpPr/>
            <p:nvPr/>
          </p:nvCxnSpPr>
          <p:spPr>
            <a:xfrm>
              <a:off x="6594046" y="3311022"/>
              <a:ext cx="1002290" cy="0"/>
            </a:xfrm>
            <a:prstGeom prst="line">
              <a:avLst/>
            </a:prstGeom>
            <a:ln w="12700">
              <a:solidFill>
                <a:schemeClr val="tx1">
                  <a:lumMod val="50000"/>
                  <a:lumOff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88" name="Round Diagonal Corner Rectangle 7454"/>
          <p:cNvSpPr/>
          <p:nvPr>
            <p:custDataLst>
              <p:tags r:id="rId1"/>
            </p:custDataLst>
          </p:nvPr>
        </p:nvSpPr>
        <p:spPr>
          <a:xfrm>
            <a:off x="5431811" y="1177161"/>
            <a:ext cx="3604685" cy="2647023"/>
          </a:xfrm>
          <a:prstGeom prst="round2DiagRect">
            <a:avLst>
              <a:gd name="adj1" fmla="val 100000"/>
              <a:gd name="adj2" fmla="val 0"/>
            </a:avLst>
          </a:prstGeom>
          <a:ln>
            <a:noFill/>
          </a:ln>
          <a:extLst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400" b="1" dirty="0">
              <a:latin typeface="Futura Bk BT" panose="020B0502020204020303" pitchFamily="34" charset="0"/>
            </a:endParaRPr>
          </a:p>
        </p:txBody>
      </p:sp>
      <p:sp>
        <p:nvSpPr>
          <p:cNvPr id="7" name="Dikdörtgen 6"/>
          <p:cNvSpPr/>
          <p:nvPr/>
        </p:nvSpPr>
        <p:spPr>
          <a:xfrm>
            <a:off x="5431722" y="1802139"/>
            <a:ext cx="3712278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tr-TR" b="1" dirty="0">
                <a:latin typeface="Futura Bk BT" panose="020B0502020204020303" pitchFamily="34" charset="0"/>
              </a:rPr>
              <a:t>Bilimsel Mükemmeliyet</a:t>
            </a:r>
          </a:p>
          <a:p>
            <a:pPr algn="ctr"/>
            <a:r>
              <a:rPr lang="tr-TR" b="1" dirty="0">
                <a:latin typeface="Futura Bk BT" panose="020B0502020204020303" pitchFamily="34" charset="0"/>
              </a:rPr>
              <a:t>Toplumsal Sorunlara Çözümler</a:t>
            </a:r>
          </a:p>
          <a:p>
            <a:pPr algn="ctr"/>
            <a:r>
              <a:rPr lang="tr-TR" b="1" dirty="0">
                <a:latin typeface="Futura Bk BT" panose="020B0502020204020303" pitchFamily="34" charset="0"/>
              </a:rPr>
              <a:t>Endüstriyel </a:t>
            </a:r>
            <a:r>
              <a:rPr lang="tr-TR" b="1" dirty="0" smtClean="0">
                <a:latin typeface="Futura Bk BT" panose="020B0502020204020303" pitchFamily="34" charset="0"/>
              </a:rPr>
              <a:t>Liderlik</a:t>
            </a:r>
          </a:p>
          <a:p>
            <a:pPr algn="ctr"/>
            <a:r>
              <a:rPr lang="tr-TR" b="1" dirty="0" smtClean="0">
                <a:latin typeface="Futura Bk BT" panose="020B0502020204020303" pitchFamily="34" charset="0"/>
              </a:rPr>
              <a:t>Diğer Alanlar</a:t>
            </a:r>
            <a:endParaRPr lang="en-US" b="1" dirty="0">
              <a:latin typeface="Futura Bk BT" panose="020B05020202040203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894464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Ulusal Yenilik Sistemimizin Geleceği_2">
  <a:themeElements>
    <a:clrScheme name="Ofis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is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is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 spcFirstLastPara="0" vert="horz" wrap="square" lIns="216354" tIns="189034" rIns="216354" bIns="189034" numCol="1" spcCol="1270" rtlCol="0" anchor="ctr" anchorCtr="0">
        <a:noAutofit/>
      </a:bodyPr>
      <a:lstStyle>
        <a:defPPr algn="ctr" defTabSz="711200">
          <a:lnSpc>
            <a:spcPct val="90000"/>
          </a:lnSpc>
          <a:spcBef>
            <a:spcPct val="0"/>
          </a:spcBef>
          <a:spcAft>
            <a:spcPct val="35000"/>
          </a:spcAft>
          <a:defRPr b="1" u="none" kern="1200" dirty="0" smtClean="0">
            <a:latin typeface="Futura Bk BT" pitchFamily="34" charset="0"/>
          </a:defRPr>
        </a:defPPr>
      </a:lstStyle>
      <a:style>
        <a:lnRef idx="0">
          <a:schemeClr val="accent2"/>
        </a:lnRef>
        <a:fillRef idx="3">
          <a:schemeClr val="accent2"/>
        </a:fillRef>
        <a:effectRef idx="3">
          <a:schemeClr val="accent2"/>
        </a:effectRef>
        <a:fontRef idx="minor">
          <a:schemeClr val="lt1"/>
        </a:fontRef>
      </a:style>
    </a:spDef>
    <a:txDef>
      <a:spPr>
        <a:noFill/>
      </a:spPr>
      <a:bodyPr wrap="square" rtlCol="0">
        <a:spAutoFit/>
      </a:bodyPr>
      <a:lstStyle>
        <a:defPPr>
          <a:defRPr dirty="0">
            <a:latin typeface="Corbel" pitchFamily="34" charset="0"/>
          </a:defRPr>
        </a:defPPr>
      </a:lstStyle>
    </a:txDef>
  </a:objectDefaults>
  <a:extraClrSchemeLst/>
</a:theme>
</file>

<file path=ppt/theme/theme2.xml><?xml version="1.0" encoding="utf-8"?>
<a:theme xmlns:a="http://schemas.openxmlformats.org/drawingml/2006/main" name="Ofis Teması">
  <a:themeElements>
    <a:clrScheme name="Ofis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is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is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Composite</Template>
  <TotalTime>13862</TotalTime>
  <Words>1515</Words>
  <Application>Microsoft Office PowerPoint</Application>
  <PresentationFormat>Ekran Gösterisi (4:3)</PresentationFormat>
  <Paragraphs>356</Paragraphs>
  <Slides>22</Slides>
  <Notes>2</Notes>
  <HiddenSlides>0</HiddenSlides>
  <MMClips>0</MMClips>
  <ScaleCrop>false</ScaleCrop>
  <HeadingPairs>
    <vt:vector size="4" baseType="variant">
      <vt:variant>
        <vt:lpstr>Tema</vt:lpstr>
      </vt:variant>
      <vt:variant>
        <vt:i4>1</vt:i4>
      </vt:variant>
      <vt:variant>
        <vt:lpstr>Slayt Başlıkları</vt:lpstr>
      </vt:variant>
      <vt:variant>
        <vt:i4>22</vt:i4>
      </vt:variant>
    </vt:vector>
  </HeadingPairs>
  <TitlesOfParts>
    <vt:vector size="23" baseType="lpstr">
      <vt:lpstr>Ulusal Yenilik Sistemimizin Geleceği_2</vt:lpstr>
      <vt:lpstr>TÜBİTAK   ULUSLARARASI İŞBİRLİKLERİNE KATILIMI ÖZENDİRMEYE YÖNELİK  DESTEK VE ÖDÜL PROGRAMLARI </vt:lpstr>
      <vt:lpstr>Temel Hedefler</vt:lpstr>
      <vt:lpstr>Destek ve Ödüller</vt:lpstr>
      <vt:lpstr>U2020 Programına Katılımı Desteklemek ve Teşvik Etmek!</vt:lpstr>
      <vt:lpstr>www.h2020.org.tr</vt:lpstr>
      <vt:lpstr>Başvuru Sistemi</vt:lpstr>
      <vt:lpstr>U2020 Seyahat Desteği - 1</vt:lpstr>
      <vt:lpstr>U2020 Seyahat Desteği - 2</vt:lpstr>
      <vt:lpstr>U2020 Koordinatörlüğü Destekleme  Programı – 1</vt:lpstr>
      <vt:lpstr>U2020 Koordinatörlüğü Destekleme  Programı – 2</vt:lpstr>
      <vt:lpstr>U2020 Koordinatörlüğü Destekleme  Programı – 3</vt:lpstr>
      <vt:lpstr>U2020 Koordinatörlüğü Destekleme  Programı – 4 </vt:lpstr>
      <vt:lpstr>PowerPoint Sunusu</vt:lpstr>
      <vt:lpstr>MSCA Ön Değerlendirme Destek Programı </vt:lpstr>
      <vt:lpstr>Uzman Kişi / Kuruluş </vt:lpstr>
      <vt:lpstr> Yükümlülükler</vt:lpstr>
      <vt:lpstr>Başarı Ödülü</vt:lpstr>
      <vt:lpstr>Başarı Ödülü</vt:lpstr>
      <vt:lpstr>ERC Başarı Ödülü</vt:lpstr>
      <vt:lpstr>Eşik Üstü Ödülü</vt:lpstr>
      <vt:lpstr>COST Aksiyonu Teşvik Ödülü</vt:lpstr>
      <vt:lpstr>PowerPoint Sunusu</vt:lpstr>
    </vt:vector>
  </TitlesOfParts>
  <Company>Tubitak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Evidence-Based Decision-Making for STI Policy</dc:title>
  <dc:creator>siir.kilkis</dc:creator>
  <cp:lastModifiedBy>Ebru İmamoğlu</cp:lastModifiedBy>
  <cp:revision>1182</cp:revision>
  <cp:lastPrinted>2014-10-17T15:18:45Z</cp:lastPrinted>
  <dcterms:created xsi:type="dcterms:W3CDTF">2012-10-30T12:31:05Z</dcterms:created>
  <dcterms:modified xsi:type="dcterms:W3CDTF">2015-04-08T06:26:39Z</dcterms:modified>
</cp:coreProperties>
</file>